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801"/>
  <workbookPr/>
  <mc:AlternateContent xmlns:mc="http://schemas.openxmlformats.org/markup-compatibility/2006">
    <mc:Choice Requires="x15">
      <x15ac:absPath xmlns:x15ac="http://schemas.microsoft.com/office/spreadsheetml/2010/11/ac" url="C:\Users\s001672\Desktop\■R2国勢調査関係ファイル\（e-Stat）■R2国勢調査（八代市データ）\"/>
    </mc:Choice>
  </mc:AlternateContent>
  <xr:revisionPtr revIDLastSave="0" documentId="13_ncr:1_{702759C1-7E3F-41B4-B80F-5D78C464E163}" xr6:coauthVersionLast="46" xr6:coauthVersionMax="46" xr10:uidLastSave="{00000000-0000-0000-0000-000000000000}"/>
  <bookViews>
    <workbookView xWindow="-120" yWindow="-120" windowWidth="29040" windowHeight="15840" tabRatio="801" xr2:uid="{00000000-000D-0000-FFFF-FFFF00000000}"/>
  </bookViews>
  <sheets>
    <sheet name="目次" sheetId="2" r:id="rId1"/>
    <sheet name="1-1" sheetId="3" r:id="rId2"/>
    <sheet name="1-2" sheetId="4" r:id="rId3"/>
    <sheet name="2-5" sheetId="5" r:id="rId4"/>
    <sheet name="2-6" sheetId="6" r:id="rId5"/>
    <sheet name="2-7" sheetId="7" r:id="rId6"/>
    <sheet name="2-8" sheetId="8" r:id="rId7"/>
    <sheet name="3-3" sheetId="9" r:id="rId8"/>
    <sheet name="4-3" sheetId="10" r:id="rId9"/>
    <sheet name="4-4" sheetId="11" r:id="rId10"/>
    <sheet name="4-5" sheetId="12" r:id="rId11"/>
    <sheet name="4-6" sheetId="13" r:id="rId12"/>
    <sheet name="6-1" sheetId="14" r:id="rId13"/>
    <sheet name="6-2" sheetId="15" r:id="rId14"/>
    <sheet name="6-3" sheetId="16" r:id="rId15"/>
    <sheet name="6-4" sheetId="17" r:id="rId16"/>
    <sheet name="6-5" sheetId="18" r:id="rId17"/>
    <sheet name="6-6" sheetId="19" r:id="rId18"/>
    <sheet name="7-2-1" sheetId="20" r:id="rId19"/>
    <sheet name="7-2-2" sheetId="21" r:id="rId20"/>
    <sheet name="7-2-3" sheetId="22" r:id="rId21"/>
    <sheet name="8-1" sheetId="23" r:id="rId22"/>
    <sheet name="8-2" sheetId="24" r:id="rId23"/>
    <sheet name="8-3" sheetId="25" r:id="rId24"/>
    <sheet name="9-1" sheetId="26" r:id="rId25"/>
    <sheet name="9-2" sheetId="27" r:id="rId26"/>
    <sheet name="9-3" sheetId="28" r:id="rId27"/>
    <sheet name="9-4" sheetId="29" r:id="rId28"/>
    <sheet name="9-5" sheetId="30" r:id="rId29"/>
    <sheet name="9-6" sheetId="31" r:id="rId30"/>
    <sheet name="10" sheetId="32" r:id="rId31"/>
    <sheet name="12-3" sheetId="33" r:id="rId32"/>
    <sheet name="12-4" sheetId="34" r:id="rId33"/>
    <sheet name="14-2-1" sheetId="35" r:id="rId34"/>
    <sheet name="14-2-2" sheetId="36" r:id="rId35"/>
    <sheet name="14-2-3" sheetId="37" r:id="rId36"/>
    <sheet name="14-2-4" sheetId="38" r:id="rId37"/>
    <sheet name="14-2-5" sheetId="39" r:id="rId38"/>
    <sheet name="15-9" sheetId="40" r:id="rId39"/>
    <sheet name="15-10" sheetId="41" r:id="rId40"/>
    <sheet name="15-11" sheetId="42" r:id="rId41"/>
    <sheet name="15-12" sheetId="43" r:id="rId42"/>
    <sheet name="18-4" sheetId="44" r:id="rId43"/>
    <sheet name="18-5" sheetId="45" r:id="rId44"/>
    <sheet name="18-6" sheetId="46" r:id="rId45"/>
    <sheet name="18-7" sheetId="47" r:id="rId46"/>
    <sheet name="18-8" sheetId="48" r:id="rId47"/>
    <sheet name="18-9" sheetId="49" r:id="rId48"/>
    <sheet name="19-4" sheetId="50" r:id="rId49"/>
    <sheet name="19-5" sheetId="51" r:id="rId50"/>
    <sheet name="19-6" sheetId="52" r:id="rId51"/>
    <sheet name="19-7" sheetId="53" r:id="rId52"/>
    <sheet name="19-8" sheetId="54" r:id="rId53"/>
    <sheet name="19-9" sheetId="55" r:id="rId54"/>
    <sheet name="22-3" sheetId="56" r:id="rId55"/>
    <sheet name="22-4" sheetId="57" r:id="rId56"/>
    <sheet name="24-1-1" sheetId="58" r:id="rId57"/>
    <sheet name="24-1-2" sheetId="59" r:id="rId58"/>
    <sheet name="24-1-3" sheetId="60" r:id="rId59"/>
    <sheet name="24-2-1" sheetId="61" r:id="rId60"/>
    <sheet name="24-2-2" sheetId="62" r:id="rId61"/>
    <sheet name="24-2-3" sheetId="63" r:id="rId62"/>
    <sheet name="26-1" sheetId="64" r:id="rId63"/>
    <sheet name="26-2" sheetId="65" r:id="rId64"/>
    <sheet name="26-3" sheetId="66" r:id="rId65"/>
    <sheet name="27-4" sheetId="67" r:id="rId66"/>
    <sheet name="27-5" sheetId="68" r:id="rId67"/>
    <sheet name="27-6" sheetId="69" r:id="rId68"/>
    <sheet name="27-7" sheetId="70" r:id="rId69"/>
    <sheet name="27-8" sheetId="71" r:id="rId70"/>
    <sheet name="29-5" sheetId="72" r:id="rId71"/>
    <sheet name="29-6" sheetId="73" r:id="rId72"/>
    <sheet name="29-7" sheetId="74" r:id="rId73"/>
    <sheet name="29-8" sheetId="75" r:id="rId74"/>
    <sheet name="30-4" sheetId="76" r:id="rId75"/>
    <sheet name="30-5" sheetId="77" r:id="rId76"/>
    <sheet name="30-6" sheetId="78" r:id="rId77"/>
    <sheet name="31-5" sheetId="79" r:id="rId78"/>
    <sheet name="31-6" sheetId="80" r:id="rId79"/>
    <sheet name="31-7" sheetId="81" r:id="rId80"/>
    <sheet name="31-8" sheetId="82" r:id="rId81"/>
    <sheet name="32" sheetId="83" r:id="rId82"/>
    <sheet name="33-2" sheetId="84" r:id="rId83"/>
    <sheet name="36-1" sheetId="85" r:id="rId84"/>
    <sheet name="36-2" sheetId="86" r:id="rId85"/>
    <sheet name="39-1" sheetId="87" r:id="rId86"/>
    <sheet name="39-2" sheetId="88" r:id="rId87"/>
    <sheet name="44-1" sheetId="89" r:id="rId88"/>
    <sheet name="44-2" sheetId="90" r:id="rId89"/>
  </sheets>
  <definedNames>
    <definedName name="_xlnm._FilterDatabase" localSheetId="30" hidden="1">'10'!$A$10:$AC$34</definedName>
    <definedName name="_xlnm._FilterDatabase" localSheetId="1" hidden="1">'1-1'!$A$15:$Z$24</definedName>
    <definedName name="_xlnm._FilterDatabase" localSheetId="2" hidden="1">'1-2'!$A$15:$W$27</definedName>
    <definedName name="_xlnm._FilterDatabase" localSheetId="31" hidden="1">'12-3'!$A$10:$AF$199</definedName>
    <definedName name="_xlnm._FilterDatabase" localSheetId="32" hidden="1">'12-4'!$A$10:$AF$199</definedName>
    <definedName name="_xlnm._FilterDatabase" localSheetId="33" hidden="1">'14-2-1'!$A$10:$AE$271</definedName>
    <definedName name="_xlnm._FilterDatabase" localSheetId="34" hidden="1">'14-2-2'!$A$10:$AE$244</definedName>
    <definedName name="_xlnm._FilterDatabase" localSheetId="35" hidden="1">'14-2-3'!$A$10:$AE$244</definedName>
    <definedName name="_xlnm._FilterDatabase" localSheetId="36" hidden="1">'14-2-4'!$A$10:$AE$244</definedName>
    <definedName name="_xlnm._FilterDatabase" localSheetId="37" hidden="1">'14-2-5'!$A$10:$AE$244</definedName>
    <definedName name="_xlnm._FilterDatabase" localSheetId="39" hidden="1">'15-10'!$A$10:$K$151</definedName>
    <definedName name="_xlnm._FilterDatabase" localSheetId="40" hidden="1">'15-11'!$A$10:$K$76</definedName>
    <definedName name="_xlnm._FilterDatabase" localSheetId="41" hidden="1">'15-12'!$A$10:$K$76</definedName>
    <definedName name="_xlnm._FilterDatabase" localSheetId="38" hidden="1">'15-9'!$A$10:$K$151</definedName>
    <definedName name="_xlnm._FilterDatabase" localSheetId="42" hidden="1">'18-4'!$A$10:$R$19</definedName>
    <definedName name="_xlnm._FilterDatabase" localSheetId="43" hidden="1">'18-5'!$A$10:$R$19</definedName>
    <definedName name="_xlnm._FilterDatabase" localSheetId="44" hidden="1">'18-6'!$A$10:$R$19</definedName>
    <definedName name="_xlnm._FilterDatabase" localSheetId="45" hidden="1">'18-7'!$A$10:$N$13</definedName>
    <definedName name="_xlnm._FilterDatabase" localSheetId="46" hidden="1">'18-8'!$A$10:$N$13</definedName>
    <definedName name="_xlnm._FilterDatabase" localSheetId="47" hidden="1">'18-9'!$A$10:$N$13</definedName>
    <definedName name="_xlnm._FilterDatabase" localSheetId="48" hidden="1">'19-4'!$A$10:$W$40</definedName>
    <definedName name="_xlnm._FilterDatabase" localSheetId="49" hidden="1">'19-5'!$A$10:$W$40</definedName>
    <definedName name="_xlnm._FilterDatabase" localSheetId="50" hidden="1">'19-6'!$A$10:$W$40</definedName>
    <definedName name="_xlnm._FilterDatabase" localSheetId="51" hidden="1">'19-7'!$A$10:$W$40</definedName>
    <definedName name="_xlnm._FilterDatabase" localSheetId="52" hidden="1">'19-8'!$A$10:$W$40</definedName>
    <definedName name="_xlnm._FilterDatabase" localSheetId="53" hidden="1">'19-9'!$A$10:$W$40</definedName>
    <definedName name="_xlnm._FilterDatabase" localSheetId="54" hidden="1">'22-3'!$A$10:$AC$40</definedName>
    <definedName name="_xlnm._FilterDatabase" localSheetId="55" hidden="1">'22-4'!$A$10:$AC$40</definedName>
    <definedName name="_xlnm._FilterDatabase" localSheetId="56" hidden="1">'24-1-1'!$A$10:$R$250</definedName>
    <definedName name="_xlnm._FilterDatabase" localSheetId="57" hidden="1">'24-1-2'!$A$10:$R$250</definedName>
    <definedName name="_xlnm._FilterDatabase" localSheetId="58" hidden="1">'24-1-3'!$A$10:$R$250</definedName>
    <definedName name="_xlnm._FilterDatabase" localSheetId="59" hidden="1">'24-2-1'!$A$10:$R$250</definedName>
    <definedName name="_xlnm._FilterDatabase" localSheetId="60" hidden="1">'24-2-2'!$A$10:$R$250</definedName>
    <definedName name="_xlnm._FilterDatabase" localSheetId="61" hidden="1">'24-2-3'!$A$10:$R$250</definedName>
    <definedName name="_xlnm._FilterDatabase" localSheetId="3" hidden="1">'2-5'!$A$12:$DQ$66</definedName>
    <definedName name="_xlnm._FilterDatabase" localSheetId="4" hidden="1">'2-6'!$A$12:$DM$30</definedName>
    <definedName name="_xlnm._FilterDatabase" localSheetId="62" hidden="1">'26-1'!$A$10:$M$16</definedName>
    <definedName name="_xlnm._FilterDatabase" localSheetId="63" hidden="1">'26-2'!$A$10:$M$16</definedName>
    <definedName name="_xlnm._FilterDatabase" localSheetId="64" hidden="1">'26-3'!$A$10:$L$13</definedName>
    <definedName name="_xlnm._FilterDatabase" localSheetId="5" hidden="1">'2-7'!$A$12:$AW$66</definedName>
    <definedName name="_xlnm._FilterDatabase" localSheetId="65" hidden="1">'27-4'!$A$10:$AS$28</definedName>
    <definedName name="_xlnm._FilterDatabase" localSheetId="66" hidden="1">'27-5'!$A$10:$AS$28</definedName>
    <definedName name="_xlnm._FilterDatabase" localSheetId="67" hidden="1">'27-6'!$A$10:$AR$13</definedName>
    <definedName name="_xlnm._FilterDatabase" localSheetId="68" hidden="1">'27-7'!$A$10:$AR$13</definedName>
    <definedName name="_xlnm._FilterDatabase" localSheetId="69" hidden="1">'27-8'!$A$10:$AR$13</definedName>
    <definedName name="_xlnm._FilterDatabase" localSheetId="6" hidden="1">'2-8'!$A$12:$AS$30</definedName>
    <definedName name="_xlnm._FilterDatabase" localSheetId="70" hidden="1">'29-5'!$A$10:$O$16</definedName>
    <definedName name="_xlnm._FilterDatabase" localSheetId="71" hidden="1">'29-6'!$A$10:$O$16</definedName>
    <definedName name="_xlnm._FilterDatabase" localSheetId="72" hidden="1">'29-7'!$A$10:$N$13</definedName>
    <definedName name="_xlnm._FilterDatabase" localSheetId="73" hidden="1">'29-8'!$A$10:$O$16</definedName>
    <definedName name="_xlnm._FilterDatabase" localSheetId="74" hidden="1">'30-4'!$A$10:$P$58</definedName>
    <definedName name="_xlnm._FilterDatabase" localSheetId="75" hidden="1">'30-5'!$A$10:$P$58</definedName>
    <definedName name="_xlnm._FilterDatabase" localSheetId="76" hidden="1">'30-6'!$A$10:$P$58</definedName>
    <definedName name="_xlnm._FilterDatabase" localSheetId="77" hidden="1">'31-5'!$A$10:$T$22</definedName>
    <definedName name="_xlnm._FilterDatabase" localSheetId="78" hidden="1">'31-6'!$A$10:$T$22</definedName>
    <definedName name="_xlnm._FilterDatabase" localSheetId="79" hidden="1">'31-7'!$A$10:$S$16</definedName>
    <definedName name="_xlnm._FilterDatabase" localSheetId="80" hidden="1">'31-8'!$A$10:$T$22</definedName>
    <definedName name="_xlnm._FilterDatabase" localSheetId="81" hidden="1">'32'!$A$10:$O$37</definedName>
    <definedName name="_xlnm._FilterDatabase" localSheetId="7" hidden="1">'3-3'!$A$10:$M$532</definedName>
    <definedName name="_xlnm._FilterDatabase" localSheetId="82" hidden="1">'33-2'!$A$10:$J$40</definedName>
    <definedName name="_xlnm._FilterDatabase" localSheetId="83" hidden="1">'36-1'!$A$10:$J$16</definedName>
    <definedName name="_xlnm._FilterDatabase" localSheetId="84" hidden="1">'36-2'!$A$10:$K$16</definedName>
    <definedName name="_xlnm._FilterDatabase" localSheetId="85" hidden="1">'39-1'!$A$10:$J$16</definedName>
    <definedName name="_xlnm._FilterDatabase" localSheetId="86" hidden="1">'39-2'!$A$10:$K$16</definedName>
    <definedName name="_xlnm._FilterDatabase" localSheetId="8" hidden="1">'4-3'!$A$11:$AF$119</definedName>
    <definedName name="_xlnm._FilterDatabase" localSheetId="9" hidden="1">'4-4'!$A$11:$AE$83</definedName>
    <definedName name="_xlnm._FilterDatabase" localSheetId="87" hidden="1">'44-1'!$A$10:$V$19</definedName>
    <definedName name="_xlnm._FilterDatabase" localSheetId="88" hidden="1">'44-2'!$A$11:$V$20</definedName>
    <definedName name="_xlnm._FilterDatabase" localSheetId="10" hidden="1">'4-5'!$A$12:$AF$120</definedName>
    <definedName name="_xlnm._FilterDatabase" localSheetId="11" hidden="1">'4-6'!$A$12:$AE$84</definedName>
    <definedName name="_xlnm._FilterDatabase" localSheetId="12" hidden="1">'6-1'!$A$10:$N$25</definedName>
    <definedName name="_xlnm._FilterDatabase" localSheetId="13" hidden="1">'6-2'!$A$10:$N$25</definedName>
    <definedName name="_xlnm._FilterDatabase" localSheetId="14" hidden="1">'6-3'!$A$10:$S$13</definedName>
    <definedName name="_xlnm._FilterDatabase" localSheetId="15" hidden="1">'6-4'!$A$10:$N$25</definedName>
    <definedName name="_xlnm._FilterDatabase" localSheetId="16" hidden="1">'6-5'!$A$10:$N$25</definedName>
    <definedName name="_xlnm._FilterDatabase" localSheetId="17" hidden="1">'6-6'!$A$10:$S$13</definedName>
    <definedName name="_xlnm._FilterDatabase" localSheetId="18" hidden="1">'7-2-1'!$A$10:$M$478</definedName>
    <definedName name="_xlnm._FilterDatabase" localSheetId="19" hidden="1">'7-2-2'!$A$10:$M$478</definedName>
    <definedName name="_xlnm._FilterDatabase" localSheetId="20" hidden="1">'7-2-3'!$A$10:$M$478</definedName>
    <definedName name="_xlnm._FilterDatabase" localSheetId="21" hidden="1">'8-1'!$A$10:$M$19</definedName>
    <definedName name="_xlnm._FilterDatabase" localSheetId="22" hidden="1">'8-2'!$A$10:$M$19</definedName>
    <definedName name="_xlnm._FilterDatabase" localSheetId="23" hidden="1">'8-3'!$A$10:$M$19</definedName>
    <definedName name="_xlnm._FilterDatabase" localSheetId="24" hidden="1">'9-1'!$A$10:$M$130</definedName>
    <definedName name="_xlnm._FilterDatabase" localSheetId="25" hidden="1">'9-2'!$A$10:$M$130</definedName>
    <definedName name="_xlnm._FilterDatabase" localSheetId="26" hidden="1">'9-3'!$A$10:$L$130</definedName>
    <definedName name="_xlnm._FilterDatabase" localSheetId="27" hidden="1">'9-4'!$A$11:$M$131</definedName>
    <definedName name="_xlnm._FilterDatabase" localSheetId="28" hidden="1">'9-5'!$A$11:$M$131</definedName>
    <definedName name="_xlnm._FilterDatabase" localSheetId="29" hidden="1">'9-6'!$A$11:$L$131</definedName>
    <definedName name="_xlnm.Print_Titles" localSheetId="0">目次!$1:$6</definedName>
  </definedNames>
  <calcPr calcId="191029" refMode="R1C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8291" uniqueCount="810">
  <si>
    <t>1-1</t>
    <phoneticPr fontId="1"/>
  </si>
  <si>
    <t>男女別人口，世帯の種類別世帯数及び世帯人員並びに2015年（平成27年）の人口（組替），2015年（平成27年）の世帯数（組替），5年間の人口増減数，5年間の人口増減率，5年間の世帯増減数，5年間の世帯増減率，人口性比，面積（参考）及び人口密度－全国，都道府県，市区町村（2000年（平成12年）市区町村含む）</t>
    <phoneticPr fontId="1"/>
  </si>
  <si>
    <t>表番号</t>
    <rPh sb="0" eb="3">
      <t>ヒョウバンゴウ</t>
    </rPh>
    <phoneticPr fontId="1"/>
  </si>
  <si>
    <t>統計表</t>
    <rPh sb="0" eb="3">
      <t>トウケイヒョウ</t>
    </rPh>
    <phoneticPr fontId="1"/>
  </si>
  <si>
    <t>総人口・総世帯数・男女・年齢・配偶関係</t>
    <phoneticPr fontId="1"/>
  </si>
  <si>
    <t>1-2</t>
    <phoneticPr fontId="1"/>
  </si>
  <si>
    <t>2-5</t>
    <phoneticPr fontId="1"/>
  </si>
  <si>
    <t>男女，年齢（各歳），国籍総数か日本人別人口，平均年齢及び年齢中位数－全国，都道府県，市区町村（2000年（平成12年）市区町村含む）</t>
    <phoneticPr fontId="1"/>
  </si>
  <si>
    <t>2-6</t>
    <phoneticPr fontId="1"/>
  </si>
  <si>
    <t>男女，年齢（各歳），国籍総数か日本人別人口，平均年齢及び年齢中位数－全国，都道府県，市区町村（人口集中地区）</t>
    <phoneticPr fontId="1"/>
  </si>
  <si>
    <t>2-7</t>
    <phoneticPr fontId="1"/>
  </si>
  <si>
    <t>男女，年齢（5歳階級及び3区分），国籍総数か日本人別人口，平均年齢，年齢中位数及び人口構成比［年齢別］－全国，都道府県，市区町村（2000年（平成12年）市区町村含む）</t>
    <phoneticPr fontId="1"/>
  </si>
  <si>
    <t>2-8</t>
    <phoneticPr fontId="1"/>
  </si>
  <si>
    <t>男女，年齢（5歳階級及び3区分），国籍総数か日本人別人口，平均年齢，年齢中位数及び人口構成比［年齢別］－全国，都道府県，市区町村（人口集中地区）</t>
    <phoneticPr fontId="1"/>
  </si>
  <si>
    <t>3-3</t>
    <phoneticPr fontId="1"/>
  </si>
  <si>
    <t>男女，年齢（5歳階級），出生の月，国籍総数か日本人別人口－全国，都道府県，市区町村</t>
    <phoneticPr fontId="1"/>
  </si>
  <si>
    <t>4-3</t>
    <phoneticPr fontId="1"/>
  </si>
  <si>
    <t>男女，年齢（5歳階級），配偶関係，国籍総数か日本人別人口及び平均年齢（15歳以上）－全国，都道府県，市区町村</t>
    <phoneticPr fontId="1"/>
  </si>
  <si>
    <t>4-4</t>
    <phoneticPr fontId="1"/>
  </si>
  <si>
    <t>男女，年齢（5歳階級），配偶関係，国籍総数か日本人別人口構成比［配偶関係別］（15歳以上）－全国，都道府県，市区町村</t>
    <phoneticPr fontId="1"/>
  </si>
  <si>
    <t>4-5</t>
    <phoneticPr fontId="1"/>
  </si>
  <si>
    <t>男女，年齢（5歳階級），配偶関係，国籍総数か日本人別人口及び平均年齢（15歳以上）－全国，都道府県，市区町村（人口集中地区）</t>
    <phoneticPr fontId="1"/>
  </si>
  <si>
    <t>4-6</t>
    <phoneticPr fontId="1"/>
  </si>
  <si>
    <t>6-1</t>
    <phoneticPr fontId="1"/>
  </si>
  <si>
    <t>6-2</t>
    <phoneticPr fontId="1"/>
  </si>
  <si>
    <t>世帯の種類・施設等の世帯の種類，世帯人員の人数別世帯人員－全国，都道府県，市区町村</t>
    <phoneticPr fontId="1"/>
  </si>
  <si>
    <t>6-3</t>
    <phoneticPr fontId="1"/>
  </si>
  <si>
    <t>6-4</t>
    <phoneticPr fontId="1"/>
  </si>
  <si>
    <t>世帯の種類・施設等の世帯の種類，世帯人員の人数別世帯数－全国，都道府県，市区町村（人口集中地区）</t>
    <phoneticPr fontId="1"/>
  </si>
  <si>
    <t>6-5</t>
    <phoneticPr fontId="1"/>
  </si>
  <si>
    <t>6-6</t>
    <phoneticPr fontId="1"/>
  </si>
  <si>
    <t>7-2-1</t>
    <phoneticPr fontId="1"/>
  </si>
  <si>
    <t>7-2-2</t>
    <phoneticPr fontId="1"/>
  </si>
  <si>
    <t>7-2-3</t>
    <phoneticPr fontId="1"/>
  </si>
  <si>
    <t>　女</t>
    <rPh sb="1" eb="2">
      <t>オンナ</t>
    </rPh>
    <phoneticPr fontId="1"/>
  </si>
  <si>
    <t>　男</t>
    <phoneticPr fontId="1"/>
  </si>
  <si>
    <t>　総数（男女）</t>
    <phoneticPr fontId="1"/>
  </si>
  <si>
    <t>男女，年齢（5歳階級），配偶関係，世帯の種類別世帯人員－全国，都道府県，市区町村</t>
    <phoneticPr fontId="1"/>
  </si>
  <si>
    <t>世帯人員の人数別一般世帯数，会社などの独身寮の単身者数，間借り・下宿などの単身者数，一般世帯人員及び一般世帯の1世帯当たり人員－全国，都道府県，市区町村（人口集中地区）</t>
    <phoneticPr fontId="1"/>
  </si>
  <si>
    <t>男女別人口，世帯の種類別世帯数及び世帯人員並びに2015年（平成27年）の人口（組替），2015年（平成27年）の世帯数（組替），5年間の人口増減数，5年間の人口増減率，5年間の世帯増減数，5年間の世帯増減率，人口性比，面積（参考）及び人口密度－全国，都道府県，市区町村（人口集中地区）</t>
    <phoneticPr fontId="1"/>
  </si>
  <si>
    <t>男女，年齢（5歳階級），配偶関係，国籍総数か日本人別人口構成比［配偶関係別］（15歳以上）－全国，都道府県，市区町村（人口集中地区）</t>
    <phoneticPr fontId="1"/>
  </si>
  <si>
    <t>世帯の種類・施設等の世帯の種類，世帯人員の人数別世帯数－全国，都道府県，市区町村</t>
    <phoneticPr fontId="1"/>
  </si>
  <si>
    <t>世帯人員の人数別一般世帯数，会社などの独身寮の単身者数，間借り・下宿などの単身者数，一般世帯人員及び一般世帯の1世帯当たり人員－全国，都道府県，市区町村</t>
    <phoneticPr fontId="1"/>
  </si>
  <si>
    <t>世帯の種類・施設等の世帯の種類，世帯人員の人数別世帯人員－全国，都道府県，市区町村（人口集中地区）</t>
    <phoneticPr fontId="1"/>
  </si>
  <si>
    <t>8-1</t>
    <phoneticPr fontId="1"/>
  </si>
  <si>
    <t>世帯員の年齢による世帯の種類，世帯人員の人数別一般世帯数－全国，都道府県，市区町村</t>
    <phoneticPr fontId="1"/>
  </si>
  <si>
    <t>8-2</t>
    <phoneticPr fontId="1"/>
  </si>
  <si>
    <t>世帯員の年齢による世帯の種類，世帯人員の人数別一般世帯人員－全国，都道府県，市区町村</t>
    <phoneticPr fontId="1"/>
  </si>
  <si>
    <t>8-3</t>
    <phoneticPr fontId="1"/>
  </si>
  <si>
    <t>世帯員の年齢，世帯人員の人数別一般世帯人員－全国，都道府県，市区町村</t>
    <phoneticPr fontId="1"/>
  </si>
  <si>
    <t>9-1</t>
    <phoneticPr fontId="1"/>
  </si>
  <si>
    <t>世帯の家族類型，世帯員の年齢による世帯の種類別一般世帯数及び3世代世帯数－全国，都道府県，市区町村</t>
    <phoneticPr fontId="1"/>
  </si>
  <si>
    <t>9-2</t>
    <phoneticPr fontId="1"/>
  </si>
  <si>
    <t>世帯の家族類型，世帯員の年齢による世帯の種類別一般世帯人員及び3世代世帯人員－全国，都道府県，市区町村</t>
    <phoneticPr fontId="1"/>
  </si>
  <si>
    <t>9-3</t>
    <phoneticPr fontId="1"/>
  </si>
  <si>
    <t>世帯員の年齢，世帯の家族類型別一般世帯人員－全国，都道府県，市区町村</t>
    <phoneticPr fontId="1"/>
  </si>
  <si>
    <t>9-4</t>
    <phoneticPr fontId="1"/>
  </si>
  <si>
    <t>世帯の家族類型，世帯員の年齢による世帯の種類別一般世帯数及び3世代世帯数－全国，都道府県，市区町村（人口集中地区）</t>
    <phoneticPr fontId="1"/>
  </si>
  <si>
    <t>9-5</t>
    <phoneticPr fontId="1"/>
  </si>
  <si>
    <t>世帯の家族類型，世帯員の年齢による世帯の種類別一般世帯人員及び3世代世帯人員－全国，都道府県，市区町村（人口集中地区）</t>
    <phoneticPr fontId="1"/>
  </si>
  <si>
    <t>9-6</t>
    <phoneticPr fontId="1"/>
  </si>
  <si>
    <t>世帯員の年齢，世帯の家族類型別一般世帯人員－全国，都道府県，市区町村（人口集中地区）</t>
    <phoneticPr fontId="1"/>
  </si>
  <si>
    <t>10</t>
    <phoneticPr fontId="1"/>
  </si>
  <si>
    <t>世帯の家族類型，世帯人員の人数別一般世帯数－全国，都道府県，市区町村</t>
    <phoneticPr fontId="1"/>
  </si>
  <si>
    <t>12-3</t>
    <phoneticPr fontId="1"/>
  </si>
  <si>
    <t>世帯主の男女，世帯主の年齢（5歳階級），世帯の家族類型別一般世帯数－全国，都道府県，市区町村</t>
    <phoneticPr fontId="1"/>
  </si>
  <si>
    <t>12-4</t>
    <phoneticPr fontId="1"/>
  </si>
  <si>
    <t>世帯主の男女，世帯主の年齢（5歳階級），世帯の家族類型別一般世帯人員－全国，都道府県，市区町村</t>
    <phoneticPr fontId="1"/>
  </si>
  <si>
    <t>男女，年齢（5歳階級），配偶関係，世帯の家族類型別一般世帯人員－全国，都道府県，市区町村</t>
    <phoneticPr fontId="1"/>
  </si>
  <si>
    <t>14-2</t>
    <phoneticPr fontId="1"/>
  </si>
  <si>
    <t>7-2</t>
    <phoneticPr fontId="1"/>
  </si>
  <si>
    <t>　総数（配偶関係）</t>
    <phoneticPr fontId="1"/>
  </si>
  <si>
    <t>14-2-1</t>
    <phoneticPr fontId="1"/>
  </si>
  <si>
    <t>14-2-2</t>
    <phoneticPr fontId="1"/>
  </si>
  <si>
    <t>14-2-3</t>
    <phoneticPr fontId="1"/>
  </si>
  <si>
    <t>14-2-4</t>
    <phoneticPr fontId="1"/>
  </si>
  <si>
    <t>14-2-5</t>
    <phoneticPr fontId="1"/>
  </si>
  <si>
    <t>　未婚</t>
    <phoneticPr fontId="1"/>
  </si>
  <si>
    <t>　有配偶</t>
    <phoneticPr fontId="1"/>
  </si>
  <si>
    <t>　死別・離別</t>
    <phoneticPr fontId="1"/>
  </si>
  <si>
    <t>　配偶関係「不詳」</t>
    <phoneticPr fontId="1"/>
  </si>
  <si>
    <t>夫婦及び子供に係る世帯の状態</t>
    <phoneticPr fontId="1"/>
  </si>
  <si>
    <t>15-9</t>
    <phoneticPr fontId="1"/>
  </si>
  <si>
    <t>夫婦のいる世帯の家族類型，子供の有無・数，最年少の子供の年齢別一般世帯数（夫婦のいる一般世帯）－全国，都道府県，市区町村</t>
    <phoneticPr fontId="1"/>
  </si>
  <si>
    <t>15-10</t>
    <phoneticPr fontId="1"/>
  </si>
  <si>
    <t>夫婦のいる世帯の家族類型，子供の有無・数，最年少の子供の年齢別一般世帯人員（夫婦のいる一般世帯）－全国，都道府県，市区町村</t>
    <phoneticPr fontId="1"/>
  </si>
  <si>
    <t>15-11</t>
    <phoneticPr fontId="1"/>
  </si>
  <si>
    <t>夫婦のいる世帯の家族類型，子供の有無，最年少の子供の年齢（各歳）別一般世帯数（夫婦のいる一般世帯）－全国，都道府県，市区町村</t>
    <phoneticPr fontId="1"/>
  </si>
  <si>
    <t>15-12</t>
    <phoneticPr fontId="1"/>
  </si>
  <si>
    <t>夫婦のいる世帯の家族類型，子供の有無，最年少の子供の年齢（各歳）別一般世帯人員（夫婦のいる一般世帯）－全国，都道府県，市区町村</t>
    <phoneticPr fontId="1"/>
  </si>
  <si>
    <t>住宅の所有関係・住宅の建て方</t>
    <phoneticPr fontId="1"/>
  </si>
  <si>
    <t>世帯の種類・世帯人員・世帯の家族類型</t>
    <phoneticPr fontId="1"/>
  </si>
  <si>
    <t>18-4</t>
    <phoneticPr fontId="1"/>
  </si>
  <si>
    <t>住宅の所有の関係別一般世帯数－全国，都道府県，市区町村（2000年（平成12年）市区町村含む）</t>
    <phoneticPr fontId="1"/>
  </si>
  <si>
    <t>18-5</t>
    <phoneticPr fontId="1"/>
  </si>
  <si>
    <t>住宅の所有の関係別一般世帯人員－全国，都道府県，市区町村（2000年（平成12年）市区町村含む）</t>
    <phoneticPr fontId="1"/>
  </si>
  <si>
    <t>18-6</t>
    <phoneticPr fontId="1"/>
  </si>
  <si>
    <t>18-7</t>
    <phoneticPr fontId="1"/>
  </si>
  <si>
    <t>住宅の所有の関係別一般世帯数－全国，都道府県，市区町村（人口集中地区）</t>
    <phoneticPr fontId="1"/>
  </si>
  <si>
    <t>18-8</t>
    <phoneticPr fontId="1"/>
  </si>
  <si>
    <t>18-9</t>
    <phoneticPr fontId="1"/>
  </si>
  <si>
    <t>住宅の所有の関係別一般世帯の1世帯当たり人員－全国，都道府県，市区町村（人口集中地区）</t>
    <phoneticPr fontId="1"/>
  </si>
  <si>
    <t>住宅の所有の関係別一般世帯の1世帯当たり人員－全国，都道府県，市区町村（2000年（平成12年）市区町村含む）</t>
    <phoneticPr fontId="1"/>
  </si>
  <si>
    <t>住宅の所有の関係別一般世帯人員－全国，都道府県，市区町村（人口集中地区）</t>
    <phoneticPr fontId="1"/>
  </si>
  <si>
    <t>人口等基本集計（主な内容：男女・年齢・配偶関係，世帯の構成，住居の状態，母子・父子世帯，国籍など）</t>
    <phoneticPr fontId="1"/>
  </si>
  <si>
    <t>19-4</t>
    <phoneticPr fontId="1"/>
  </si>
  <si>
    <t>住宅の所有の関係，住宅の建て方・世帯が住んでいる階別一般世帯数－全国，都道府県，市区町村</t>
    <phoneticPr fontId="1"/>
  </si>
  <si>
    <t>19-5</t>
    <phoneticPr fontId="1"/>
  </si>
  <si>
    <t>住宅の所有の関係，住宅の建て方・世帯が住んでいる階別一般世帯人員－全国，都道府県，市区町村</t>
    <phoneticPr fontId="1"/>
  </si>
  <si>
    <t>19-6</t>
    <phoneticPr fontId="1"/>
  </si>
  <si>
    <t>住宅の所有の関係，住宅の建て方・世帯が住んでいる階別一般世帯の1世帯当たり人員－全国，都道府県，市区町村</t>
    <phoneticPr fontId="1"/>
  </si>
  <si>
    <t>19-7</t>
    <phoneticPr fontId="1"/>
  </si>
  <si>
    <t>住宅の所有の関係，住宅の建て方・世帯が住んでいる階別一般世帯数－全国，都道府県，市区町村（人口集中地区）</t>
    <phoneticPr fontId="1"/>
  </si>
  <si>
    <t>19-8</t>
    <phoneticPr fontId="1"/>
  </si>
  <si>
    <t>住宅の所有の関係，住宅の建て方・世帯が住んでいる階別一般世帯人員－全国，都道府県，市区町村（人口集中地区）</t>
    <phoneticPr fontId="1"/>
  </si>
  <si>
    <t>19-9</t>
    <phoneticPr fontId="1"/>
  </si>
  <si>
    <t>住宅の所有の関係，住宅の建て方・世帯が住んでいる階別一般世帯の1世帯当たり人員－全国，都道府県，市区町村（人口集中地区）</t>
    <phoneticPr fontId="1"/>
  </si>
  <si>
    <t>22-3</t>
    <phoneticPr fontId="1"/>
  </si>
  <si>
    <t>世帯の家族類型，住宅の所有の関係別一般世帯数－全国，都道府県，市区町村</t>
    <phoneticPr fontId="1"/>
  </si>
  <si>
    <t>22-4</t>
    <phoneticPr fontId="1"/>
  </si>
  <si>
    <t>世帯の家族類型，住宅の所有の関係別一般世帯人員－全国，都道府県，市区町村</t>
    <phoneticPr fontId="1"/>
  </si>
  <si>
    <t>24-1</t>
    <phoneticPr fontId="1"/>
  </si>
  <si>
    <t xml:space="preserve">世帯主の男女，世帯主の年齢（3区分），世帯の家族類型，住宅の所有の関係別一般世帯数－全国，都道府県，市区町村 </t>
    <phoneticPr fontId="1"/>
  </si>
  <si>
    <t>　総数（世帯主の男女）</t>
    <phoneticPr fontId="1"/>
  </si>
  <si>
    <t>24-1-1</t>
    <phoneticPr fontId="1"/>
  </si>
  <si>
    <t>24-1-2</t>
    <phoneticPr fontId="1"/>
  </si>
  <si>
    <t>24-1-3</t>
    <phoneticPr fontId="1"/>
  </si>
  <si>
    <t>　男（世帯主）</t>
    <phoneticPr fontId="1"/>
  </si>
  <si>
    <t>　女（世帯主）</t>
    <rPh sb="1" eb="2">
      <t>オンナ</t>
    </rPh>
    <phoneticPr fontId="1"/>
  </si>
  <si>
    <t>世帯主の男女，世帯主の年齢（3区分），世帯の家族類型，住宅の所有の関係別一般世帯人員－全国，都道府県，市区町村</t>
    <phoneticPr fontId="1"/>
  </si>
  <si>
    <t>24-2</t>
    <phoneticPr fontId="1"/>
  </si>
  <si>
    <t>24-2-1</t>
    <phoneticPr fontId="1"/>
  </si>
  <si>
    <t>24-2-2</t>
    <phoneticPr fontId="1"/>
  </si>
  <si>
    <t>24-2-3</t>
    <phoneticPr fontId="1"/>
  </si>
  <si>
    <t>65歳以上世帯員に係る世帯の状態</t>
    <phoneticPr fontId="1"/>
  </si>
  <si>
    <t>26-1</t>
    <phoneticPr fontId="1"/>
  </si>
  <si>
    <t>65歳以上世帯員の有無による世帯の類型，世帯人員の人数別一般世帯数－全国，都道府県，市区町村</t>
    <phoneticPr fontId="1"/>
  </si>
  <si>
    <t>26-2</t>
    <phoneticPr fontId="1"/>
  </si>
  <si>
    <t>65歳以上世帯員の有無による世帯の類型，世帯人員の人数別一般世帯人員－全国，都道府県，市区町村</t>
    <phoneticPr fontId="1"/>
  </si>
  <si>
    <t>26-3</t>
    <phoneticPr fontId="1"/>
  </si>
  <si>
    <t>世帯人員の人数別65歳以上一般世帯人員－全国，都道府県，市区町村</t>
    <phoneticPr fontId="1"/>
  </si>
  <si>
    <t>27-4</t>
    <phoneticPr fontId="1"/>
  </si>
  <si>
    <t>世帯の家族類型，65歳以上世帯員の有無による世帯の類型別一般世帯数－全国，都道府県，市区町村</t>
    <phoneticPr fontId="1"/>
  </si>
  <si>
    <t>27-5</t>
    <phoneticPr fontId="1"/>
  </si>
  <si>
    <t>世帯の家族類型，65歳以上世帯員の有無による世帯の類型別一般世帯人員－全国，都道府県，市区町村</t>
    <phoneticPr fontId="1"/>
  </si>
  <si>
    <t>27-6</t>
    <phoneticPr fontId="1"/>
  </si>
  <si>
    <t>世帯の家族類型別65歳以上一般世帯人員－全国，都道府県，市区町村</t>
    <phoneticPr fontId="1"/>
  </si>
  <si>
    <t>27-7</t>
    <phoneticPr fontId="1"/>
  </si>
  <si>
    <t>世帯の家族類型別75歳以上一般世帯人員－全国，都道府県，市区町村</t>
    <phoneticPr fontId="1"/>
  </si>
  <si>
    <t>27-8</t>
    <phoneticPr fontId="1"/>
  </si>
  <si>
    <t>世帯の家族類型別85歳以上一般世帯人員－全国，都道府県，市区町村</t>
    <phoneticPr fontId="1"/>
  </si>
  <si>
    <t>29-5</t>
    <phoneticPr fontId="1"/>
  </si>
  <si>
    <t>65歳以上世帯員の有無による世帯の類型，住宅の所有の関係別一般世帯数－全国，都道府県，市区町村</t>
    <phoneticPr fontId="1"/>
  </si>
  <si>
    <t>29-6</t>
    <phoneticPr fontId="1"/>
  </si>
  <si>
    <t>65歳以上世帯員の有無による世帯の類型，住宅の所有の関係別一般世帯人員－全国，都道府県，市区町村</t>
    <phoneticPr fontId="1"/>
  </si>
  <si>
    <t>29-7</t>
    <phoneticPr fontId="1"/>
  </si>
  <si>
    <t>住宅の所有の関係別65歳以上一般世帯人員－全国，都道府県，市区町村</t>
    <phoneticPr fontId="1"/>
  </si>
  <si>
    <t>29-8</t>
    <phoneticPr fontId="1"/>
  </si>
  <si>
    <t>65歳以上世帯員の有無による世帯の類型，住宅の所有の関係別一般世帯の1世帯当たり人員－全国，都道府県，市区町村</t>
    <phoneticPr fontId="1"/>
  </si>
  <si>
    <t>30-4</t>
    <phoneticPr fontId="1"/>
  </si>
  <si>
    <t>65歳以上世帯員の有無による世帯の類型，世帯人員の人数，住宅の所有の関係別一般世帯数－全国，都道府県，市区町村</t>
    <phoneticPr fontId="1"/>
  </si>
  <si>
    <t>30-5</t>
    <phoneticPr fontId="1"/>
  </si>
  <si>
    <t>65歳以上世帯員の有無による世帯の類型，世帯人員の人数，住宅の所有の関係別一般世帯人員－全国，都道府県，市区町村</t>
    <phoneticPr fontId="1"/>
  </si>
  <si>
    <t>30-6</t>
    <phoneticPr fontId="1"/>
  </si>
  <si>
    <t>65歳以上世帯員の有無による世帯の類型，世帯人員の人数，住宅の所有の関係別一般世帯の1世帯当たり人員－全国，都道府県，市区町村</t>
    <phoneticPr fontId="1"/>
  </si>
  <si>
    <t>31-5</t>
    <phoneticPr fontId="1"/>
  </si>
  <si>
    <t>65歳以上世帯員の有無による世帯の類型，住宅の所有の関係，住宅の建て方・世帯が住んでいる階別一般世帯数－全国，都道府県，市区町村</t>
    <phoneticPr fontId="1"/>
  </si>
  <si>
    <t>31-6</t>
    <phoneticPr fontId="1"/>
  </si>
  <si>
    <t>65歳以上世帯員の有無による世帯の類型，住宅の所有の関係，住宅の建て方・世帯が住んでいる階別一般世帯人員－全国，都道府県，市区町村</t>
    <phoneticPr fontId="1"/>
  </si>
  <si>
    <t>31-7</t>
    <phoneticPr fontId="1"/>
  </si>
  <si>
    <t>住宅の所有の関係，住宅の建て方・世帯が住んでいる階別65歳以上一般世帯人員－全国，都道府県，市区町村</t>
    <phoneticPr fontId="1"/>
  </si>
  <si>
    <t>31-8</t>
    <phoneticPr fontId="1"/>
  </si>
  <si>
    <t>65歳以上世帯員の有無による世帯の類型，住宅の所有の関係，住宅の建て方・世帯が住んでいる階別一般世帯の1世帯当たり人員－全国，都道府県，市区町村</t>
    <phoneticPr fontId="1"/>
  </si>
  <si>
    <t>32</t>
    <phoneticPr fontId="1"/>
  </si>
  <si>
    <t>夫の年齢（5歳階級），妻の年齢（5歳階級）別夫婦のみの世帯数（一般世帯）－全国，都道府県，市区町村</t>
    <phoneticPr fontId="1"/>
  </si>
  <si>
    <t>33-2</t>
    <phoneticPr fontId="1"/>
  </si>
  <si>
    <t>夫婦のいる世帯の家族類型，住宅の所有の関係別夫婦のみの世帯数（一般世帯）－全国，都道府県，市区町村</t>
    <phoneticPr fontId="1"/>
  </si>
  <si>
    <t>母子世帯・父子世帯</t>
    <phoneticPr fontId="1"/>
  </si>
  <si>
    <t>36-1</t>
    <phoneticPr fontId="1"/>
  </si>
  <si>
    <t>母子・父子世帯の種類，子供の数・年齢別一般世帯数（母子世帯）－全国，都道府県，市区町村</t>
    <phoneticPr fontId="1"/>
  </si>
  <si>
    <t>36-2</t>
    <phoneticPr fontId="1"/>
  </si>
  <si>
    <t>母子・父子世帯の種類，子供の数・年齢別一般世帯人員及び1世帯当たり子供の数（母子世帯）－全国，都道府県，市区町村</t>
    <phoneticPr fontId="1"/>
  </si>
  <si>
    <t>39-1</t>
    <phoneticPr fontId="1"/>
  </si>
  <si>
    <t>母子・父子世帯の種類，子供の数・年齢別一般世帯数（父子世帯）－全国，都道府県，市区町村</t>
    <phoneticPr fontId="1"/>
  </si>
  <si>
    <t>39-2</t>
    <phoneticPr fontId="1"/>
  </si>
  <si>
    <t>母子・父子世帯の種類，子供の数・年齢別一般世帯人員及び1世帯当たり子供の数（父子世帯）－全国，都道府県，市区町村</t>
    <phoneticPr fontId="1"/>
  </si>
  <si>
    <t xml:space="preserve">外国人 </t>
    <phoneticPr fontId="1"/>
  </si>
  <si>
    <t>44-1</t>
    <phoneticPr fontId="1"/>
  </si>
  <si>
    <t>男女，国籍別人口－全国，都道府県，市区町村</t>
    <phoneticPr fontId="1"/>
  </si>
  <si>
    <t>44-2</t>
    <phoneticPr fontId="1"/>
  </si>
  <si>
    <t>男女，国籍別人口－全国，都道府県，市区町村（人口集中地区）</t>
    <phoneticPr fontId="1"/>
  </si>
  <si>
    <t>令和２年国勢調査（八代市データ）</t>
    <rPh sb="9" eb="12">
      <t>ヤツシロシ</t>
    </rPh>
    <phoneticPr fontId="1"/>
  </si>
  <si>
    <t>令和２年国勢調査　人口等基本集計</t>
  </si>
  <si>
    <t>第１－１表　男女別人口，世帯の種類別世帯数及び世帯人員並びに2015年（平成27年）の人口（組替），2015年（平成27年）の世帯数（組替），5年間の人口増減数，5年間の人口増減率，5年間の世帯増減数，5年間の世帯増減率，人口性比，面積（参考）及び人口密度－全国，都道府県，市区町村（2000年（平成12年）市区町村含む）</t>
  </si>
  <si>
    <t>1) 「2015年（平成27年）の人口（組替）」及び「2015年（平成27年）の世帯数（組替）」は， 令和２年10月１日現在の市区町村の境域に基づいて組み替えた平成27年の人口及び世帯数を示す。</t>
  </si>
  <si>
    <t>2) 「5年間の人口増減数（率）」及び「5年間の世帯増減数（率）」については，それぞれ「2015年（平成27年）の人口（組替）」及び「2015年（平成27年）の世帯数（組替）」と比較したもの。</t>
  </si>
  <si>
    <t>3) 「人口性比」とは，女性100人に対する男性の数を示す。</t>
  </si>
  <si>
    <t>4) 地域名において，「旧：○○○」と表記されている項目は「2000年（平成12年）市区町村」を示す。「2000年（平成12年）市区町村」については，令和２年10月１日現在の市区町村の境域に基づいて平成12年10月１日時点の市区町村に組み替えた，令和２年10月１日現在の結果数値を表章している。</t>
  </si>
  <si>
    <t>5) 「面積（参考）」については，国土交通省国土地理院「令和２年全国都道府県市区町村別面積調（10月１日時点）」による。ただし，「2000年（平成12年）市区町村」については「平成12年全国都道府県市区町村別面積調」による。また，平成12年の境界未定地域の面積については，総務省統計局において面積を算出している。（面積に関する主な留意事項は「令和２年国勢調査　面積及び人口密度に関する留意事項」を参照）</t>
  </si>
  <si>
    <t>6) 「人口密度」については，国勢調査施行規則第１条に基づいて調査対象外とした地域の面積を除いて算出。（詳細は「令和２年国勢調査　面積及び人口密度に関する留意事項」を参照）</t>
  </si>
  <si>
    <t>人口</t>
  </si>
  <si>
    <t>2015年（平成27年）の人口（組替）</t>
  </si>
  <si>
    <t>5年間の人口増減数</t>
  </si>
  <si>
    <t>5年間の人口増減率</t>
  </si>
  <si>
    <t>人口性比</t>
  </si>
  <si>
    <t>面積（参考）</t>
  </si>
  <si>
    <t>人口密度</t>
  </si>
  <si>
    <t>世帯数</t>
  </si>
  <si>
    <t>2015年（平成27年）の世帯数（組替）</t>
  </si>
  <si>
    <t>5年間の世帯増減数</t>
  </si>
  <si>
    <t>5年間の世帯増減率</t>
  </si>
  <si>
    <t>世帯人員</t>
  </si>
  <si>
    <t>男女</t>
  </si>
  <si>
    <t>世帯の種類</t>
  </si>
  <si>
    <t>0_総数</t>
  </si>
  <si>
    <t>1_男</t>
  </si>
  <si>
    <t>2_女</t>
  </si>
  <si>
    <t>1_一般世帯</t>
  </si>
  <si>
    <t>2_施設等の世帯</t>
  </si>
  <si>
    <t>人</t>
  </si>
  <si>
    <t>％</t>
  </si>
  <si>
    <t>km2</t>
  </si>
  <si>
    <t>1km2当たり</t>
  </si>
  <si>
    <t>世帯</t>
  </si>
  <si>
    <t>地域識別コード</t>
    <phoneticPr fontId="1"/>
  </si>
  <si>
    <t>2000年_都道府県</t>
    <phoneticPr fontId="1"/>
  </si>
  <si>
    <t>2000年_地域コード</t>
    <phoneticPr fontId="1"/>
  </si>
  <si>
    <t>2000年地域</t>
    <phoneticPr fontId="1"/>
  </si>
  <si>
    <t>2020年_都道府県</t>
    <phoneticPr fontId="1"/>
  </si>
  <si>
    <t>2020年_地域コード</t>
    <phoneticPr fontId="1"/>
  </si>
  <si>
    <t>地域名</t>
  </si>
  <si>
    <t xml:space="preserve"> </t>
  </si>
  <si>
    <t>a</t>
  </si>
  <si>
    <t>00_全国</t>
  </si>
  <si>
    <t>00000</t>
  </si>
  <si>
    <t>2000</t>
  </si>
  <si>
    <t>0001_全国</t>
  </si>
  <si>
    <t>43_熊本県</t>
  </si>
  <si>
    <t>43000</t>
  </si>
  <si>
    <t>3668_熊本県</t>
  </si>
  <si>
    <t>2</t>
  </si>
  <si>
    <t>43202</t>
  </si>
  <si>
    <t>3679_八代市</t>
  </si>
  <si>
    <t>9</t>
  </si>
  <si>
    <t>3680_（旧：八代市）</t>
  </si>
  <si>
    <t>43461</t>
  </si>
  <si>
    <t>3681_（旧：坂本村）</t>
  </si>
  <si>
    <t>43462</t>
  </si>
  <si>
    <t>3682_（旧：千丁町）</t>
  </si>
  <si>
    <t>43463</t>
  </si>
  <si>
    <t>3683_（旧：鏡町）</t>
  </si>
  <si>
    <t>43466</t>
  </si>
  <si>
    <t>3684_（旧：東陽村）</t>
  </si>
  <si>
    <t>43467</t>
  </si>
  <si>
    <t>3685_（旧：泉村）</t>
  </si>
  <si>
    <t>第１－２表　男女別人口，世帯の種類別世帯数及び世帯人員並びに2015年（平成27年）の人口（組替），2015年（平成27年）の世帯数（組替），5年間の人口増減数，5年間の人口増減率，5年間の世帯増減数，5年間の世帯増減率，人口性比，面積（参考）及び人口密度－全国，都道府県，市区町村（人口集中地区）</t>
  </si>
  <si>
    <t>4) 「面積（参考）」については，国土交通省国土地理院「令和２年全国都道府県市区町村別面積調（10月１日時点）」による。また，人口集中地区の面積については，総務省統計局において面積を算出している。（面積に関する主な留意事項は「令和２年国勢調査　面積及び人口密度に関する留意事項」を参照）</t>
  </si>
  <si>
    <t>5) 「人口密度」については，国勢調査施行規則第１条に基づいて調査対象外とした地域の面積を除いて算出。（詳細は「令和２年国勢調査　面積及び人口密度に関する留意事項」を参照）</t>
  </si>
  <si>
    <t>6) 「人口集中地区」及び各地域の「人口集中地区符号」に関する主な留意事項については，「令和２年国勢調査　人口集中地区に関する留意事項」を参照。</t>
  </si>
  <si>
    <t>都道府県</t>
    <phoneticPr fontId="1"/>
  </si>
  <si>
    <t>地域名（人口集中地区）</t>
  </si>
  <si>
    <t>人口集中地区符号</t>
  </si>
  <si>
    <t>00000_全国</t>
  </si>
  <si>
    <t>DID00_総数</t>
  </si>
  <si>
    <t>43000_熊本県</t>
  </si>
  <si>
    <t>43202_八代市</t>
  </si>
  <si>
    <t>DID01_01</t>
  </si>
  <si>
    <t>DID02_02</t>
  </si>
  <si>
    <t>-</t>
  </si>
  <si>
    <t>DID03_03</t>
  </si>
  <si>
    <t>DID04_04</t>
  </si>
  <si>
    <t>DID05_05</t>
  </si>
  <si>
    <t>DID06_06</t>
  </si>
  <si>
    <t>DID07_07</t>
  </si>
  <si>
    <t>DID08_08</t>
  </si>
  <si>
    <t>DID09_09</t>
  </si>
  <si>
    <t>第２－５表　男女，年齢（各歳），国籍総数か日本人別人口，平均年齢及び年齢中位数－全国，都道府県，市区町村（2000年（平成12年）市区町村含む）</t>
  </si>
  <si>
    <t>1) 「平均年齢」及び「年齢中位数」については，年齢「不詳」の者を除いて算出。</t>
  </si>
  <si>
    <t>2) 「国籍総数」については，日本人・外国人の別「不詳」の者を含む。</t>
  </si>
  <si>
    <t>3) 地域名において，「旧：○○○」と表記されている項目は「2000年（平成12年）市区町村」を示す。「2000年（平成12年）市区町村」については，令和２年10月１日現在の市区町村の境域に基づいて平成12年10月１日時点の市区町村に組み替えた，令和２年10月１日現在の結果数値を表章している。</t>
  </si>
  <si>
    <t>平均年齢</t>
  </si>
  <si>
    <t>年齢中位数</t>
  </si>
  <si>
    <t>年齢</t>
  </si>
  <si>
    <t>000_総数</t>
  </si>
  <si>
    <t>001_0歳</t>
  </si>
  <si>
    <t>002_1歳</t>
  </si>
  <si>
    <t>003_2歳</t>
  </si>
  <si>
    <t>004_3歳</t>
  </si>
  <si>
    <t>005_4歳</t>
  </si>
  <si>
    <t>006_5歳</t>
  </si>
  <si>
    <t>007_6歳</t>
  </si>
  <si>
    <t>008_7歳</t>
  </si>
  <si>
    <t>009_8歳</t>
  </si>
  <si>
    <t>010_9歳</t>
  </si>
  <si>
    <t>011_10歳</t>
  </si>
  <si>
    <t>012_11歳</t>
  </si>
  <si>
    <t>013_12歳</t>
  </si>
  <si>
    <t>014_13歳</t>
  </si>
  <si>
    <t>015_14歳</t>
  </si>
  <si>
    <t>016_15歳</t>
  </si>
  <si>
    <t>017_16歳</t>
  </si>
  <si>
    <t>018_17歳</t>
  </si>
  <si>
    <t>019_18歳</t>
  </si>
  <si>
    <t>020_19歳</t>
  </si>
  <si>
    <t>021_20歳</t>
  </si>
  <si>
    <t>022_21歳</t>
  </si>
  <si>
    <t>023_22歳</t>
  </si>
  <si>
    <t>024_23歳</t>
  </si>
  <si>
    <t>025_24歳</t>
  </si>
  <si>
    <t>026_25歳</t>
  </si>
  <si>
    <t>027_26歳</t>
  </si>
  <si>
    <t>028_27歳</t>
  </si>
  <si>
    <t>029_28歳</t>
  </si>
  <si>
    <t>030_29歳</t>
  </si>
  <si>
    <t>031_30歳</t>
  </si>
  <si>
    <t>032_31歳</t>
  </si>
  <si>
    <t>033_32歳</t>
  </si>
  <si>
    <t>034_33歳</t>
  </si>
  <si>
    <t>035_34歳</t>
  </si>
  <si>
    <t>036_35歳</t>
  </si>
  <si>
    <t>037_36歳</t>
  </si>
  <si>
    <t>038_37歳</t>
  </si>
  <si>
    <t>039_38歳</t>
  </si>
  <si>
    <t>040_39歳</t>
  </si>
  <si>
    <t>041_40歳</t>
  </si>
  <si>
    <t>042_41歳</t>
  </si>
  <si>
    <t>043_42歳</t>
  </si>
  <si>
    <t>044_43歳</t>
  </si>
  <si>
    <t>045_44歳</t>
  </si>
  <si>
    <t>046_45歳</t>
  </si>
  <si>
    <t>047_46歳</t>
  </si>
  <si>
    <t>048_47歳</t>
  </si>
  <si>
    <t>049_48歳</t>
  </si>
  <si>
    <t>050_49歳</t>
  </si>
  <si>
    <t>051_50歳</t>
  </si>
  <si>
    <t>052_51歳</t>
  </si>
  <si>
    <t>053_52歳</t>
  </si>
  <si>
    <t>054_53歳</t>
  </si>
  <si>
    <t>055_54歳</t>
  </si>
  <si>
    <t>056_55歳</t>
  </si>
  <si>
    <t>057_56歳</t>
  </si>
  <si>
    <t>058_57歳</t>
  </si>
  <si>
    <t>059_58歳</t>
  </si>
  <si>
    <t>060_59歳</t>
  </si>
  <si>
    <t>061_60歳</t>
  </si>
  <si>
    <t>062_61歳</t>
  </si>
  <si>
    <t>063_62歳</t>
  </si>
  <si>
    <t>064_63歳</t>
  </si>
  <si>
    <t>065_64歳</t>
  </si>
  <si>
    <t>066_65歳</t>
  </si>
  <si>
    <t>067_66歳</t>
  </si>
  <si>
    <t>068_67歳</t>
  </si>
  <si>
    <t>069_68歳</t>
  </si>
  <si>
    <t>070_69歳</t>
  </si>
  <si>
    <t>071_70歳</t>
  </si>
  <si>
    <t>072_71歳</t>
  </si>
  <si>
    <t>073_72歳</t>
  </si>
  <si>
    <t>074_73歳</t>
  </si>
  <si>
    <t>075_74歳</t>
  </si>
  <si>
    <t>076_75歳</t>
  </si>
  <si>
    <t>077_76歳</t>
  </si>
  <si>
    <t>078_77歳</t>
  </si>
  <si>
    <t>079_78歳</t>
  </si>
  <si>
    <t>080_79歳</t>
  </si>
  <si>
    <t>081_80歳</t>
  </si>
  <si>
    <t>082_81歳</t>
  </si>
  <si>
    <t>083_82歳</t>
  </si>
  <si>
    <t>084_83歳</t>
  </si>
  <si>
    <t>085_84歳</t>
  </si>
  <si>
    <t>086_85歳</t>
  </si>
  <si>
    <t>087_86歳</t>
  </si>
  <si>
    <t>088_87歳</t>
  </si>
  <si>
    <t>089_88歳</t>
  </si>
  <si>
    <t>090_89歳</t>
  </si>
  <si>
    <t>091_90歳</t>
  </si>
  <si>
    <t>092_91歳</t>
  </si>
  <si>
    <t>093_92歳</t>
  </si>
  <si>
    <t>094_93歳</t>
  </si>
  <si>
    <t>095_94歳</t>
  </si>
  <si>
    <t>096_95歳</t>
  </si>
  <si>
    <t>097_96歳</t>
  </si>
  <si>
    <t>098_97歳</t>
  </si>
  <si>
    <t>099_98歳</t>
  </si>
  <si>
    <t>100_99歳</t>
  </si>
  <si>
    <t>101_100歳以上</t>
  </si>
  <si>
    <t>102_年齢「不詳」</t>
  </si>
  <si>
    <t>R1_（再掲）15歳未満</t>
  </si>
  <si>
    <t>R2_（再掲）15～64歳</t>
  </si>
  <si>
    <t>R3_（再掲）65歳以上</t>
  </si>
  <si>
    <t>R4_（再掲）75歳以上</t>
  </si>
  <si>
    <t>R5_（再掲）85歳以上</t>
  </si>
  <si>
    <t>R6_（再掲）20～69歳</t>
  </si>
  <si>
    <t>歳</t>
  </si>
  <si>
    <t>国籍総数か日本人</t>
  </si>
  <si>
    <t>0_国籍総数</t>
  </si>
  <si>
    <t>1_うち日本人</t>
  </si>
  <si>
    <t>第２－６表　男女，年齢（各歳），国籍総数か日本人別人口，平均年齢及び年齢中位数－全国，都道府県，市区町村（人口集中地区）</t>
  </si>
  <si>
    <t>3) 「人口集中地区」及び各地域の「人口集中地区符号」に関する主な留意事項については，「令和２年国勢調査　人口集中地区に関する留意事項」を参照。</t>
  </si>
  <si>
    <t>第２－７表　男女，年齢（5歳階級及び3区分），国籍総数か日本人別人口，平均年齢，年齢中位数及び人口構成比［年齢別］－全国，都道府県，市区町村（2000年（平成12年）市区町村含む）</t>
  </si>
  <si>
    <t>1) 「人口構成比［年齢別］」，「平均年齢」及び「年齢中位数」については，年齢「不詳」の者を除いて算出。</t>
  </si>
  <si>
    <t>人口構成比［年齢別］</t>
  </si>
  <si>
    <t>00_総数</t>
  </si>
  <si>
    <t>01_0～4歳</t>
  </si>
  <si>
    <t>02_5～9歳</t>
  </si>
  <si>
    <t>03_10～14歳</t>
  </si>
  <si>
    <t>04_15～19歳</t>
  </si>
  <si>
    <t>05_20～24歳</t>
  </si>
  <si>
    <t>06_25～29歳</t>
  </si>
  <si>
    <t>07_30～34歳</t>
  </si>
  <si>
    <t>08_35～39歳</t>
  </si>
  <si>
    <t>09_40～44歳</t>
  </si>
  <si>
    <t>10_45～49歳</t>
  </si>
  <si>
    <t>11_50～54歳</t>
  </si>
  <si>
    <t>12_55～59歳</t>
  </si>
  <si>
    <t>13_60～64歳</t>
  </si>
  <si>
    <t>14_65～69歳</t>
  </si>
  <si>
    <t>15_70～74歳</t>
  </si>
  <si>
    <t>16_75～79歳</t>
  </si>
  <si>
    <t>17_80～84歳</t>
  </si>
  <si>
    <t>18_85～89歳</t>
  </si>
  <si>
    <t>19_90～94歳</t>
  </si>
  <si>
    <t>20_95～99歳</t>
  </si>
  <si>
    <t>21_100歳以上</t>
  </si>
  <si>
    <t>22_年齢「不詳」</t>
  </si>
  <si>
    <t>1_15歳未満</t>
  </si>
  <si>
    <t>2_15～64歳</t>
  </si>
  <si>
    <t>3_65歳以上</t>
  </si>
  <si>
    <t>R1_（再掲）60歳以上</t>
  </si>
  <si>
    <t>R2_（再掲）75歳以上</t>
  </si>
  <si>
    <t>R3_（再掲）85歳以上</t>
  </si>
  <si>
    <t>R4_（再掲）100歳以上</t>
  </si>
  <si>
    <t>R5_（再掲）20～69歳</t>
  </si>
  <si>
    <t>第２－８表　男女，年齢（5歳階級及び3区分），国籍総数か日本人別人口，平均年齢，年齢中位数及び人口構成比［年齢別］－全国，都道府県，市区町村（人口集中地区）</t>
  </si>
  <si>
    <t>第３－３表　男女，年齢（5歳階級），出生の月，国籍総数か日本人別人口－全国，都道府県，市区町村</t>
  </si>
  <si>
    <t>1) 「国籍総数」については，日本人・外国人の別「不詳」の者を含む。</t>
  </si>
  <si>
    <t>出生の月</t>
  </si>
  <si>
    <t>1_1月～3月</t>
  </si>
  <si>
    <t>2_4月～6月</t>
  </si>
  <si>
    <t>3_7月～9月</t>
  </si>
  <si>
    <t>4_10月～12月</t>
  </si>
  <si>
    <t>5_出生の月「不詳」</t>
  </si>
  <si>
    <t>第４－３表　男女，年齢（5歳階級），配偶関係，国籍総数か日本人別人口及び平均年齢（15歳以上）－全国，都道府県，市区町村</t>
  </si>
  <si>
    <t>1) 「平均年齢」については，年齢「不詳」の者を除いて算出。</t>
  </si>
  <si>
    <t>01_15～19歳</t>
  </si>
  <si>
    <t>02_20～24歳</t>
  </si>
  <si>
    <t>03_25～29歳</t>
  </si>
  <si>
    <t>04_30～34歳</t>
  </si>
  <si>
    <t>05_35～39歳</t>
  </si>
  <si>
    <t>06_40～44歳</t>
  </si>
  <si>
    <t>07_45～49歳</t>
  </si>
  <si>
    <t>08_50～54歳</t>
  </si>
  <si>
    <t>09_55～59歳</t>
  </si>
  <si>
    <t>10_60～64歳</t>
  </si>
  <si>
    <t>11_65～69歳</t>
  </si>
  <si>
    <t>12_70～74歳</t>
  </si>
  <si>
    <t>13_75～79歳</t>
  </si>
  <si>
    <t>14_80～84歳</t>
  </si>
  <si>
    <t>15_85～89歳</t>
  </si>
  <si>
    <t>16_90～94歳</t>
  </si>
  <si>
    <t>17_95～99歳</t>
  </si>
  <si>
    <t>18_100歳以上</t>
  </si>
  <si>
    <t>R1_（再掲）15～64歳</t>
  </si>
  <si>
    <t>R2_（再掲）65歳以上</t>
  </si>
  <si>
    <t>R3_（再掲）75歳以上</t>
  </si>
  <si>
    <t>R4_（再掲）85歳以上</t>
  </si>
  <si>
    <t>配偶関係</t>
  </si>
  <si>
    <t>1_未婚</t>
  </si>
  <si>
    <t>2_有配偶</t>
  </si>
  <si>
    <t>3_死別</t>
  </si>
  <si>
    <t>4_離別</t>
  </si>
  <si>
    <t>5_配偶関係「不詳」</t>
  </si>
  <si>
    <t>第４－４表　男女，年齢（5歳階級），配偶関係，国籍総数か日本人別人口構成比［配偶関係別］（15歳以上）－全国，都道府県，市区町村</t>
  </si>
  <si>
    <t>1) 「人口構成比［配偶関係別］」については，配偶関係「不詳」の者を除いて算出。</t>
  </si>
  <si>
    <t>人口構成比［配偶関係別］</t>
  </si>
  <si>
    <t>1</t>
  </si>
  <si>
    <t>43100_熊本市</t>
  </si>
  <si>
    <t>3</t>
  </si>
  <si>
    <t>第４－５表　男女，年齢（5歳階級），配偶関係，国籍総数か日本人別人口及び平均年齢（15歳以上）－全国，都道府県，市区町村（人口集中地区）</t>
  </si>
  <si>
    <t>第４－６表　男女，年齢（5歳階級），配偶関係，国籍総数か日本人別人口構成比［配偶関係別］（15歳以上）－全国，都道府県，市区町村（人口集中地区）</t>
  </si>
  <si>
    <t>第６－１表　世帯の種類・施設等の世帯の種類，世帯人員の人数別世帯数－全国，都道府県，市区町村</t>
  </si>
  <si>
    <t>世帯の種類・施設等の世帯の種類</t>
  </si>
  <si>
    <t>21_寮・寄宿舎の学生・生徒</t>
  </si>
  <si>
    <t>22_病院・療養所の入院者</t>
  </si>
  <si>
    <t>23_社会施設の入所者</t>
  </si>
  <si>
    <t>24_自衛隊営舎内居住者</t>
  </si>
  <si>
    <t>25_矯正施設の入所者</t>
  </si>
  <si>
    <t>26_その他</t>
  </si>
  <si>
    <t>世帯人員の人数</t>
  </si>
  <si>
    <t>1_世帯人員が1～4人</t>
  </si>
  <si>
    <t>2_世帯人員が5～29人</t>
  </si>
  <si>
    <t>3_世帯人員が30～49人</t>
  </si>
  <si>
    <t>4_世帯人員が50人以上</t>
  </si>
  <si>
    <t>第６－２表　世帯の種類・施設等の世帯の種類，世帯人員の人数別世帯人員－全国，都道府県，市区町村</t>
  </si>
  <si>
    <t>第６－３表　世帯人員の人数別一般世帯数，会社などの独身寮の単身者数，間借り・下宿などの単身者数，一般世帯人員及び一般世帯の1世帯当たり人員－全国，都道府県，市区町村</t>
  </si>
  <si>
    <t>一般世帯数</t>
  </si>
  <si>
    <t>一般世帯人員</t>
  </si>
  <si>
    <t>一般世帯の1世帯当たり人員</t>
  </si>
  <si>
    <t>間借り・下宿などの単身者数</t>
  </si>
  <si>
    <t>会社などの独身寮の単身者数</t>
  </si>
  <si>
    <t>01_世帯人員が1人</t>
  </si>
  <si>
    <t>02_世帯人員が2人</t>
  </si>
  <si>
    <t>03_世帯人員が3人</t>
  </si>
  <si>
    <t>04_世帯人員が4人</t>
  </si>
  <si>
    <t>05_世帯人員が5人</t>
  </si>
  <si>
    <t>06_世帯人員が6人</t>
  </si>
  <si>
    <t>07_世帯人員が7人</t>
  </si>
  <si>
    <t>08_世帯人員が8人</t>
  </si>
  <si>
    <t>09_世帯人員が9人</t>
  </si>
  <si>
    <t>10_世帯人員が10人以上</t>
  </si>
  <si>
    <t>第６－４表　世帯の種類・施設等の世帯の種類，世帯人員の人数別世帯数－全国，都道府県，市区町村（人口集中地区）</t>
  </si>
  <si>
    <t>1) 「人口集中地区」及び各地域の「人口集中地区符号」に関する主な留意事項については，「令和２年国勢調査　人口集中地区に関する留意事項」を参照。</t>
  </si>
  <si>
    <t>第６－５表　世帯の種類・施設等の世帯の種類，世帯人員の人数別世帯人員－全国，都道府県，市区町村（人口集中地区）</t>
  </si>
  <si>
    <t>第６－６表　世帯人員の人数別一般世帯数，会社などの独身寮の単身者数，間借り・下宿などの単身者数，一般世帯人員及び一般世帯の1世帯当たり人員－全国，都道府県，市区町村（人口集中地区）</t>
  </si>
  <si>
    <t>第７－２表　男女，年齢（5歳階級），配偶関係，世帯の種類別世帯人員－全国，都道府県，市区町村：総数（男女）</t>
  </si>
  <si>
    <t>01_15歳未満</t>
  </si>
  <si>
    <t>02_15～19歳</t>
  </si>
  <si>
    <t>03_20～24歳</t>
  </si>
  <si>
    <t>04_25～29歳</t>
  </si>
  <si>
    <t>05_30～34歳</t>
  </si>
  <si>
    <t>06_35～39歳</t>
  </si>
  <si>
    <t>07_40～44歳</t>
  </si>
  <si>
    <t>08_45～49歳</t>
  </si>
  <si>
    <t>09_50～54歳</t>
  </si>
  <si>
    <t>10_55～59歳</t>
  </si>
  <si>
    <t>11_60～64歳</t>
  </si>
  <si>
    <t>12_65～69歳</t>
  </si>
  <si>
    <t>13_70～74歳</t>
  </si>
  <si>
    <t>14_75～79歳</t>
  </si>
  <si>
    <t>15_80～84歳</t>
  </si>
  <si>
    <t>16_85～89歳</t>
  </si>
  <si>
    <t>17_90～94歳</t>
  </si>
  <si>
    <t>18_95～99歳</t>
  </si>
  <si>
    <t>19_100歳以上</t>
  </si>
  <si>
    <t>20_年齢「不詳」</t>
  </si>
  <si>
    <t>11_2人以上の一般世帯</t>
  </si>
  <si>
    <t>111_うち世帯主</t>
  </si>
  <si>
    <t>12_1人の世帯（単独世帯）</t>
  </si>
  <si>
    <t>第７－２表　男女，年齢（5歳階級），配偶関係，世帯の種類別世帯人員－全国，都道府県，市区町村：男</t>
  </si>
  <si>
    <t>第７－２表　男女，年齢（5歳階級），配偶関係，世帯の種類別世帯人員－全国，都道府県，市区町村：女</t>
  </si>
  <si>
    <t>第８－１表　世帯員の年齢による世帯の種類，世帯人員の人数別一般世帯数－全国，都道府県，市区町村</t>
  </si>
  <si>
    <t>1_世帯人員が1人</t>
  </si>
  <si>
    <t>2_世帯人員が2人</t>
  </si>
  <si>
    <t>3_世帯人員が3人</t>
  </si>
  <si>
    <t>4_世帯人員が4人</t>
  </si>
  <si>
    <t>5_世帯人員が5人</t>
  </si>
  <si>
    <t>6_世帯人員が6人</t>
  </si>
  <si>
    <t>7_世帯人員が7人以上</t>
  </si>
  <si>
    <t>世帯員の年齢による世帯の種類</t>
  </si>
  <si>
    <t>1_うち6歳未満世帯員のいる一般世帯</t>
  </si>
  <si>
    <t>2_うち18歳未満世帯員のいる一般世帯</t>
  </si>
  <si>
    <t>第８－２表　世帯員の年齢による世帯の種類，世帯人員の人数別一般世帯人員－全国，都道府県，市区町村</t>
  </si>
  <si>
    <t>第８－３表　世帯員の年齢，世帯人員の人数別一般世帯人員－全国，都道府県，市区町村</t>
  </si>
  <si>
    <t>世帯員の年齢</t>
  </si>
  <si>
    <t>1_うち6歳未満</t>
  </si>
  <si>
    <t>2_うち18歳未満</t>
  </si>
  <si>
    <t>第９－１表　世帯の家族類型，世帯員の年齢による世帯の種類別一般世帯数及び3世代世帯数－全国，都道府県，市区町村</t>
  </si>
  <si>
    <t>1) 「夫婦，子供と両親から成る世帯」，「夫婦，子供とひとり親から成る世帯」，「夫婦，親と他の親族（子供を含まない）から成る世帯」及び「夫婦，子供，親と他の親族から成る世帯」については，夫の親か妻の親か特定できない場合を含む。</t>
  </si>
  <si>
    <t>3世代世帯数</t>
  </si>
  <si>
    <t>2_うち12歳未満世帯員のいる一般世帯</t>
  </si>
  <si>
    <t>3_うち15歳未満世帯員のいる一般世帯</t>
  </si>
  <si>
    <t>4_うち18歳未満世帯員のいる一般世帯</t>
  </si>
  <si>
    <t>5_うち20歳未満世帯員のいる一般世帯</t>
  </si>
  <si>
    <t>階層レベル（世帯の家族類型）</t>
    <phoneticPr fontId="1"/>
  </si>
  <si>
    <t>世帯の家族類型</t>
  </si>
  <si>
    <t>1_親族のみの世帯</t>
  </si>
  <si>
    <t>11_核家族世帯</t>
  </si>
  <si>
    <t>111_夫婦のみの世帯</t>
  </si>
  <si>
    <t>112_夫婦と子供から成る世帯</t>
  </si>
  <si>
    <t>113_男親と子供から成る世帯</t>
  </si>
  <si>
    <t>114_女親と子供から成る世帯</t>
  </si>
  <si>
    <t>12_核家族以外の世帯</t>
  </si>
  <si>
    <t>1201_夫婦と両親から成る世帯</t>
  </si>
  <si>
    <t>4</t>
  </si>
  <si>
    <t>12011_夫婦と夫の両親から成る世帯</t>
  </si>
  <si>
    <t>12012_夫婦と妻の両親から成る世帯</t>
  </si>
  <si>
    <t>1202_夫婦とひとり親から成る世帯</t>
  </si>
  <si>
    <t>12021_夫婦と夫のひとり親から成る世帯</t>
  </si>
  <si>
    <t>12022_夫婦と妻のひとり親から成る世帯</t>
  </si>
  <si>
    <t>1203_夫婦，子供と両親から成る世帯</t>
  </si>
  <si>
    <t>12031_夫婦，子供と夫の両親から成る世帯</t>
  </si>
  <si>
    <t>12032_夫婦，子供と妻の両親から成る世帯</t>
  </si>
  <si>
    <t>1204_夫婦，子供とひとり親から成る世帯</t>
  </si>
  <si>
    <t>12041_夫婦，子供と夫のひとり親から成る世帯</t>
  </si>
  <si>
    <t>12042_夫婦，子供と妻のひとり親から成る世帯</t>
  </si>
  <si>
    <t>1205_夫婦と他の親族（親，子供を含まない）から成る世帯</t>
  </si>
  <si>
    <t>1206_夫婦，子供と他の親族（親を含まない）から成る世帯</t>
  </si>
  <si>
    <t>1207_夫婦，親と他の親族（子供を含まない）から成る世帯</t>
  </si>
  <si>
    <t>12071_夫婦，夫の親と他の親族から成る世帯</t>
  </si>
  <si>
    <t>12072_夫婦，妻の親と他の親族から成る世帯</t>
  </si>
  <si>
    <t>1208_夫婦，子供，親と他の親族から成る世帯</t>
  </si>
  <si>
    <t>12081_夫婦，子供，夫の親と他の親族から成る世帯</t>
  </si>
  <si>
    <t>12082_夫婦，子供，妻の親と他の親族から成る世帯</t>
  </si>
  <si>
    <t>1209_兄弟姉妹のみから成る世帯</t>
  </si>
  <si>
    <t>1210_他に分類されない世帯</t>
  </si>
  <si>
    <t>2_非親族を含む世帯</t>
  </si>
  <si>
    <t>3_単独世帯</t>
  </si>
  <si>
    <t>4_世帯の家族類型「不詳」</t>
  </si>
  <si>
    <t>R1_（再掲）3世代世帯</t>
  </si>
  <si>
    <t>R2_（再掲）母子世帯</t>
  </si>
  <si>
    <t>R3_（再掲）母子世帯（他の世帯員がいる世帯を含む）</t>
  </si>
  <si>
    <t>R4_（再掲）父子世帯</t>
  </si>
  <si>
    <t>R5_（再掲）父子世帯（他の世帯員がいる世帯を含む）</t>
  </si>
  <si>
    <t>R6_（再掲）夫65歳以上，妻60歳以上の夫婦のみの世帯</t>
  </si>
  <si>
    <t>R7_（再掲）65歳以上の単独世帯</t>
  </si>
  <si>
    <t>第９－２表　世帯の家族類型，世帯員の年齢による世帯の種類別一般世帯人員及び3世代世帯人員－全国，都道府県，市区町村</t>
  </si>
  <si>
    <t>3世代世帯人員</t>
  </si>
  <si>
    <t>第９－３表　世帯員の年齢，世帯の家族類型別一般世帯人員－全国，都道府県，市区町村</t>
  </si>
  <si>
    <t>2_うち12歳未満</t>
  </si>
  <si>
    <t>3_うち15歳未満</t>
  </si>
  <si>
    <t>4_うち18歳未満</t>
  </si>
  <si>
    <t>5_うち20歳未満</t>
  </si>
  <si>
    <t>第９－４表　世帯の家族類型，世帯員の年齢による世帯の種類別一般世帯数及び3世代世帯数－全国，都道府県，市区町村（人口集中地区）</t>
  </si>
  <si>
    <t>2) 「人口集中地区」及び各地域の「人口集中地区符号」に関する主な留意事項については，「令和２年国勢調査　人口集中地区に関する留意事項」を参照。</t>
  </si>
  <si>
    <t>第９－５表　世帯の家族類型，世帯員の年齢による世帯の種類別一般世帯人員及び3世代世帯人員－全国，都道府県，市区町村（人口集中地区）</t>
  </si>
  <si>
    <t>第９－６表　世帯員の年齢，世帯の家族類型別一般世帯人員－全国，都道府県，市区町村（人口集中地区）</t>
  </si>
  <si>
    <t>第１０表　世帯の家族類型，世帯人員の人数別一般世帯数－全国，都道府県，市区町村</t>
  </si>
  <si>
    <t>R2_（再掲）夫65歳以上，妻60歳以上の夫婦のみの世帯</t>
  </si>
  <si>
    <t>R3_（再掲）65歳以上の単独世帯</t>
  </si>
  <si>
    <t>第１２－３表　世帯主の男女，世帯主の年齢（5歳階級），世帯の家族類型別一般世帯数－全国，都道府県，市区町村</t>
  </si>
  <si>
    <t>R4_（再掲）間借り・下宿などの単身者</t>
  </si>
  <si>
    <t>R5_（再掲）会社などの独身寮の単身者</t>
  </si>
  <si>
    <t>世帯主の男女</t>
  </si>
  <si>
    <t>世帯主の年齢</t>
  </si>
  <si>
    <t>16_85歳以上</t>
  </si>
  <si>
    <t>17_年齢「不詳」</t>
  </si>
  <si>
    <t>第１２－４表　世帯主の男女，世帯主の年齢（5歳階級），世帯の家族類型別一般世帯人員－全国，都道府県，市区町村</t>
  </si>
  <si>
    <t>第１４－２表　男女，年齢（5歳階級），配偶関係，世帯の家族類型別一般世帯人員－全国，都道府県，市区町村：総数（配偶関係）</t>
  </si>
  <si>
    <t>第１４－２表　男女，年齢（5歳階級），配偶関係，世帯の家族類型別一般世帯人員－全国，都道府県，市区町村：未婚</t>
  </si>
  <si>
    <t>第１４－２表　男女，年齢（5歳階級），配偶関係，世帯の家族類型別一般世帯人員－全国，都道府県，市区町村：有配偶</t>
  </si>
  <si>
    <t>第１４－２表　男女，年齢（5歳階級），配偶関係，世帯の家族類型別一般世帯人員－全国，都道府県，市区町村：死別・離別</t>
  </si>
  <si>
    <t>3_死別・離別</t>
  </si>
  <si>
    <t>第１４－２表　男女，年齢（5歳階級），配偶関係，世帯の家族類型別一般世帯人員－全国，都道府県，市区町村：配偶関係「不詳」</t>
  </si>
  <si>
    <t>4_配偶関係「不詳」</t>
  </si>
  <si>
    <t>第１５－９表　夫婦のいる世帯の家族類型，子供の有無・数，最年少の子供の年齢別一般世帯数（夫婦のいる一般世帯）－全国，都道府県，市区町村</t>
  </si>
  <si>
    <t>夫婦のいる世帯の家族類型</t>
  </si>
  <si>
    <t>1_夫婦のいる核家族世帯</t>
  </si>
  <si>
    <t>2_夫婦のいるその他の世帯（同居の親あり）</t>
  </si>
  <si>
    <t>3_夫婦のいるその他の世帯（同居の親なし）</t>
  </si>
  <si>
    <t>R1_（再掲）夫婦のいる3世代世帯</t>
  </si>
  <si>
    <t>子供の有無・数</t>
  </si>
  <si>
    <t>最年少の子供の年齢</t>
  </si>
  <si>
    <t>1_子供なし</t>
  </si>
  <si>
    <t>2_子供あり</t>
  </si>
  <si>
    <t>1_0歳</t>
  </si>
  <si>
    <t>2_1～2歳</t>
  </si>
  <si>
    <t>3_3～5歳</t>
  </si>
  <si>
    <t>4_6～8歳</t>
  </si>
  <si>
    <t>5_9～11歳</t>
  </si>
  <si>
    <t>6_12～14歳</t>
  </si>
  <si>
    <t>7_15～17歳</t>
  </si>
  <si>
    <t>8_18歳以上</t>
  </si>
  <si>
    <t>21_子供が1人</t>
  </si>
  <si>
    <t>22_子供が2人</t>
  </si>
  <si>
    <t>23_子供が3人</t>
  </si>
  <si>
    <t>24_子供が4人以上</t>
  </si>
  <si>
    <t>第１５－１０表　夫婦のいる世帯の家族類型，子供の有無・数，最年少の子供の年齢別一般世帯人員（夫婦のいる一般世帯）－全国，都道府県，市区町村</t>
  </si>
  <si>
    <t>第１５－１１表　夫婦のいる世帯の家族類型，子供の有無，最年少の子供の年齢（各歳）別一般世帯数（夫婦のいる一般世帯）－全国，都道府県，市区町村</t>
  </si>
  <si>
    <t>子供の有無</t>
  </si>
  <si>
    <t>01_0歳</t>
  </si>
  <si>
    <t>02_1歳</t>
  </si>
  <si>
    <t>03_2歳</t>
  </si>
  <si>
    <t>04_3歳</t>
  </si>
  <si>
    <t>05_4歳</t>
  </si>
  <si>
    <t>06_5歳</t>
  </si>
  <si>
    <t>07_6歳</t>
  </si>
  <si>
    <t>08_7歳</t>
  </si>
  <si>
    <t>09_8歳</t>
  </si>
  <si>
    <t>10_9歳</t>
  </si>
  <si>
    <t>11_10歳</t>
  </si>
  <si>
    <t>12_11歳</t>
  </si>
  <si>
    <t>13_12歳</t>
  </si>
  <si>
    <t>14_13歳</t>
  </si>
  <si>
    <t>15_14歳</t>
  </si>
  <si>
    <t>16_15歳</t>
  </si>
  <si>
    <t>17_16歳</t>
  </si>
  <si>
    <t>18_17歳</t>
  </si>
  <si>
    <t>19_18歳以上</t>
  </si>
  <si>
    <t>第１５－１２表　夫婦のいる世帯の家族類型，子供の有無，最年少の子供の年齢（各歳）別一般世帯人員（夫婦のいる一般世帯）－全国，都道府県，市区町村</t>
  </si>
  <si>
    <t>第１８－４表　住宅の所有の関係別一般世帯数－全国，都道府県，市区町村（2000年（平成12年）市区町村含む）</t>
  </si>
  <si>
    <t>1) 地域名において，「旧：○○○」と表記されている項目は「2000年（平成12年）市区町村」を示す。「2000年（平成12年）市区町村」については，令和２年10月１日現在の市区町村の境域に基づいて平成12年10月１日時点の市区町村に組み替えた，令和２年10月１日現在の結果数値を表章している。</t>
  </si>
  <si>
    <t>住宅の所有の関係</t>
  </si>
  <si>
    <t>1_住宅に住む一般世帯</t>
  </si>
  <si>
    <t>11_主世帯</t>
  </si>
  <si>
    <t>111_持ち家</t>
  </si>
  <si>
    <t>112_公営・都市再生機構・公社の借家</t>
  </si>
  <si>
    <t>113_民営の借家</t>
  </si>
  <si>
    <t>114_給与住宅</t>
  </si>
  <si>
    <t>12_間借り</t>
  </si>
  <si>
    <t>2_住宅以外に住む一般世帯</t>
  </si>
  <si>
    <t>3_住居の種類「不詳」</t>
  </si>
  <si>
    <t>第１８－５表　住宅の所有の関係別一般世帯人員－全国，都道府県，市区町村（2000年（平成12年）市区町村含む）</t>
  </si>
  <si>
    <t>第１８－６表　住宅の所有の関係別一般世帯の1世帯当たり人員－全国，都道府県，市区町村（2000年（平成12年）市区町村含む）</t>
  </si>
  <si>
    <t>第１８－７表　住宅の所有の関係別一般世帯数－全国，都道府県，市区町村（人口集中地区）</t>
  </si>
  <si>
    <t>第１８－８表　住宅の所有の関係別一般世帯人員－全国，都道府県，市区町村（人口集中地区）</t>
  </si>
  <si>
    <t>第１８－９表　住宅の所有の関係別一般世帯の1世帯当たり人員－全国，都道府県，市区町村（人口集中地区）</t>
  </si>
  <si>
    <t>第１９－４表　住宅の所有の関係，住宅の建て方・世帯が住んでいる階別一般世帯数－全国，都道府県，市区町村</t>
  </si>
  <si>
    <t>住宅の建て方・世帯が住んでいる階</t>
  </si>
  <si>
    <t>11_一戸建</t>
  </si>
  <si>
    <t>12_長屋建</t>
  </si>
  <si>
    <t>13_共同住宅</t>
  </si>
  <si>
    <t>1301_共同住宅（1・2階建）</t>
  </si>
  <si>
    <t>1302_共同住宅（3～5階建）</t>
  </si>
  <si>
    <t>1303_共同住宅（6～10階建）</t>
  </si>
  <si>
    <t>1304_共同住宅（11～14階建）</t>
  </si>
  <si>
    <t>1305_共同住宅（15階建以上）</t>
  </si>
  <si>
    <t>13R1_［（別掲）世帯が住んでいる階］共同住宅1・2階</t>
  </si>
  <si>
    <t>13R2_［（別掲）世帯が住んでいる階］共同住宅3～5階</t>
  </si>
  <si>
    <t>13R3_［（別掲）世帯が住んでいる階］共同住宅6～10階</t>
  </si>
  <si>
    <t>13R4_［（別掲）世帯が住んでいる階］共同住宅11～14階</t>
  </si>
  <si>
    <t>13R5_［（別掲）世帯が住んでいる階］共同住宅15階以上</t>
  </si>
  <si>
    <t>14_その他</t>
  </si>
  <si>
    <t>第１９－５表　住宅の所有の関係，住宅の建て方・世帯が住んでいる階別一般世帯人員－全国，都道府県，市区町村</t>
  </si>
  <si>
    <t>第１９－６表　住宅の所有の関係，住宅の建て方・世帯が住んでいる階別一般世帯の1世帯当たり人員－全国，都道府県，市区町村</t>
  </si>
  <si>
    <t>第１９－７表　住宅の所有の関係，住宅の建て方・世帯が住んでいる階別一般世帯数－全国，都道府県，市区町村（人口集中地区）</t>
  </si>
  <si>
    <t>第１９－８表　住宅の所有の関係，住宅の建て方・世帯が住んでいる階別一般世帯人員－全国，都道府県，市区町村（人口集中地区）</t>
  </si>
  <si>
    <t>第１９－９表　住宅の所有の関係，住宅の建て方・世帯が住んでいる階別一般世帯の1世帯当たり人員－全国，都道府県，市区町村（人口集中地区）</t>
  </si>
  <si>
    <t>第２２－３表　世帯の家族類型，住宅の所有の関係別一般世帯数－全国，都道府県，市区町村</t>
  </si>
  <si>
    <t>第２２－４表　世帯の家族類型，住宅の所有の関係別一般世帯人員－全国，都道府県，市区町村</t>
  </si>
  <si>
    <t>第２４－１表　世帯主の男女，世帯主の年齢（3区分），世帯の家族類型，住宅の所有の関係別一般世帯数－全国，都道府県，市区町村：総数（世帯主の男女）</t>
  </si>
  <si>
    <t>111_うち夫婦のみの世帯</t>
  </si>
  <si>
    <t>4_年齢「不詳」</t>
  </si>
  <si>
    <t>第２４－１表　世帯主の男女，世帯主の年齢（3区分），世帯の家族類型，住宅の所有の関係別一般世帯数－全国，都道府県，市区町村：男（世帯主）</t>
  </si>
  <si>
    <t>第２４－１表　世帯主の男女，世帯主の年齢（3区分），世帯の家族類型，住宅の所有の関係別一般世帯数－全国，都道府県，市区町村：女（世帯主）</t>
  </si>
  <si>
    <t>第２４－２表　世帯主の男女，世帯主の年齢（3区分），世帯の家族類型，住宅の所有の関係別一般世帯人員－全国，都道府県，市区町村：総数（世帯主の男女）</t>
  </si>
  <si>
    <t>第２４－２表　世帯主の男女，世帯主の年齢（3区分），世帯の家族類型，住宅の所有の関係別一般世帯人員－全国，都道府県，市区町村：男（世帯主）</t>
  </si>
  <si>
    <t>第２４－２表　世帯主の男女，世帯主の年齢（3区分），世帯の家族類型，住宅の所有の関係別一般世帯人員－全国，都道府県，市区町村：女（世帯主）</t>
  </si>
  <si>
    <t>第２６－１表　65歳以上世帯員の有無による世帯の類型，世帯人員の人数別一般世帯数－全国，都道府県，市区町村</t>
  </si>
  <si>
    <t>65歳以上世帯員の有無による世帯の類型</t>
  </si>
  <si>
    <t>1_うち65歳以上世帯員がいる世帯</t>
  </si>
  <si>
    <t>第２６－２表　65歳以上世帯員の有無による世帯の類型，世帯人員の人数別一般世帯人員－全国，都道府県，市区町村</t>
  </si>
  <si>
    <t>第２６－３表　世帯人員の人数別65歳以上一般世帯人員－全国，都道府県，市区町村</t>
  </si>
  <si>
    <t>65歳以上一般世帯人員</t>
  </si>
  <si>
    <t>第２７－４表　世帯の家族類型，65歳以上世帯員の有無による世帯の類型別一般世帯数－全国，都道府県，市区町村</t>
  </si>
  <si>
    <t>11_65歳以上世帯員のみの世帯</t>
  </si>
  <si>
    <t>12_65歳未満世帯員がいる世帯</t>
  </si>
  <si>
    <t>R1_（再掲）75歳以上世帯員のいる世帯</t>
  </si>
  <si>
    <t>R2_（再掲）85歳以上世帯員のいる世帯</t>
  </si>
  <si>
    <t>第２７－５表　世帯の家族類型，65歳以上世帯員の有無による世帯の類型別一般世帯人員－全国，都道府県，市区町村</t>
  </si>
  <si>
    <t>第２７－６表　世帯の家族類型別65歳以上一般世帯人員－全国，都道府県，市区町村</t>
  </si>
  <si>
    <t>第２７－７表　世帯の家族類型別75歳以上一般世帯人員－全国，都道府県，市区町村</t>
  </si>
  <si>
    <t>75歳以上一般世帯人員</t>
  </si>
  <si>
    <t>第２７－８表　世帯の家族類型別85歳以上一般世帯人員－全国，都道府県，市区町村</t>
  </si>
  <si>
    <t>85歳以上一般世帯人員</t>
  </si>
  <si>
    <t>第２９－５表　65歳以上世帯員の有無による世帯の類型，住宅の所有の関係別一般世帯数－全国，都道府県，市区町村</t>
  </si>
  <si>
    <t>第２９－６表　65歳以上世帯員の有無による世帯の類型，住宅の所有の関係別一般世帯人員－全国，都道府県，市区町村</t>
  </si>
  <si>
    <t>第２９－７表　住宅の所有の関係別65歳以上一般世帯人員－全国，都道府県，市区町村</t>
  </si>
  <si>
    <t>第２９－８表　65歳以上世帯員の有無による世帯の類型，住宅の所有の関係別一般世帯の1世帯当たり人員－全国，都道府県，市区町村</t>
  </si>
  <si>
    <t>第３０－４表　65歳以上世帯員の有無による世帯の類型，世帯人員の人数，住宅の所有の関係別一般世帯数－全国，都道府県，市区町村</t>
  </si>
  <si>
    <t>第３０－５表　65歳以上世帯員の有無による世帯の類型，世帯人員の人数，住宅の所有の関係別一般世帯人員－全国，都道府県，市区町村</t>
  </si>
  <si>
    <t>第３０－６表　65歳以上世帯員の有無による世帯の類型，世帯人員の人数，住宅の所有の関係別一般世帯の1世帯当たり人員－全国，都道府県，市区町村</t>
  </si>
  <si>
    <t>第３１－５表　65歳以上世帯員の有無による世帯の類型，住宅の所有の関係，住宅の建て方・世帯が住んでいる階別一般世帯数－全国，都道府県，市区町村</t>
  </si>
  <si>
    <t>1303_共同住宅（6階建以上）</t>
  </si>
  <si>
    <t>13R3_［（別掲）世帯が住んでいる階］共同住宅6階以上</t>
  </si>
  <si>
    <t>1_うち主世帯</t>
  </si>
  <si>
    <t>第３１－６表　65歳以上世帯員の有無による世帯の類型，住宅の所有の関係，住宅の建て方・世帯が住んでいる階別一般世帯人員－全国，都道府県，市区町村</t>
  </si>
  <si>
    <t>第３１－７表　住宅の所有の関係，住宅の建て方・世帯が住んでいる階別65歳以上一般世帯人員－全国，都道府県，市区町村</t>
  </si>
  <si>
    <t>第３１－８表　65歳以上世帯員の有無による世帯の類型，住宅の所有の関係，住宅の建て方・世帯が住んでいる階別一般世帯の1世帯当たり人員－全国，都道府県，市区町村</t>
  </si>
  <si>
    <t>第３２表　夫の年齢（5歳階級），妻の年齢（5歳階級）別夫婦のみの世帯数（一般世帯）－全国，都道府県，市区町村</t>
  </si>
  <si>
    <t>夫婦のみの世帯数</t>
  </si>
  <si>
    <t>妻の年齢</t>
  </si>
  <si>
    <t>1_60歳未満</t>
  </si>
  <si>
    <t>2_60～64歳</t>
  </si>
  <si>
    <t>3_65～69歳</t>
  </si>
  <si>
    <t>4_70～74歳</t>
  </si>
  <si>
    <t>5_75～79歳</t>
  </si>
  <si>
    <t>6_80～84歳</t>
  </si>
  <si>
    <t>7_85歳以上</t>
  </si>
  <si>
    <t>夫の年齢</t>
  </si>
  <si>
    <t>R1_（再掲）65歳以上</t>
  </si>
  <si>
    <t>第３３－２表　夫婦のいる世帯の家族類型，住宅の所有の関係別夫婦のみの世帯数（一般世帯）－全国，都道府県，市区町村</t>
  </si>
  <si>
    <t>0_夫婦のみの世帯</t>
  </si>
  <si>
    <t>1_うち夫65歳以上，妻60歳以上の夫婦のみの世帯</t>
  </si>
  <si>
    <t>R1_（再掲）いずれかが60歳以上の夫婦のみの世帯</t>
  </si>
  <si>
    <t>R2_（再掲）いずれかが65歳以上の夫婦のみの世帯</t>
  </si>
  <si>
    <t>R3_（再掲）夫婦とも65歳以上の夫婦のみの世帯</t>
  </si>
  <si>
    <t>第３６－１表　母子・父子世帯の種類，子供の数・年齢別一般世帯数（母子世帯）－全国，都道府県，市区町村</t>
  </si>
  <si>
    <t>子供の数・年齢</t>
  </si>
  <si>
    <t>1_子供が1人</t>
  </si>
  <si>
    <t>2_子供が2人</t>
  </si>
  <si>
    <t>3_子供が3人以上</t>
  </si>
  <si>
    <t>R1_(再掲）6歳未満の子供のいる世帯</t>
  </si>
  <si>
    <t>母子・父子世帯の種類</t>
  </si>
  <si>
    <t>1_母子世帯</t>
  </si>
  <si>
    <t>2_母子世帯（他の世帯員がいる世帯を含む）</t>
  </si>
  <si>
    <t>第３６－２表　母子・父子世帯の種類，子供の数・年齢別一般世帯人員及び1世帯当たり子供の数（母子世帯）－全国，都道府県，市区町村</t>
  </si>
  <si>
    <t>1世帯当たり子供の数</t>
  </si>
  <si>
    <t>第３９－１表　母子・父子世帯の種類，子供の数・年齢別一般世帯数（父子世帯）－全国，都道府県，市区町村</t>
  </si>
  <si>
    <t>1_父子世帯</t>
  </si>
  <si>
    <t>2_父子世帯（他の世帯員がいる世帯を含む）</t>
  </si>
  <si>
    <t>第３９－２表　母子・父子世帯の種類，子供の数・年齢別一般世帯人員及び1世帯当たり子供の数（父子世帯）－全国，都道府県，市区町村</t>
  </si>
  <si>
    <t>第４４－１表　男女，国籍別人口－全国，都道府県，市区町村</t>
  </si>
  <si>
    <t>1) 「その他」（国籍）については，無国籍及び国名「不詳」の者を含む。</t>
  </si>
  <si>
    <t>国籍</t>
  </si>
  <si>
    <t>1_外国人</t>
  </si>
  <si>
    <t>101_韓国，朝鮮</t>
  </si>
  <si>
    <t>102_中国</t>
  </si>
  <si>
    <t>103_フィリピン</t>
  </si>
  <si>
    <t>104_タイ</t>
  </si>
  <si>
    <t>105_インドネシア</t>
  </si>
  <si>
    <t>106_ベトナム</t>
  </si>
  <si>
    <t>107_インド</t>
  </si>
  <si>
    <t>108_ネパール</t>
  </si>
  <si>
    <t>109_イギリス</t>
  </si>
  <si>
    <t>110_アメリカ</t>
  </si>
  <si>
    <t>111_ブラジル</t>
  </si>
  <si>
    <t>112_ペルー</t>
  </si>
  <si>
    <t>113_その他</t>
  </si>
  <si>
    <t>2_日本人</t>
  </si>
  <si>
    <t>3_日本人・外国人の別「不詳」</t>
  </si>
  <si>
    <t>第４４－２表　男女，国籍別人口－全国，都道府県，市区町村（人口集中地区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\(@\)"/>
    <numFmt numFmtId="177" formatCode="#,##0.00000;\-#,##0.00000"/>
    <numFmt numFmtId="178" formatCode="#,##0.0;\-#,##0.0"/>
  </numFmts>
  <fonts count="5"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b/>
      <sz val="11"/>
      <color theme="1"/>
      <name val="ＭＳ Ｐゴシック"/>
      <family val="3"/>
      <charset val="128"/>
    </font>
    <font>
      <sz val="10"/>
      <color theme="1"/>
      <name val="ＭＳゴシック"/>
      <family val="3"/>
      <charset val="128"/>
    </font>
    <font>
      <u/>
      <sz val="11"/>
      <color theme="10"/>
      <name val="ＭＳ Ｐゴシック"/>
      <family val="2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rgb="FF99CCFF"/>
        <bgColor indexed="64"/>
      </patternFill>
    </fill>
  </fills>
  <borders count="7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4" fillId="0" borderId="0" applyNumberForma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vertical="center" wrapText="1"/>
    </xf>
    <xf numFmtId="0" fontId="0" fillId="0" borderId="0" xfId="0" applyNumberFormat="1" applyAlignment="1">
      <alignment horizontal="center" vertical="center"/>
    </xf>
    <xf numFmtId="0" fontId="2" fillId="0" borderId="0" xfId="0" applyNumberFormat="1" applyFont="1" applyAlignment="1">
      <alignment vertical="center"/>
    </xf>
    <xf numFmtId="49" fontId="0" fillId="0" borderId="1" xfId="0" applyNumberFormat="1" applyBorder="1" applyAlignment="1">
      <alignment horizontal="center" vertical="center"/>
    </xf>
    <xf numFmtId="0" fontId="0" fillId="0" borderId="1" xfId="0" applyBorder="1" applyAlignment="1">
      <alignment vertical="center" wrapText="1"/>
    </xf>
    <xf numFmtId="0" fontId="2" fillId="2" borderId="2" xfId="0" applyFont="1" applyFill="1" applyBorder="1" applyAlignment="1">
      <alignment vertical="center"/>
    </xf>
    <xf numFmtId="0" fontId="0" fillId="2" borderId="3" xfId="0" applyFill="1" applyBorder="1" applyAlignment="1">
      <alignment vertical="center" wrapText="1"/>
    </xf>
    <xf numFmtId="0" fontId="0" fillId="3" borderId="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 wrapText="1"/>
    </xf>
    <xf numFmtId="49" fontId="3" fillId="0" borderId="0" xfId="0" applyNumberFormat="1" applyFont="1" applyAlignment="1">
      <alignment horizontal="left" vertical="top"/>
    </xf>
    <xf numFmtId="49" fontId="3" fillId="4" borderId="4" xfId="0" applyNumberFormat="1" applyFont="1" applyFill="1" applyBorder="1" applyAlignment="1">
      <alignment horizontal="left" vertical="top" wrapText="1"/>
    </xf>
    <xf numFmtId="176" fontId="3" fillId="4" borderId="4" xfId="0" applyNumberFormat="1" applyFont="1" applyFill="1" applyBorder="1" applyAlignment="1">
      <alignment horizontal="left" vertical="top" wrapText="1"/>
    </xf>
    <xf numFmtId="49" fontId="3" fillId="4" borderId="4" xfId="0" applyNumberFormat="1" applyFont="1" applyFill="1" applyBorder="1" applyAlignment="1">
      <alignment horizontal="left" vertical="top"/>
    </xf>
    <xf numFmtId="49" fontId="3" fillId="4" borderId="5" xfId="0" applyNumberFormat="1" applyFont="1" applyFill="1" applyBorder="1" applyAlignment="1">
      <alignment horizontal="left" vertical="top"/>
    </xf>
    <xf numFmtId="37" fontId="3" fillId="0" borderId="0" xfId="0" applyNumberFormat="1" applyFont="1" applyAlignment="1">
      <alignment horizontal="right" vertical="top"/>
    </xf>
    <xf numFmtId="177" fontId="3" fillId="0" borderId="0" xfId="0" applyNumberFormat="1" applyFont="1" applyAlignment="1">
      <alignment horizontal="right" vertical="top"/>
    </xf>
    <xf numFmtId="39" fontId="3" fillId="0" borderId="0" xfId="0" applyNumberFormat="1" applyFont="1" applyAlignment="1">
      <alignment horizontal="right" vertical="top"/>
    </xf>
    <xf numFmtId="178" fontId="3" fillId="0" borderId="0" xfId="0" applyNumberFormat="1" applyFont="1" applyAlignment="1">
      <alignment horizontal="right" vertical="top"/>
    </xf>
    <xf numFmtId="0" fontId="3" fillId="0" borderId="0" xfId="0" applyFont="1" applyAlignment="1">
      <alignment horizontal="left" vertical="top"/>
    </xf>
    <xf numFmtId="49" fontId="3" fillId="4" borderId="6" xfId="0" applyNumberFormat="1" applyFont="1" applyFill="1" applyBorder="1" applyAlignment="1">
      <alignment horizontal="left" vertical="top"/>
    </xf>
    <xf numFmtId="37" fontId="3" fillId="0" borderId="0" xfId="0" quotePrefix="1" applyNumberFormat="1" applyFont="1" applyAlignment="1">
      <alignment horizontal="right" vertical="top"/>
    </xf>
    <xf numFmtId="177" fontId="3" fillId="0" borderId="0" xfId="0" quotePrefix="1" applyNumberFormat="1" applyFont="1" applyAlignment="1">
      <alignment horizontal="right" vertical="top"/>
    </xf>
    <xf numFmtId="39" fontId="3" fillId="0" borderId="0" xfId="0" quotePrefix="1" applyNumberFormat="1" applyFont="1" applyAlignment="1">
      <alignment horizontal="right" vertical="top"/>
    </xf>
    <xf numFmtId="178" fontId="3" fillId="0" borderId="0" xfId="0" quotePrefix="1" applyNumberFormat="1" applyFont="1" applyAlignment="1">
      <alignment horizontal="right" vertical="top"/>
    </xf>
    <xf numFmtId="49" fontId="4" fillId="0" borderId="1" xfId="1" applyNumberFormat="1" applyBorder="1" applyAlignment="1">
      <alignment horizontal="center" vertical="center"/>
    </xf>
    <xf numFmtId="0" fontId="4" fillId="0" borderId="1" xfId="1" applyBorder="1" applyAlignment="1">
      <alignment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theme" Target="theme/theme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AFB970-CED3-4816-94AF-E719A1D5F3B7}">
  <dimension ref="B1:C105"/>
  <sheetViews>
    <sheetView tabSelected="1" workbookViewId="0"/>
  </sheetViews>
  <sheetFormatPr defaultRowHeight="13.5"/>
  <cols>
    <col min="1" max="1" width="3.75" customWidth="1"/>
    <col min="2" max="2" width="10" style="1" customWidth="1"/>
    <col min="3" max="3" width="90" style="2" customWidth="1"/>
    <col min="4" max="4" width="3.75" customWidth="1"/>
  </cols>
  <sheetData>
    <row r="1" spans="2:3">
      <c r="B1" s="3"/>
    </row>
    <row r="2" spans="2:3">
      <c r="B2" s="4" t="s">
        <v>191</v>
      </c>
    </row>
    <row r="3" spans="2:3">
      <c r="B3" s="4"/>
    </row>
    <row r="4" spans="2:3">
      <c r="B4" s="4" t="s">
        <v>104</v>
      </c>
    </row>
    <row r="5" spans="2:3">
      <c r="B5" s="3"/>
    </row>
    <row r="6" spans="2:3">
      <c r="B6" s="9" t="s">
        <v>2</v>
      </c>
      <c r="C6" s="10" t="s">
        <v>3</v>
      </c>
    </row>
    <row r="7" spans="2:3">
      <c r="B7" s="7" t="s">
        <v>4</v>
      </c>
      <c r="C7" s="8"/>
    </row>
    <row r="8" spans="2:3" ht="40.5">
      <c r="B8" s="26" t="s">
        <v>0</v>
      </c>
      <c r="C8" s="27" t="s">
        <v>1</v>
      </c>
    </row>
    <row r="9" spans="2:3" ht="40.5">
      <c r="B9" s="26" t="s">
        <v>5</v>
      </c>
      <c r="C9" s="27" t="s">
        <v>39</v>
      </c>
    </row>
    <row r="10" spans="2:3" ht="27">
      <c r="B10" s="26" t="s">
        <v>6</v>
      </c>
      <c r="C10" s="27" t="s">
        <v>7</v>
      </c>
    </row>
    <row r="11" spans="2:3" ht="27">
      <c r="B11" s="26" t="s">
        <v>8</v>
      </c>
      <c r="C11" s="27" t="s">
        <v>9</v>
      </c>
    </row>
    <row r="12" spans="2:3" ht="27">
      <c r="B12" s="26" t="s">
        <v>10</v>
      </c>
      <c r="C12" s="27" t="s">
        <v>11</v>
      </c>
    </row>
    <row r="13" spans="2:3" ht="27">
      <c r="B13" s="26" t="s">
        <v>12</v>
      </c>
      <c r="C13" s="27" t="s">
        <v>13</v>
      </c>
    </row>
    <row r="14" spans="2:3" ht="27" customHeight="1">
      <c r="B14" s="26" t="s">
        <v>14</v>
      </c>
      <c r="C14" s="27" t="s">
        <v>15</v>
      </c>
    </row>
    <row r="15" spans="2:3" ht="27">
      <c r="B15" s="26" t="s">
        <v>16</v>
      </c>
      <c r="C15" s="27" t="s">
        <v>17</v>
      </c>
    </row>
    <row r="16" spans="2:3" ht="27">
      <c r="B16" s="26" t="s">
        <v>18</v>
      </c>
      <c r="C16" s="27" t="s">
        <v>19</v>
      </c>
    </row>
    <row r="17" spans="2:3" ht="27">
      <c r="B17" s="26" t="s">
        <v>20</v>
      </c>
      <c r="C17" s="27" t="s">
        <v>21</v>
      </c>
    </row>
    <row r="18" spans="2:3" ht="27">
      <c r="B18" s="26" t="s">
        <v>22</v>
      </c>
      <c r="C18" s="27" t="s">
        <v>40</v>
      </c>
    </row>
    <row r="19" spans="2:3">
      <c r="B19" s="7" t="s">
        <v>91</v>
      </c>
      <c r="C19" s="8"/>
    </row>
    <row r="20" spans="2:3" ht="27" customHeight="1">
      <c r="B20" s="26" t="s">
        <v>23</v>
      </c>
      <c r="C20" s="27" t="s">
        <v>41</v>
      </c>
    </row>
    <row r="21" spans="2:3" ht="27" customHeight="1">
      <c r="B21" s="26" t="s">
        <v>24</v>
      </c>
      <c r="C21" s="27" t="s">
        <v>25</v>
      </c>
    </row>
    <row r="22" spans="2:3" ht="27">
      <c r="B22" s="26" t="s">
        <v>26</v>
      </c>
      <c r="C22" s="27" t="s">
        <v>42</v>
      </c>
    </row>
    <row r="23" spans="2:3" ht="27" customHeight="1">
      <c r="B23" s="26" t="s">
        <v>27</v>
      </c>
      <c r="C23" s="27" t="s">
        <v>28</v>
      </c>
    </row>
    <row r="24" spans="2:3" ht="27" customHeight="1">
      <c r="B24" s="26" t="s">
        <v>29</v>
      </c>
      <c r="C24" s="27" t="s">
        <v>43</v>
      </c>
    </row>
    <row r="25" spans="2:3" ht="27">
      <c r="B25" s="26" t="s">
        <v>30</v>
      </c>
      <c r="C25" s="27" t="s">
        <v>38</v>
      </c>
    </row>
    <row r="26" spans="2:3" ht="27" customHeight="1">
      <c r="B26" s="5" t="s">
        <v>70</v>
      </c>
      <c r="C26" s="6" t="s">
        <v>37</v>
      </c>
    </row>
    <row r="27" spans="2:3" ht="27" customHeight="1">
      <c r="B27" s="26" t="s">
        <v>31</v>
      </c>
      <c r="C27" s="27" t="s">
        <v>36</v>
      </c>
    </row>
    <row r="28" spans="2:3" ht="27" customHeight="1">
      <c r="B28" s="26" t="s">
        <v>32</v>
      </c>
      <c r="C28" s="27" t="s">
        <v>35</v>
      </c>
    </row>
    <row r="29" spans="2:3" ht="27" customHeight="1">
      <c r="B29" s="26" t="s">
        <v>33</v>
      </c>
      <c r="C29" s="27" t="s">
        <v>34</v>
      </c>
    </row>
    <row r="30" spans="2:3" ht="27" customHeight="1">
      <c r="B30" s="26" t="s">
        <v>44</v>
      </c>
      <c r="C30" s="27" t="s">
        <v>45</v>
      </c>
    </row>
    <row r="31" spans="2:3" ht="27" customHeight="1">
      <c r="B31" s="26" t="s">
        <v>46</v>
      </c>
      <c r="C31" s="27" t="s">
        <v>47</v>
      </c>
    </row>
    <row r="32" spans="2:3" ht="27" customHeight="1">
      <c r="B32" s="26" t="s">
        <v>48</v>
      </c>
      <c r="C32" s="27" t="s">
        <v>49</v>
      </c>
    </row>
    <row r="33" spans="2:3" ht="27" customHeight="1">
      <c r="B33" s="26" t="s">
        <v>50</v>
      </c>
      <c r="C33" s="27" t="s">
        <v>51</v>
      </c>
    </row>
    <row r="34" spans="2:3" ht="27" customHeight="1">
      <c r="B34" s="26" t="s">
        <v>52</v>
      </c>
      <c r="C34" s="27" t="s">
        <v>53</v>
      </c>
    </row>
    <row r="35" spans="2:3" ht="27" customHeight="1">
      <c r="B35" s="26" t="s">
        <v>54</v>
      </c>
      <c r="C35" s="27" t="s">
        <v>55</v>
      </c>
    </row>
    <row r="36" spans="2:3" ht="27" customHeight="1">
      <c r="B36" s="26" t="s">
        <v>56</v>
      </c>
      <c r="C36" s="27" t="s">
        <v>57</v>
      </c>
    </row>
    <row r="37" spans="2:3" ht="27" customHeight="1">
      <c r="B37" s="26" t="s">
        <v>58</v>
      </c>
      <c r="C37" s="27" t="s">
        <v>59</v>
      </c>
    </row>
    <row r="38" spans="2:3" ht="27" customHeight="1">
      <c r="B38" s="26" t="s">
        <v>60</v>
      </c>
      <c r="C38" s="27" t="s">
        <v>61</v>
      </c>
    </row>
    <row r="39" spans="2:3" ht="27" customHeight="1">
      <c r="B39" s="26" t="s">
        <v>62</v>
      </c>
      <c r="C39" s="27" t="s">
        <v>63</v>
      </c>
    </row>
    <row r="40" spans="2:3" ht="27" customHeight="1">
      <c r="B40" s="26" t="s">
        <v>64</v>
      </c>
      <c r="C40" s="27" t="s">
        <v>65</v>
      </c>
    </row>
    <row r="41" spans="2:3" ht="27" customHeight="1">
      <c r="B41" s="26" t="s">
        <v>66</v>
      </c>
      <c r="C41" s="27" t="s">
        <v>67</v>
      </c>
    </row>
    <row r="42" spans="2:3" ht="27" customHeight="1">
      <c r="B42" s="5" t="s">
        <v>69</v>
      </c>
      <c r="C42" s="6" t="s">
        <v>68</v>
      </c>
    </row>
    <row r="43" spans="2:3" ht="27" customHeight="1">
      <c r="B43" s="26" t="s">
        <v>72</v>
      </c>
      <c r="C43" s="27" t="s">
        <v>71</v>
      </c>
    </row>
    <row r="44" spans="2:3" ht="27" customHeight="1">
      <c r="B44" s="26" t="s">
        <v>73</v>
      </c>
      <c r="C44" s="27" t="s">
        <v>77</v>
      </c>
    </row>
    <row r="45" spans="2:3" ht="27" customHeight="1">
      <c r="B45" s="26" t="s">
        <v>74</v>
      </c>
      <c r="C45" s="27" t="s">
        <v>78</v>
      </c>
    </row>
    <row r="46" spans="2:3" ht="27" customHeight="1">
      <c r="B46" s="26" t="s">
        <v>75</v>
      </c>
      <c r="C46" s="27" t="s">
        <v>79</v>
      </c>
    </row>
    <row r="47" spans="2:3" ht="27" customHeight="1">
      <c r="B47" s="26" t="s">
        <v>76</v>
      </c>
      <c r="C47" s="27" t="s">
        <v>80</v>
      </c>
    </row>
    <row r="48" spans="2:3">
      <c r="B48" s="7" t="s">
        <v>81</v>
      </c>
      <c r="C48" s="8"/>
    </row>
    <row r="49" spans="2:3" ht="27">
      <c r="B49" s="26" t="s">
        <v>82</v>
      </c>
      <c r="C49" s="27" t="s">
        <v>83</v>
      </c>
    </row>
    <row r="50" spans="2:3" ht="27">
      <c r="B50" s="26" t="s">
        <v>84</v>
      </c>
      <c r="C50" s="27" t="s">
        <v>85</v>
      </c>
    </row>
    <row r="51" spans="2:3" ht="27">
      <c r="B51" s="26" t="s">
        <v>86</v>
      </c>
      <c r="C51" s="27" t="s">
        <v>87</v>
      </c>
    </row>
    <row r="52" spans="2:3" ht="27">
      <c r="B52" s="26" t="s">
        <v>88</v>
      </c>
      <c r="C52" s="27" t="s">
        <v>89</v>
      </c>
    </row>
    <row r="53" spans="2:3">
      <c r="B53" s="7" t="s">
        <v>90</v>
      </c>
      <c r="C53" s="8"/>
    </row>
    <row r="54" spans="2:3" ht="27" customHeight="1">
      <c r="B54" s="26" t="s">
        <v>92</v>
      </c>
      <c r="C54" s="27" t="s">
        <v>93</v>
      </c>
    </row>
    <row r="55" spans="2:3" ht="27" customHeight="1">
      <c r="B55" s="26" t="s">
        <v>94</v>
      </c>
      <c r="C55" s="27" t="s">
        <v>95</v>
      </c>
    </row>
    <row r="56" spans="2:3" ht="27" customHeight="1">
      <c r="B56" s="26" t="s">
        <v>96</v>
      </c>
      <c r="C56" s="27" t="s">
        <v>102</v>
      </c>
    </row>
    <row r="57" spans="2:3" ht="27" customHeight="1">
      <c r="B57" s="26" t="s">
        <v>97</v>
      </c>
      <c r="C57" s="27" t="s">
        <v>98</v>
      </c>
    </row>
    <row r="58" spans="2:3" ht="27" customHeight="1">
      <c r="B58" s="26" t="s">
        <v>99</v>
      </c>
      <c r="C58" s="27" t="s">
        <v>103</v>
      </c>
    </row>
    <row r="59" spans="2:3" ht="27" customHeight="1">
      <c r="B59" s="26" t="s">
        <v>100</v>
      </c>
      <c r="C59" s="27" t="s">
        <v>101</v>
      </c>
    </row>
    <row r="60" spans="2:3" ht="27" customHeight="1">
      <c r="B60" s="26" t="s">
        <v>105</v>
      </c>
      <c r="C60" s="27" t="s">
        <v>106</v>
      </c>
    </row>
    <row r="61" spans="2:3" ht="27" customHeight="1">
      <c r="B61" s="26" t="s">
        <v>107</v>
      </c>
      <c r="C61" s="27" t="s">
        <v>108</v>
      </c>
    </row>
    <row r="62" spans="2:3" ht="27" customHeight="1">
      <c r="B62" s="26" t="s">
        <v>109</v>
      </c>
      <c r="C62" s="27" t="s">
        <v>110</v>
      </c>
    </row>
    <row r="63" spans="2:3" ht="27" customHeight="1">
      <c r="B63" s="26" t="s">
        <v>111</v>
      </c>
      <c r="C63" s="27" t="s">
        <v>112</v>
      </c>
    </row>
    <row r="64" spans="2:3" ht="27" customHeight="1">
      <c r="B64" s="26" t="s">
        <v>113</v>
      </c>
      <c r="C64" s="27" t="s">
        <v>114</v>
      </c>
    </row>
    <row r="65" spans="2:3" ht="27" customHeight="1">
      <c r="B65" s="26" t="s">
        <v>115</v>
      </c>
      <c r="C65" s="27" t="s">
        <v>116</v>
      </c>
    </row>
    <row r="66" spans="2:3" ht="27" customHeight="1">
      <c r="B66" s="26" t="s">
        <v>117</v>
      </c>
      <c r="C66" s="27" t="s">
        <v>118</v>
      </c>
    </row>
    <row r="67" spans="2:3" ht="27" customHeight="1">
      <c r="B67" s="26" t="s">
        <v>119</v>
      </c>
      <c r="C67" s="27" t="s">
        <v>120</v>
      </c>
    </row>
    <row r="68" spans="2:3" ht="27" customHeight="1">
      <c r="B68" s="5" t="s">
        <v>121</v>
      </c>
      <c r="C68" s="6" t="s">
        <v>122</v>
      </c>
    </row>
    <row r="69" spans="2:3" ht="27" customHeight="1">
      <c r="B69" s="26" t="s">
        <v>124</v>
      </c>
      <c r="C69" s="27" t="s">
        <v>123</v>
      </c>
    </row>
    <row r="70" spans="2:3" ht="27" customHeight="1">
      <c r="B70" s="26" t="s">
        <v>125</v>
      </c>
      <c r="C70" s="27" t="s">
        <v>127</v>
      </c>
    </row>
    <row r="71" spans="2:3" ht="27" customHeight="1">
      <c r="B71" s="26" t="s">
        <v>126</v>
      </c>
      <c r="C71" s="27" t="s">
        <v>128</v>
      </c>
    </row>
    <row r="72" spans="2:3" ht="27" customHeight="1">
      <c r="B72" s="5" t="s">
        <v>130</v>
      </c>
      <c r="C72" s="6" t="s">
        <v>129</v>
      </c>
    </row>
    <row r="73" spans="2:3" ht="27" customHeight="1">
      <c r="B73" s="26" t="s">
        <v>131</v>
      </c>
      <c r="C73" s="27" t="s">
        <v>123</v>
      </c>
    </row>
    <row r="74" spans="2:3" ht="27" customHeight="1">
      <c r="B74" s="26" t="s">
        <v>132</v>
      </c>
      <c r="C74" s="27" t="s">
        <v>127</v>
      </c>
    </row>
    <row r="75" spans="2:3" ht="27" customHeight="1">
      <c r="B75" s="26" t="s">
        <v>133</v>
      </c>
      <c r="C75" s="27" t="s">
        <v>128</v>
      </c>
    </row>
    <row r="76" spans="2:3">
      <c r="B76" s="7" t="s">
        <v>134</v>
      </c>
      <c r="C76" s="8"/>
    </row>
    <row r="77" spans="2:3" ht="27" customHeight="1">
      <c r="B77" s="26" t="s">
        <v>135</v>
      </c>
      <c r="C77" s="27" t="s">
        <v>136</v>
      </c>
    </row>
    <row r="78" spans="2:3" ht="27" customHeight="1">
      <c r="B78" s="26" t="s">
        <v>137</v>
      </c>
      <c r="C78" s="27" t="s">
        <v>138</v>
      </c>
    </row>
    <row r="79" spans="2:3" ht="27" customHeight="1">
      <c r="B79" s="26" t="s">
        <v>139</v>
      </c>
      <c r="C79" s="27" t="s">
        <v>140</v>
      </c>
    </row>
    <row r="80" spans="2:3" ht="27" customHeight="1">
      <c r="B80" s="26" t="s">
        <v>141</v>
      </c>
      <c r="C80" s="27" t="s">
        <v>142</v>
      </c>
    </row>
    <row r="81" spans="2:3" ht="27" customHeight="1">
      <c r="B81" s="26" t="s">
        <v>143</v>
      </c>
      <c r="C81" s="27" t="s">
        <v>144</v>
      </c>
    </row>
    <row r="82" spans="2:3" ht="27" customHeight="1">
      <c r="B82" s="26" t="s">
        <v>145</v>
      </c>
      <c r="C82" s="27" t="s">
        <v>146</v>
      </c>
    </row>
    <row r="83" spans="2:3" ht="27" customHeight="1">
      <c r="B83" s="26" t="s">
        <v>147</v>
      </c>
      <c r="C83" s="27" t="s">
        <v>148</v>
      </c>
    </row>
    <row r="84" spans="2:3" ht="27" customHeight="1">
      <c r="B84" s="26" t="s">
        <v>149</v>
      </c>
      <c r="C84" s="27" t="s">
        <v>150</v>
      </c>
    </row>
    <row r="85" spans="2:3" ht="27" customHeight="1">
      <c r="B85" s="26" t="s">
        <v>151</v>
      </c>
      <c r="C85" s="27" t="s">
        <v>152</v>
      </c>
    </row>
    <row r="86" spans="2:3" ht="27" customHeight="1">
      <c r="B86" s="26" t="s">
        <v>153</v>
      </c>
      <c r="C86" s="27" t="s">
        <v>154</v>
      </c>
    </row>
    <row r="87" spans="2:3" ht="27" customHeight="1">
      <c r="B87" s="26" t="s">
        <v>155</v>
      </c>
      <c r="C87" s="27" t="s">
        <v>156</v>
      </c>
    </row>
    <row r="88" spans="2:3" ht="27" customHeight="1">
      <c r="B88" s="26" t="s">
        <v>157</v>
      </c>
      <c r="C88" s="27" t="s">
        <v>158</v>
      </c>
    </row>
    <row r="89" spans="2:3" ht="27" customHeight="1">
      <c r="B89" s="26" t="s">
        <v>159</v>
      </c>
      <c r="C89" s="27" t="s">
        <v>160</v>
      </c>
    </row>
    <row r="90" spans="2:3" ht="27" customHeight="1">
      <c r="B90" s="26" t="s">
        <v>161</v>
      </c>
      <c r="C90" s="27" t="s">
        <v>162</v>
      </c>
    </row>
    <row r="91" spans="2:3" ht="27" customHeight="1">
      <c r="B91" s="26" t="s">
        <v>163</v>
      </c>
      <c r="C91" s="27" t="s">
        <v>164</v>
      </c>
    </row>
    <row r="92" spans="2:3" ht="27" customHeight="1">
      <c r="B92" s="26" t="s">
        <v>165</v>
      </c>
      <c r="C92" s="27" t="s">
        <v>166</v>
      </c>
    </row>
    <row r="93" spans="2:3" ht="27" customHeight="1">
      <c r="B93" s="26" t="s">
        <v>167</v>
      </c>
      <c r="C93" s="27" t="s">
        <v>168</v>
      </c>
    </row>
    <row r="94" spans="2:3" ht="27" customHeight="1">
      <c r="B94" s="26" t="s">
        <v>169</v>
      </c>
      <c r="C94" s="27" t="s">
        <v>170</v>
      </c>
    </row>
    <row r="95" spans="2:3" ht="27" customHeight="1">
      <c r="B95" s="26" t="s">
        <v>171</v>
      </c>
      <c r="C95" s="27" t="s">
        <v>172</v>
      </c>
    </row>
    <row r="96" spans="2:3" ht="27" customHeight="1">
      <c r="B96" s="26" t="s">
        <v>173</v>
      </c>
      <c r="C96" s="27" t="s">
        <v>174</v>
      </c>
    </row>
    <row r="97" spans="2:3" ht="27" customHeight="1">
      <c r="B97" s="26" t="s">
        <v>175</v>
      </c>
      <c r="C97" s="27" t="s">
        <v>176</v>
      </c>
    </row>
    <row r="98" spans="2:3">
      <c r="B98" s="7" t="s">
        <v>177</v>
      </c>
      <c r="C98" s="8"/>
    </row>
    <row r="99" spans="2:3" ht="27" customHeight="1">
      <c r="B99" s="26" t="s">
        <v>178</v>
      </c>
      <c r="C99" s="27" t="s">
        <v>179</v>
      </c>
    </row>
    <row r="100" spans="2:3" ht="27" customHeight="1">
      <c r="B100" s="26" t="s">
        <v>180</v>
      </c>
      <c r="C100" s="27" t="s">
        <v>181</v>
      </c>
    </row>
    <row r="101" spans="2:3" ht="27" customHeight="1">
      <c r="B101" s="26" t="s">
        <v>182</v>
      </c>
      <c r="C101" s="27" t="s">
        <v>183</v>
      </c>
    </row>
    <row r="102" spans="2:3" ht="27" customHeight="1">
      <c r="B102" s="26" t="s">
        <v>184</v>
      </c>
      <c r="C102" s="27" t="s">
        <v>185</v>
      </c>
    </row>
    <row r="103" spans="2:3">
      <c r="B103" s="7" t="s">
        <v>186</v>
      </c>
      <c r="C103" s="8"/>
    </row>
    <row r="104" spans="2:3" ht="27" customHeight="1">
      <c r="B104" s="26" t="s">
        <v>187</v>
      </c>
      <c r="C104" s="27" t="s">
        <v>188</v>
      </c>
    </row>
    <row r="105" spans="2:3" ht="27" customHeight="1">
      <c r="B105" s="26" t="s">
        <v>189</v>
      </c>
      <c r="C105" s="27" t="s">
        <v>190</v>
      </c>
    </row>
  </sheetData>
  <phoneticPr fontId="1"/>
  <hyperlinks>
    <hyperlink ref="B8:C8" location="'1-1'!R1C1" display="1-1" xr:uid="{25F2F916-9BF6-40C0-B04A-8EF819AD3A2C}"/>
    <hyperlink ref="B9:C9" location="'1-2'!R1C1" display="1-2" xr:uid="{812E74C9-749B-4513-A568-8C2AE9F647A9}"/>
    <hyperlink ref="B10:C10" location="'2-5'!R1C1" display="2-5" xr:uid="{D33A8C22-33FA-4CD3-B6DD-58CC7A8BA529}"/>
    <hyperlink ref="B11:C11" location="'2-6'!R1C1" display="2-6" xr:uid="{B58089E6-EF7F-46D7-898F-59D93D587C61}"/>
    <hyperlink ref="B12:C12" location="'2-7'!R1C1" display="2-7" xr:uid="{B0DE2262-38A3-41AD-87EB-49E308C81B05}"/>
    <hyperlink ref="B13:C13" location="'2-8'!R1C1" display="2-8" xr:uid="{96E41D61-C6B9-4885-8447-A3F504A5BAA0}"/>
    <hyperlink ref="B14:C14" location="'3-3'!R1C1" display="3-3" xr:uid="{84A08555-205F-4F01-9DB4-CD28FB08DAD1}"/>
    <hyperlink ref="B15:C15" location="'4-3'!R1C1" display="4-3" xr:uid="{F8B58F80-C943-444D-9F00-8FDE2CB29291}"/>
    <hyperlink ref="B16:C16" location="'4-4'!R1C1" display="4-4" xr:uid="{CA29BC75-B895-465A-AD7A-9F18560BEA94}"/>
    <hyperlink ref="B17:C17" location="'4-5'!R1C1" display="4-5" xr:uid="{CA47497A-CA69-49E9-AC31-9BE6B2A550CE}"/>
    <hyperlink ref="B18:C18" location="'4-6'!R1C1" display="4-6" xr:uid="{F9D0566E-B707-4A9A-BC20-BB25774533E5}"/>
    <hyperlink ref="B20:C20" location="'6-1'!R1C1" display="6-1" xr:uid="{16931A49-C2E5-424B-B79B-5A0F1CA4FB26}"/>
    <hyperlink ref="B21:C21" location="'6-2'!R1C1" display="6-2" xr:uid="{15FE8A66-AD29-42B4-BA91-826C90D0E9A4}"/>
    <hyperlink ref="B22:C22" location="'6-3'!R1C1" display="6-3" xr:uid="{6128B52B-CE9E-492A-9C89-EDCE9763429C}"/>
    <hyperlink ref="B23:C23" location="'6-4'!R1C1" display="6-4" xr:uid="{427FD287-C0A5-4EDC-8EA9-1F021C2D7111}"/>
    <hyperlink ref="B24:C24" location="'6-5'!R1C1" display="6-5" xr:uid="{F324B2D7-9EFC-4751-B69B-690706C2FCCE}"/>
    <hyperlink ref="B25:C25" location="'6-6'!R1C1" display="6-6" xr:uid="{956100CB-8AEC-4C6E-B9FC-C8B22BD60692}"/>
    <hyperlink ref="B27:C27" location="'7-2-1'!R1C1" display="7-2-1" xr:uid="{F8A376F6-D6D7-421D-A9AA-91A199E764F8}"/>
    <hyperlink ref="B28:C28" location="'7-2-2'!R1C1" display="7-2-2" xr:uid="{8EAC1B37-9122-4AD1-B153-1DA0C97301D7}"/>
    <hyperlink ref="B29:C29" location="'7-2-3'!R1C1" display="7-2-3" xr:uid="{CCDE3111-DCDF-429F-8C9B-ED42DD7CF33D}"/>
    <hyperlink ref="B30:C30" location="'8-1'!R1C1" display="8-1" xr:uid="{ACBD7E7A-C8BD-4964-9853-D87F73DB4464}"/>
    <hyperlink ref="B31:C31" location="'8-2'!R1C1" display="8-2" xr:uid="{BE0C3688-1773-4132-B597-008A9A39B75C}"/>
    <hyperlink ref="B32:C32" location="'8-3'!R1C1" display="8-3" xr:uid="{0CACBA7D-D4EC-4550-B62B-BF2E62B87872}"/>
    <hyperlink ref="B33:C33" location="'9-1'!R1C1" display="9-1" xr:uid="{47B47615-238A-4B88-8D8B-824DC7699916}"/>
    <hyperlink ref="B34:C34" location="'9-2'!R1C1" display="9-2" xr:uid="{8DEE7DA3-9402-487E-837B-144B29DC1672}"/>
    <hyperlink ref="B35:C35" location="'9-3'!R1C1" display="9-3" xr:uid="{2946E86D-8EF0-475B-84C8-87F5CACA1C74}"/>
    <hyperlink ref="B36:C36" location="'9-4'!R1C1" display="9-4" xr:uid="{2A4B52E4-61A6-4EF9-9448-B1683CDB8EAA}"/>
    <hyperlink ref="B37:C37" location="'9-5'!R1C1" display="9-5" xr:uid="{A89ACE89-01F1-454F-9124-80CF8A5BBA8D}"/>
    <hyperlink ref="B38:C38" location="'9-6'!R1C1" display="9-6" xr:uid="{81954735-1544-438C-9586-46F16356523F}"/>
    <hyperlink ref="B39:C39" location="'10'!R1C1" display="10" xr:uid="{F7FC739B-6042-4DC7-9AFC-6E39ED4F2F48}"/>
    <hyperlink ref="B40:C40" location="'12-3'!R1C1" display="12-3" xr:uid="{7D709261-DFF7-4D27-BBB5-5C01D7064600}"/>
    <hyperlink ref="B41:C41" location="'12-4'!R1C1" display="12-4" xr:uid="{48C74501-390C-46E9-AF54-982140EDE276}"/>
    <hyperlink ref="B43:C43" location="'14-2-1'!R1C1" display="14-2-1" xr:uid="{F386E279-F033-456C-86AE-963919AFC687}"/>
    <hyperlink ref="B44:C44" location="'14-2-2'!R1C1" display="14-2-2" xr:uid="{A059264A-8399-4F0E-8E36-E126B81BF66E}"/>
    <hyperlink ref="B45:C45" location="'14-2-3'!R1C1" display="14-2-3" xr:uid="{DC49949C-13D6-4EAF-81DC-04C9ECBD361F}"/>
    <hyperlink ref="B46:C46" location="'14-2-4'!R1C1" display="14-2-4" xr:uid="{36AF9700-C439-4BBA-A853-2330F115D5B3}"/>
    <hyperlink ref="B47:C47" location="'14-2-5'!R1C1" display="14-2-5" xr:uid="{9DB86093-4A2C-4793-9425-5BB710078E17}"/>
    <hyperlink ref="B49:C49" location="'15-9'!R1C1" display="15-9" xr:uid="{79232085-666D-48E6-B80C-5B52D88173E5}"/>
    <hyperlink ref="B50:C50" location="'15-10'!R1C1" display="15-10" xr:uid="{AA8D3550-0EFA-4BE3-8442-C181E61613CC}"/>
    <hyperlink ref="B51:C51" location="'15-11'!R1C1" display="15-11" xr:uid="{EBAD6D56-3923-4F18-8819-96C3B360E96B}"/>
    <hyperlink ref="B52:C52" location="'15-12'!R1C1" display="15-12" xr:uid="{12C56B3E-02FD-404B-8D87-DD31BEFF6D98}"/>
    <hyperlink ref="B54:C54" location="'18-4'!R1C1" display="18-4" xr:uid="{FBD9CFCF-4140-4BBC-9D32-A711FA137AFD}"/>
    <hyperlink ref="B55:C55" location="'18-5'!R1C1" display="18-5" xr:uid="{46DAE35B-0B8A-4A62-945F-55535AE8D9D0}"/>
    <hyperlink ref="B56:C56" location="'18-6'!R1C1" display="18-6" xr:uid="{C2FDD846-E22F-47ED-B42F-DF7D4DE1BA22}"/>
    <hyperlink ref="B57:C57" location="'18-7'!R1C1" display="18-7" xr:uid="{735B591D-6A7C-4F72-B23D-74DFCAC3B90D}"/>
    <hyperlink ref="B58:C58" location="'18-8'!R1C1" display="18-8" xr:uid="{C83B32DB-70E6-483A-9787-8D1A336F566D}"/>
    <hyperlink ref="B59:C59" location="'18-9'!R1C1" display="18-9" xr:uid="{EA5C3249-B874-418A-BF57-393AC0746F22}"/>
    <hyperlink ref="B60:C60" location="'19-4'!R1C1" display="19-4" xr:uid="{5CFEAA7B-23C9-499F-9CD6-593AA3DA789B}"/>
    <hyperlink ref="B61:C61" location="'19-5'!R1C1" display="19-5" xr:uid="{26BC4896-B969-4FE6-AE0F-C555DDEA0182}"/>
    <hyperlink ref="B62:C62" location="'19-6'!R1C1" display="19-6" xr:uid="{DF7204FB-4795-44C7-8C35-EECDECC0E4C4}"/>
    <hyperlink ref="B63:C63" location="'19-7'!R1C1" display="19-7" xr:uid="{BC1B4967-C61D-423B-A7EB-98EEFBB04A7C}"/>
    <hyperlink ref="B64:C64" location="'19-8'!R1C1" display="19-8" xr:uid="{A5EB9A09-A854-4257-AF9B-1CC78C8A6FA9}"/>
    <hyperlink ref="B65:C65" location="'19-9'!R1C1" display="19-9" xr:uid="{636A2266-F27A-481D-9B6B-BA42C6188682}"/>
    <hyperlink ref="B66:C66" location="'22-3'!R1C1" display="22-3" xr:uid="{98F0C6A4-D0FC-4F2F-9240-2FD4819AEDA9}"/>
    <hyperlink ref="B67:C67" location="'22-4'!R1C1" display="22-4" xr:uid="{85FE445C-A075-47F3-8626-82BA77734677}"/>
    <hyperlink ref="B69:C69" location="'24-1-1'!R1C1" display="24-1-1" xr:uid="{67EB43B1-4218-45DA-819F-EFE6BC87D9C0}"/>
    <hyperlink ref="B70:C70" location="'24-1-2'!R1C1" display="24-1-2" xr:uid="{D5297A08-064B-4991-A4A8-495A826A0CFF}"/>
    <hyperlink ref="B71:C71" location="'24-1-3'!R1C1" display="24-1-3" xr:uid="{338575FE-797D-43F8-807C-0970E1BD0B80}"/>
    <hyperlink ref="B73:C73" location="'24-2-1'!R1C1" display="24-2-1" xr:uid="{EBC5ED12-BD69-45E2-B079-7990AD655431}"/>
    <hyperlink ref="B74:C74" location="'24-2-2'!R1C1" display="24-2-2" xr:uid="{4D9FBEAC-8E36-4F6D-8304-0C3F110F4690}"/>
    <hyperlink ref="B75:C75" location="'24-2-3'!R1C1" display="24-2-3" xr:uid="{B7E094D6-D62D-4F35-95E7-8ECD1E991A04}"/>
    <hyperlink ref="B77:C77" location="'26-1'!R1C1" display="26-1" xr:uid="{85DE0CB0-4770-4900-A5A0-8AFEFFB0D77E}"/>
    <hyperlink ref="B78:C78" location="'26-2'!R1C1" display="26-2" xr:uid="{A465CFBC-AC76-4234-B051-2394A2CBA434}"/>
    <hyperlink ref="B79:C79" location="'26-3'!R1C1" display="26-3" xr:uid="{52A55E43-4F9E-4970-B262-D06143084351}"/>
    <hyperlink ref="B80:C80" location="'27-4'!R1C1" display="27-4" xr:uid="{13F99E03-3B87-485F-BC78-B333101BEE94}"/>
    <hyperlink ref="B81:C81" location="'27-5'!R1C1" display="27-5" xr:uid="{BE6EEE22-A2D5-4EED-8A60-88603E102E31}"/>
    <hyperlink ref="B82:C82" location="'27-6'!R1C1" display="27-6" xr:uid="{165EEEE4-BBA3-41CC-A994-90D9426BC5E5}"/>
    <hyperlink ref="B83:C83" location="'27-7'!R1C1" display="27-7" xr:uid="{01963ACE-A8A3-419B-A1A2-2C08E34D6D34}"/>
    <hyperlink ref="B84:C84" location="'27-8'!R1C1" display="27-8" xr:uid="{2A4E662F-9248-4A54-8085-FA8126758D65}"/>
    <hyperlink ref="B85:C85" location="'29-5'!R1C1" display="29-5" xr:uid="{E227FDD4-2158-403F-8B90-29D492C76D9E}"/>
    <hyperlink ref="B86:C86" location="'29-6'!R1C1" display="29-6" xr:uid="{4B45C90F-530A-4309-8C11-5A8A5AA57B70}"/>
    <hyperlink ref="B87:C87" location="'29-7'!R1C1" display="29-7" xr:uid="{15F4B240-BBD5-425B-888A-BCF1B4885F48}"/>
    <hyperlink ref="B88:C88" location="'29-8'!R1C1" display="29-8" xr:uid="{DDE3932A-6172-4EA5-81AE-E835640F3DC7}"/>
    <hyperlink ref="B89:C89" location="'30-4'!R1C1" display="30-4" xr:uid="{64FD34AA-95F0-4441-A137-D5A76C1F8D4F}"/>
    <hyperlink ref="B90:C90" location="'30-5'!R1C1" display="30-5" xr:uid="{A60A6E2A-5A88-444E-9D45-6A4C6B3509BC}"/>
    <hyperlink ref="B91:C91" location="'30-6'!R1C1" display="30-6" xr:uid="{35A7CAFE-8B13-4536-AC8B-5B54C058116A}"/>
    <hyperlink ref="B92:C92" location="'31-5'!R1C1" display="31-5" xr:uid="{7EC8F17C-479C-4B9C-8378-FA04FACB07C9}"/>
    <hyperlink ref="B93:C93" location="'31-6'!R1C1" display="31-6" xr:uid="{1CBA7417-5A9D-4D16-9D21-541C30FE5C5F}"/>
    <hyperlink ref="B94:C94" location="'31-7'!R1C1" display="31-7" xr:uid="{53031C36-3ABB-4235-A7E5-51A6FA3D3024}"/>
    <hyperlink ref="B95:C95" location="'31-8'!R1C1" display="31-8" xr:uid="{CE1F55F8-53E3-4B7B-9F46-497A63225F2E}"/>
    <hyperlink ref="B96:C96" location="'32'!R1C1" display="32" xr:uid="{F6877B96-51D3-481E-BA1D-5B48D47DF69A}"/>
    <hyperlink ref="B97:C97" location="'33-2'!R1C1" display="33-2" xr:uid="{ACE72784-53AF-4EBB-9D87-C4EFAAD9FE4B}"/>
    <hyperlink ref="B99:C99" location="'36-1'!R1C1" display="36-1" xr:uid="{FC1CF197-A12C-4D18-A0F4-EE0F24953BD9}"/>
    <hyperlink ref="B100:C100" location="'36-2'!R1C1" display="36-2" xr:uid="{1F51A3A7-E504-4BDD-AF16-FD369F425FEB}"/>
    <hyperlink ref="B101:C101" location="'39-1'!R1C1" display="39-1" xr:uid="{2EBD2BFB-0E56-4DC2-9AA0-9A9D48FDC854}"/>
    <hyperlink ref="B102:C102" location="'39-2'!R1C1" display="39-2" xr:uid="{867C3D41-D943-4115-894E-FACDA21E2577}"/>
    <hyperlink ref="B104:C104" location="'44-1'!R1C1" display="44-1" xr:uid="{C98A6062-8F65-463B-9F08-675DDFE40C35}"/>
    <hyperlink ref="B105:C105" location="'44-2'!R1C1" display="44-2" xr:uid="{10ED33ED-CB5D-44BC-A493-E084FF9F9A20}"/>
  </hyperlinks>
  <pageMargins left="0.39370078740157483" right="0.39370078740157483" top="0.59055118110236227" bottom="0.59055118110236227" header="0.31496062992125984" footer="0.31496062992125984"/>
  <pageSetup paperSize="9" scale="90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1BB847-F849-47B8-B9E4-6DBB9FBCFAB7}">
  <sheetPr>
    <pageSetUpPr fitToPage="1"/>
  </sheetPr>
  <dimension ref="A1:AD83"/>
  <sheetViews>
    <sheetView zoomScaleNormal="100" workbookViewId="0">
      <pane xSplit="6" ySplit="11" topLeftCell="G12" activePane="bottomRight" state="frozen"/>
      <selection pane="topRight" activeCell="Z1" sqref="Z1"/>
      <selection pane="bottomLeft" activeCell="A21" sqref="A21"/>
      <selection pane="bottomRight" activeCell="B9" sqref="B9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16.25" style="20" customWidth="1"/>
    <col min="5" max="16384" width="12.625" style="20"/>
  </cols>
  <sheetData>
    <row r="1" spans="1:30" s="11" customFormat="1">
      <c r="A1" s="11" t="s">
        <v>192</v>
      </c>
    </row>
    <row r="2" spans="1:30" s="11" customFormat="1">
      <c r="A2" s="11" t="s">
        <v>471</v>
      </c>
    </row>
    <row r="3" spans="1:30" s="11" customFormat="1"/>
    <row r="4" spans="1:30" s="11" customFormat="1" outlineLevel="1">
      <c r="A4" s="11" t="s">
        <v>472</v>
      </c>
    </row>
    <row r="5" spans="1:30" s="11" customFormat="1" outlineLevel="1">
      <c r="A5" s="11" t="s">
        <v>278</v>
      </c>
    </row>
    <row r="6" spans="1:30" s="11" customFormat="1" ht="36">
      <c r="G6" s="12" t="s">
        <v>473</v>
      </c>
      <c r="H6" s="12" t="s">
        <v>473</v>
      </c>
      <c r="I6" s="12" t="s">
        <v>473</v>
      </c>
      <c r="J6" s="12" t="s">
        <v>473</v>
      </c>
      <c r="K6" s="12" t="s">
        <v>473</v>
      </c>
      <c r="L6" s="12" t="s">
        <v>473</v>
      </c>
      <c r="M6" s="12" t="s">
        <v>473</v>
      </c>
      <c r="N6" s="12" t="s">
        <v>473</v>
      </c>
      <c r="O6" s="12" t="s">
        <v>473</v>
      </c>
      <c r="P6" s="12" t="s">
        <v>473</v>
      </c>
      <c r="Q6" s="12" t="s">
        <v>473</v>
      </c>
      <c r="R6" s="12" t="s">
        <v>473</v>
      </c>
      <c r="S6" s="12" t="s">
        <v>473</v>
      </c>
      <c r="T6" s="12" t="s">
        <v>473</v>
      </c>
      <c r="U6" s="12" t="s">
        <v>473</v>
      </c>
      <c r="V6" s="12" t="s">
        <v>473</v>
      </c>
      <c r="W6" s="12" t="s">
        <v>473</v>
      </c>
      <c r="X6" s="12" t="s">
        <v>473</v>
      </c>
      <c r="Y6" s="12" t="s">
        <v>473</v>
      </c>
      <c r="Z6" s="12" t="s">
        <v>473</v>
      </c>
      <c r="AA6" s="12" t="s">
        <v>473</v>
      </c>
      <c r="AB6" s="12" t="s">
        <v>473</v>
      </c>
      <c r="AC6" s="12" t="s">
        <v>473</v>
      </c>
      <c r="AD6" s="12" t="s">
        <v>473</v>
      </c>
    </row>
    <row r="7" spans="1:30" s="11" customFormat="1">
      <c r="G7" s="12" t="s">
        <v>282</v>
      </c>
      <c r="H7" s="12" t="s">
        <v>282</v>
      </c>
      <c r="I7" s="12" t="s">
        <v>282</v>
      </c>
      <c r="J7" s="12" t="s">
        <v>282</v>
      </c>
      <c r="K7" s="12" t="s">
        <v>282</v>
      </c>
      <c r="L7" s="12" t="s">
        <v>282</v>
      </c>
      <c r="M7" s="12" t="s">
        <v>282</v>
      </c>
      <c r="N7" s="12" t="s">
        <v>282</v>
      </c>
      <c r="O7" s="12" t="s">
        <v>282</v>
      </c>
      <c r="P7" s="12" t="s">
        <v>282</v>
      </c>
      <c r="Q7" s="12" t="s">
        <v>282</v>
      </c>
      <c r="R7" s="12" t="s">
        <v>282</v>
      </c>
      <c r="S7" s="12" t="s">
        <v>282</v>
      </c>
      <c r="T7" s="12" t="s">
        <v>282</v>
      </c>
      <c r="U7" s="12" t="s">
        <v>282</v>
      </c>
      <c r="V7" s="12" t="s">
        <v>282</v>
      </c>
      <c r="W7" s="12" t="s">
        <v>282</v>
      </c>
      <c r="X7" s="12" t="s">
        <v>282</v>
      </c>
      <c r="Y7" s="12" t="s">
        <v>282</v>
      </c>
      <c r="Z7" s="12" t="s">
        <v>282</v>
      </c>
      <c r="AA7" s="12" t="s">
        <v>282</v>
      </c>
      <c r="AB7" s="12" t="s">
        <v>282</v>
      </c>
      <c r="AC7" s="12" t="s">
        <v>282</v>
      </c>
      <c r="AD7" s="12" t="s">
        <v>282</v>
      </c>
    </row>
    <row r="8" spans="1:30" s="11" customFormat="1">
      <c r="G8" s="12">
        <v>1</v>
      </c>
      <c r="H8" s="12">
        <v>1</v>
      </c>
      <c r="I8" s="12">
        <v>1</v>
      </c>
      <c r="J8" s="12">
        <v>1</v>
      </c>
      <c r="K8" s="12">
        <v>1</v>
      </c>
      <c r="L8" s="12">
        <v>1</v>
      </c>
      <c r="M8" s="12">
        <v>1</v>
      </c>
      <c r="N8" s="12">
        <v>1</v>
      </c>
      <c r="O8" s="12">
        <v>1</v>
      </c>
      <c r="P8" s="12">
        <v>1</v>
      </c>
      <c r="Q8" s="12">
        <v>1</v>
      </c>
      <c r="R8" s="12">
        <v>1</v>
      </c>
      <c r="S8" s="12">
        <v>1</v>
      </c>
      <c r="T8" s="12">
        <v>1</v>
      </c>
      <c r="U8" s="12">
        <v>1</v>
      </c>
      <c r="V8" s="12">
        <v>1</v>
      </c>
      <c r="W8" s="12">
        <v>1</v>
      </c>
      <c r="X8" s="12">
        <v>1</v>
      </c>
      <c r="Y8" s="12">
        <v>1</v>
      </c>
      <c r="Z8" s="12">
        <v>1</v>
      </c>
      <c r="AA8" s="12">
        <v>1</v>
      </c>
      <c r="AB8" s="12">
        <v>1</v>
      </c>
      <c r="AC8" s="12">
        <v>1</v>
      </c>
      <c r="AD8" s="12">
        <v>1</v>
      </c>
    </row>
    <row r="9" spans="1:30" s="11" customFormat="1" ht="24">
      <c r="G9" s="12" t="s">
        <v>401</v>
      </c>
      <c r="H9" s="12" t="s">
        <v>443</v>
      </c>
      <c r="I9" s="12" t="s">
        <v>444</v>
      </c>
      <c r="J9" s="12" t="s">
        <v>445</v>
      </c>
      <c r="K9" s="12" t="s">
        <v>446</v>
      </c>
      <c r="L9" s="12" t="s">
        <v>447</v>
      </c>
      <c r="M9" s="12" t="s">
        <v>448</v>
      </c>
      <c r="N9" s="12" t="s">
        <v>449</v>
      </c>
      <c r="O9" s="12" t="s">
        <v>450</v>
      </c>
      <c r="P9" s="12" t="s">
        <v>451</v>
      </c>
      <c r="Q9" s="12" t="s">
        <v>452</v>
      </c>
      <c r="R9" s="12" t="s">
        <v>453</v>
      </c>
      <c r="S9" s="12" t="s">
        <v>454</v>
      </c>
      <c r="T9" s="12" t="s">
        <v>455</v>
      </c>
      <c r="U9" s="12" t="s">
        <v>456</v>
      </c>
      <c r="V9" s="12" t="s">
        <v>457</v>
      </c>
      <c r="W9" s="12" t="s">
        <v>458</v>
      </c>
      <c r="X9" s="12" t="s">
        <v>459</v>
      </c>
      <c r="Y9" s="12" t="s">
        <v>460</v>
      </c>
      <c r="Z9" s="12" t="s">
        <v>461</v>
      </c>
      <c r="AA9" s="12" t="s">
        <v>462</v>
      </c>
      <c r="AB9" s="12" t="s">
        <v>463</v>
      </c>
      <c r="AC9" s="12" t="s">
        <v>464</v>
      </c>
      <c r="AD9" s="12" t="s">
        <v>431</v>
      </c>
    </row>
    <row r="10" spans="1:30" s="11" customFormat="1">
      <c r="G10" s="13" t="s">
        <v>220</v>
      </c>
      <c r="H10" s="13" t="s">
        <v>220</v>
      </c>
      <c r="I10" s="13" t="s">
        <v>220</v>
      </c>
      <c r="J10" s="13" t="s">
        <v>220</v>
      </c>
      <c r="K10" s="13" t="s">
        <v>220</v>
      </c>
      <c r="L10" s="13" t="s">
        <v>220</v>
      </c>
      <c r="M10" s="13" t="s">
        <v>220</v>
      </c>
      <c r="N10" s="13" t="s">
        <v>220</v>
      </c>
      <c r="O10" s="13" t="s">
        <v>220</v>
      </c>
      <c r="P10" s="13" t="s">
        <v>220</v>
      </c>
      <c r="Q10" s="13" t="s">
        <v>220</v>
      </c>
      <c r="R10" s="13" t="s">
        <v>220</v>
      </c>
      <c r="S10" s="13" t="s">
        <v>220</v>
      </c>
      <c r="T10" s="13" t="s">
        <v>220</v>
      </c>
      <c r="U10" s="13" t="s">
        <v>220</v>
      </c>
      <c r="V10" s="13" t="s">
        <v>220</v>
      </c>
      <c r="W10" s="13" t="s">
        <v>220</v>
      </c>
      <c r="X10" s="13" t="s">
        <v>220</v>
      </c>
      <c r="Y10" s="13" t="s">
        <v>220</v>
      </c>
      <c r="Z10" s="13" t="s">
        <v>220</v>
      </c>
      <c r="AA10" s="13" t="s">
        <v>220</v>
      </c>
      <c r="AB10" s="13" t="s">
        <v>220</v>
      </c>
      <c r="AC10" s="13" t="s">
        <v>220</v>
      </c>
      <c r="AD10" s="13" t="s">
        <v>220</v>
      </c>
    </row>
    <row r="11" spans="1:30" s="11" customFormat="1">
      <c r="A11" s="14" t="s">
        <v>224</v>
      </c>
      <c r="B11" s="14" t="s">
        <v>259</v>
      </c>
      <c r="C11" s="14" t="s">
        <v>230</v>
      </c>
      <c r="D11" s="14" t="s">
        <v>393</v>
      </c>
      <c r="E11" s="14" t="s">
        <v>212</v>
      </c>
      <c r="F11" s="14" t="s">
        <v>465</v>
      </c>
      <c r="G11" s="14" t="s">
        <v>231</v>
      </c>
      <c r="H11" s="14"/>
      <c r="I11" s="14"/>
      <c r="J11" s="14"/>
      <c r="K11" s="14"/>
      <c r="L11" s="14"/>
      <c r="M11" s="14"/>
      <c r="N11" s="14"/>
      <c r="O11" s="14"/>
      <c r="P11" s="14"/>
      <c r="Q11" s="14"/>
      <c r="R11" s="14"/>
      <c r="S11" s="14"/>
      <c r="T11" s="14"/>
      <c r="U11" s="14"/>
      <c r="V11" s="14"/>
      <c r="W11" s="14"/>
      <c r="X11" s="14"/>
      <c r="Y11" s="14"/>
      <c r="Z11" s="14"/>
      <c r="AA11" s="14"/>
      <c r="AB11" s="14"/>
      <c r="AC11" s="14"/>
      <c r="AD11" s="14"/>
    </row>
    <row r="12" spans="1:30">
      <c r="A12" s="15" t="s">
        <v>232</v>
      </c>
      <c r="B12" s="15" t="s">
        <v>233</v>
      </c>
      <c r="C12" s="15" t="s">
        <v>262</v>
      </c>
      <c r="D12" s="15" t="s">
        <v>394</v>
      </c>
      <c r="E12" s="15" t="s">
        <v>214</v>
      </c>
      <c r="F12" s="15" t="s">
        <v>466</v>
      </c>
      <c r="G12" s="17">
        <v>27.48603</v>
      </c>
      <c r="H12" s="17">
        <v>99.690939999999998</v>
      </c>
      <c r="I12" s="17">
        <v>93.805329999999998</v>
      </c>
      <c r="J12" s="17">
        <v>67.652940000000001</v>
      </c>
      <c r="K12" s="17">
        <v>41.307020000000001</v>
      </c>
      <c r="L12" s="17">
        <v>29.081189999999999</v>
      </c>
      <c r="M12" s="17">
        <v>24.233809999999998</v>
      </c>
      <c r="N12" s="17">
        <v>22.354019999999998</v>
      </c>
      <c r="O12" s="17">
        <v>19.662220000000001</v>
      </c>
      <c r="P12" s="17">
        <v>15.411799999999999</v>
      </c>
      <c r="Q12" s="17">
        <v>11.58516</v>
      </c>
      <c r="R12" s="17">
        <v>8.9600500000000007</v>
      </c>
      <c r="S12" s="17">
        <v>6.4317000000000002</v>
      </c>
      <c r="T12" s="17">
        <v>4.1630700000000003</v>
      </c>
      <c r="U12" s="17">
        <v>3.1478799999999998</v>
      </c>
      <c r="V12" s="17">
        <v>2.9007299999999998</v>
      </c>
      <c r="W12" s="17">
        <v>2.9874399999999999</v>
      </c>
      <c r="X12" s="17">
        <v>2.7982999999999998</v>
      </c>
      <c r="Y12" s="17">
        <v>2.45147</v>
      </c>
      <c r="Z12" s="17">
        <v>38.216529999999999</v>
      </c>
      <c r="AA12" s="17">
        <v>5.4977499999999999</v>
      </c>
      <c r="AB12" s="17">
        <v>3.46231</v>
      </c>
      <c r="AC12" s="17">
        <v>2.9121999999999999</v>
      </c>
      <c r="AD12" s="17">
        <v>30.245090000000001</v>
      </c>
    </row>
    <row r="13" spans="1:30">
      <c r="A13" s="21" t="s">
        <v>232</v>
      </c>
      <c r="B13" s="21" t="s">
        <v>233</v>
      </c>
      <c r="C13" s="21" t="s">
        <v>262</v>
      </c>
      <c r="D13" s="21" t="s">
        <v>394</v>
      </c>
      <c r="E13" s="21" t="s">
        <v>214</v>
      </c>
      <c r="F13" s="21" t="s">
        <v>467</v>
      </c>
      <c r="G13" s="17">
        <v>58.344830000000002</v>
      </c>
      <c r="H13" s="17">
        <v>0.27926000000000001</v>
      </c>
      <c r="I13" s="17">
        <v>5.8139500000000002</v>
      </c>
      <c r="J13" s="17">
        <v>30.875409999999999</v>
      </c>
      <c r="K13" s="17">
        <v>55.721080000000001</v>
      </c>
      <c r="L13" s="17">
        <v>66.410380000000004</v>
      </c>
      <c r="M13" s="17">
        <v>69.722130000000007</v>
      </c>
      <c r="N13" s="17">
        <v>69.661199999999994</v>
      </c>
      <c r="O13" s="17">
        <v>70.431610000000006</v>
      </c>
      <c r="P13" s="17">
        <v>73.101039999999998</v>
      </c>
      <c r="Q13" s="17">
        <v>75.441969999999998</v>
      </c>
      <c r="R13" s="17">
        <v>75.515799999999999</v>
      </c>
      <c r="S13" s="17">
        <v>73.876429999999999</v>
      </c>
      <c r="T13" s="17">
        <v>68.857299999999995</v>
      </c>
      <c r="U13" s="17">
        <v>58.200130000000001</v>
      </c>
      <c r="V13" s="17">
        <v>41.859560000000002</v>
      </c>
      <c r="W13" s="17">
        <v>24.100100000000001</v>
      </c>
      <c r="X13" s="17">
        <v>10.498329999999999</v>
      </c>
      <c r="Y13" s="17">
        <v>4.5294299999999996</v>
      </c>
      <c r="Z13" s="17">
        <v>55.452959999999997</v>
      </c>
      <c r="AA13" s="17">
        <v>64.270669999999996</v>
      </c>
      <c r="AB13" s="17">
        <v>54.35163</v>
      </c>
      <c r="AC13" s="17">
        <v>33.658000000000001</v>
      </c>
      <c r="AD13" s="17">
        <v>61.930489999999999</v>
      </c>
    </row>
    <row r="14" spans="1:30">
      <c r="A14" s="21" t="s">
        <v>232</v>
      </c>
      <c r="B14" s="21" t="s">
        <v>233</v>
      </c>
      <c r="C14" s="21" t="s">
        <v>262</v>
      </c>
      <c r="D14" s="21" t="s">
        <v>394</v>
      </c>
      <c r="E14" s="21" t="s">
        <v>214</v>
      </c>
      <c r="F14" s="21" t="s">
        <v>468</v>
      </c>
      <c r="G14" s="17">
        <v>8.7641500000000008</v>
      </c>
      <c r="H14" s="17">
        <v>6.7799999999999996E-3</v>
      </c>
      <c r="I14" s="17">
        <v>2.281E-2</v>
      </c>
      <c r="J14" s="17">
        <v>3.3770000000000001E-2</v>
      </c>
      <c r="K14" s="17">
        <v>6.9989999999999997E-2</v>
      </c>
      <c r="L14" s="17">
        <v>0.16138</v>
      </c>
      <c r="M14" s="17">
        <v>0.32982</v>
      </c>
      <c r="N14" s="17">
        <v>0.65766999999999998</v>
      </c>
      <c r="O14" s="17">
        <v>1.2657499999999999</v>
      </c>
      <c r="P14" s="17">
        <v>2.4315799999999999</v>
      </c>
      <c r="Q14" s="17">
        <v>4.4381199999999996</v>
      </c>
      <c r="R14" s="17">
        <v>7.75284</v>
      </c>
      <c r="S14" s="17">
        <v>12.786</v>
      </c>
      <c r="T14" s="17">
        <v>21.765750000000001</v>
      </c>
      <c r="U14" s="17">
        <v>34.869019999999999</v>
      </c>
      <c r="V14" s="17">
        <v>52.480289999999997</v>
      </c>
      <c r="W14" s="17">
        <v>70.608819999999994</v>
      </c>
      <c r="X14" s="17">
        <v>84.607460000000003</v>
      </c>
      <c r="Y14" s="17">
        <v>91.356459999999998</v>
      </c>
      <c r="Z14" s="17">
        <v>1.01471</v>
      </c>
      <c r="AA14" s="17">
        <v>24.643820000000002</v>
      </c>
      <c r="AB14" s="17">
        <v>38.248959999999997</v>
      </c>
      <c r="AC14" s="17">
        <v>60.871279999999999</v>
      </c>
      <c r="AD14" s="17">
        <v>1.82924</v>
      </c>
    </row>
    <row r="15" spans="1:30">
      <c r="A15" s="21" t="s">
        <v>232</v>
      </c>
      <c r="B15" s="21" t="s">
        <v>233</v>
      </c>
      <c r="C15" s="21" t="s">
        <v>262</v>
      </c>
      <c r="D15" s="21" t="s">
        <v>394</v>
      </c>
      <c r="E15" s="21" t="s">
        <v>214</v>
      </c>
      <c r="F15" s="21" t="s">
        <v>469</v>
      </c>
      <c r="G15" s="17">
        <v>5.4049899999999997</v>
      </c>
      <c r="H15" s="17">
        <v>2.3019999999999999E-2</v>
      </c>
      <c r="I15" s="17">
        <v>0.35792000000000002</v>
      </c>
      <c r="J15" s="17">
        <v>1.43787</v>
      </c>
      <c r="K15" s="17">
        <v>2.9019200000000001</v>
      </c>
      <c r="L15" s="17">
        <v>4.3470399999999998</v>
      </c>
      <c r="M15" s="17">
        <v>5.7142400000000002</v>
      </c>
      <c r="N15" s="17">
        <v>7.3271100000000002</v>
      </c>
      <c r="O15" s="17">
        <v>8.6404200000000007</v>
      </c>
      <c r="P15" s="17">
        <v>9.0555800000000009</v>
      </c>
      <c r="Q15" s="17">
        <v>8.5347500000000007</v>
      </c>
      <c r="R15" s="17">
        <v>7.7713099999999997</v>
      </c>
      <c r="S15" s="17">
        <v>6.9058700000000002</v>
      </c>
      <c r="T15" s="17">
        <v>5.21387</v>
      </c>
      <c r="U15" s="17">
        <v>3.7829700000000002</v>
      </c>
      <c r="V15" s="17">
        <v>2.75942</v>
      </c>
      <c r="W15" s="17">
        <v>2.3036300000000001</v>
      </c>
      <c r="X15" s="17">
        <v>2.0959099999999999</v>
      </c>
      <c r="Y15" s="17">
        <v>1.66265</v>
      </c>
      <c r="Z15" s="17">
        <v>5.3157899999999998</v>
      </c>
      <c r="AA15" s="17">
        <v>5.5877600000000003</v>
      </c>
      <c r="AB15" s="17">
        <v>3.9371</v>
      </c>
      <c r="AC15" s="17">
        <v>2.5585200000000001</v>
      </c>
      <c r="AD15" s="17">
        <v>5.99519</v>
      </c>
    </row>
    <row r="16" spans="1:30">
      <c r="A16" s="21" t="s">
        <v>232</v>
      </c>
      <c r="B16" s="21" t="s">
        <v>233</v>
      </c>
      <c r="C16" s="21" t="s">
        <v>262</v>
      </c>
      <c r="D16" s="21" t="s">
        <v>394</v>
      </c>
      <c r="E16" s="21" t="s">
        <v>215</v>
      </c>
      <c r="F16" s="21" t="s">
        <v>466</v>
      </c>
      <c r="G16" s="17">
        <v>31.92596</v>
      </c>
      <c r="H16" s="17">
        <v>99.750680000000003</v>
      </c>
      <c r="I16" s="17">
        <v>95.242729999999995</v>
      </c>
      <c r="J16" s="17">
        <v>72.876639999999995</v>
      </c>
      <c r="K16" s="17">
        <v>47.35342</v>
      </c>
      <c r="L16" s="17">
        <v>34.543660000000003</v>
      </c>
      <c r="M16" s="17">
        <v>29.070450000000001</v>
      </c>
      <c r="N16" s="17">
        <v>27.15053</v>
      </c>
      <c r="O16" s="17">
        <v>24.225059999999999</v>
      </c>
      <c r="P16" s="17">
        <v>19.61016</v>
      </c>
      <c r="Q16" s="17">
        <v>15.459770000000001</v>
      </c>
      <c r="R16" s="17">
        <v>12.30462</v>
      </c>
      <c r="S16" s="17">
        <v>8.1108499999999992</v>
      </c>
      <c r="T16" s="17">
        <v>4.2985899999999999</v>
      </c>
      <c r="U16" s="17">
        <v>2.5063599999999999</v>
      </c>
      <c r="V16" s="17">
        <v>1.6091800000000001</v>
      </c>
      <c r="W16" s="17">
        <v>1.17377</v>
      </c>
      <c r="X16" s="17">
        <v>0.95157999999999998</v>
      </c>
      <c r="Y16" s="17">
        <v>1.69642</v>
      </c>
      <c r="Z16" s="17">
        <v>42.662239999999997</v>
      </c>
      <c r="AA16" s="17">
        <v>6.7922399999999996</v>
      </c>
      <c r="AB16" s="17">
        <v>3.0082</v>
      </c>
      <c r="AC16" s="17">
        <v>1.4662299999999999</v>
      </c>
      <c r="AD16" s="17">
        <v>34.862920000000003</v>
      </c>
    </row>
    <row r="17" spans="1:30">
      <c r="A17" s="21" t="s">
        <v>232</v>
      </c>
      <c r="B17" s="21" t="s">
        <v>233</v>
      </c>
      <c r="C17" s="21" t="s">
        <v>262</v>
      </c>
      <c r="D17" s="21" t="s">
        <v>394</v>
      </c>
      <c r="E17" s="21" t="s">
        <v>215</v>
      </c>
      <c r="F17" s="21" t="s">
        <v>467</v>
      </c>
      <c r="G17" s="17">
        <v>60.75949</v>
      </c>
      <c r="H17" s="17">
        <v>0.22591</v>
      </c>
      <c r="I17" s="17">
        <v>4.5382800000000003</v>
      </c>
      <c r="J17" s="17">
        <v>26.249980000000001</v>
      </c>
      <c r="K17" s="17">
        <v>50.769120000000001</v>
      </c>
      <c r="L17" s="17">
        <v>62.49485</v>
      </c>
      <c r="M17" s="17">
        <v>66.847750000000005</v>
      </c>
      <c r="N17" s="17">
        <v>67.385440000000003</v>
      </c>
      <c r="O17" s="17">
        <v>68.723600000000005</v>
      </c>
      <c r="P17" s="17">
        <v>72.093069999999997</v>
      </c>
      <c r="Q17" s="17">
        <v>75.372420000000005</v>
      </c>
      <c r="R17" s="17">
        <v>77.655469999999994</v>
      </c>
      <c r="S17" s="17">
        <v>80.706639999999993</v>
      </c>
      <c r="T17" s="17">
        <v>82.986009999999993</v>
      </c>
      <c r="U17" s="17">
        <v>81.159660000000002</v>
      </c>
      <c r="V17" s="17">
        <v>74.184989999999999</v>
      </c>
      <c r="W17" s="17">
        <v>60.086399999999998</v>
      </c>
      <c r="X17" s="17">
        <v>40.763570000000001</v>
      </c>
      <c r="Y17" s="17">
        <v>24.537089999999999</v>
      </c>
      <c r="Z17" s="17">
        <v>52.973759999999999</v>
      </c>
      <c r="AA17" s="17">
        <v>78.985950000000003</v>
      </c>
      <c r="AB17" s="17">
        <v>78.690759999999997</v>
      </c>
      <c r="AC17" s="17">
        <v>68.717129999999997</v>
      </c>
      <c r="AD17" s="17">
        <v>59.822940000000003</v>
      </c>
    </row>
    <row r="18" spans="1:30">
      <c r="A18" s="21" t="s">
        <v>232</v>
      </c>
      <c r="B18" s="21" t="s">
        <v>233</v>
      </c>
      <c r="C18" s="21" t="s">
        <v>262</v>
      </c>
      <c r="D18" s="21" t="s">
        <v>394</v>
      </c>
      <c r="E18" s="21" t="s">
        <v>215</v>
      </c>
      <c r="F18" s="21" t="s">
        <v>468</v>
      </c>
      <c r="G18" s="17">
        <v>3.1737199999999999</v>
      </c>
      <c r="H18" s="17">
        <v>5.5599999999999998E-3</v>
      </c>
      <c r="I18" s="17">
        <v>1.3990000000000001E-2</v>
      </c>
      <c r="J18" s="17">
        <v>1.9109999999999999E-2</v>
      </c>
      <c r="K18" s="17">
        <v>3.6069999999999998E-2</v>
      </c>
      <c r="L18" s="17">
        <v>8.6419999999999997E-2</v>
      </c>
      <c r="M18" s="17">
        <v>0.17438999999999999</v>
      </c>
      <c r="N18" s="17">
        <v>0.34333000000000002</v>
      </c>
      <c r="O18" s="17">
        <v>0.61726000000000003</v>
      </c>
      <c r="P18" s="17">
        <v>1.12243</v>
      </c>
      <c r="Q18" s="17">
        <v>1.9881500000000001</v>
      </c>
      <c r="R18" s="17">
        <v>3.4455100000000001</v>
      </c>
      <c r="S18" s="17">
        <v>5.4552500000000004</v>
      </c>
      <c r="T18" s="17">
        <v>8.5485500000000005</v>
      </c>
      <c r="U18" s="17">
        <v>13.459199999999999</v>
      </c>
      <c r="V18" s="17">
        <v>22.380240000000001</v>
      </c>
      <c r="W18" s="17">
        <v>37.567120000000003</v>
      </c>
      <c r="X18" s="17">
        <v>57.377049999999997</v>
      </c>
      <c r="Y18" s="17">
        <v>72.857299999999995</v>
      </c>
      <c r="Z18" s="17">
        <v>0.47048000000000001</v>
      </c>
      <c r="AA18" s="17">
        <v>9.5020199999999999</v>
      </c>
      <c r="AB18" s="17">
        <v>15.19947</v>
      </c>
      <c r="AC18" s="17">
        <v>28.207339999999999</v>
      </c>
      <c r="AD18" s="17">
        <v>0.82326999999999995</v>
      </c>
    </row>
    <row r="19" spans="1:30">
      <c r="A19" s="21" t="s">
        <v>232</v>
      </c>
      <c r="B19" s="21" t="s">
        <v>233</v>
      </c>
      <c r="C19" s="21" t="s">
        <v>262</v>
      </c>
      <c r="D19" s="21" t="s">
        <v>394</v>
      </c>
      <c r="E19" s="21" t="s">
        <v>215</v>
      </c>
      <c r="F19" s="21" t="s">
        <v>469</v>
      </c>
      <c r="G19" s="17">
        <v>4.1408300000000002</v>
      </c>
      <c r="H19" s="17">
        <v>1.7850000000000001E-2</v>
      </c>
      <c r="I19" s="17">
        <v>0.20499999999999999</v>
      </c>
      <c r="J19" s="17">
        <v>0.85426999999999997</v>
      </c>
      <c r="K19" s="17">
        <v>1.8413900000000001</v>
      </c>
      <c r="L19" s="17">
        <v>2.87507</v>
      </c>
      <c r="M19" s="17">
        <v>3.9074200000000001</v>
      </c>
      <c r="N19" s="17">
        <v>5.1206899999999997</v>
      </c>
      <c r="O19" s="17">
        <v>6.4340799999999998</v>
      </c>
      <c r="P19" s="17">
        <v>7.1743399999999999</v>
      </c>
      <c r="Q19" s="17">
        <v>7.1796600000000002</v>
      </c>
      <c r="R19" s="17">
        <v>6.5944000000000003</v>
      </c>
      <c r="S19" s="17">
        <v>5.7272600000000002</v>
      </c>
      <c r="T19" s="17">
        <v>4.1668399999999997</v>
      </c>
      <c r="U19" s="17">
        <v>2.8747799999999999</v>
      </c>
      <c r="V19" s="17">
        <v>1.82559</v>
      </c>
      <c r="W19" s="17">
        <v>1.1727000000000001</v>
      </c>
      <c r="X19" s="17">
        <v>0.90780000000000005</v>
      </c>
      <c r="Y19" s="17">
        <v>0.90919000000000005</v>
      </c>
      <c r="Z19" s="17">
        <v>3.8935200000000001</v>
      </c>
      <c r="AA19" s="17">
        <v>4.7197800000000001</v>
      </c>
      <c r="AB19" s="17">
        <v>3.1015700000000002</v>
      </c>
      <c r="AC19" s="17">
        <v>1.6093</v>
      </c>
      <c r="AD19" s="17">
        <v>4.4908700000000001</v>
      </c>
    </row>
    <row r="20" spans="1:30">
      <c r="A20" s="21" t="s">
        <v>232</v>
      </c>
      <c r="B20" s="21" t="s">
        <v>233</v>
      </c>
      <c r="C20" s="21" t="s">
        <v>262</v>
      </c>
      <c r="D20" s="21" t="s">
        <v>394</v>
      </c>
      <c r="E20" s="21" t="s">
        <v>216</v>
      </c>
      <c r="F20" s="21" t="s">
        <v>466</v>
      </c>
      <c r="G20" s="17">
        <v>23.410599999999999</v>
      </c>
      <c r="H20" s="17">
        <v>99.628159999999994</v>
      </c>
      <c r="I20" s="17">
        <v>92.339330000000004</v>
      </c>
      <c r="J20" s="17">
        <v>62.42803</v>
      </c>
      <c r="K20" s="17">
        <v>35.249949999999998</v>
      </c>
      <c r="L20" s="17">
        <v>23.639410000000002</v>
      </c>
      <c r="M20" s="17">
        <v>19.39254</v>
      </c>
      <c r="N20" s="17">
        <v>17.56907</v>
      </c>
      <c r="O20" s="17">
        <v>15.16947</v>
      </c>
      <c r="P20" s="17">
        <v>11.321009999999999</v>
      </c>
      <c r="Q20" s="17">
        <v>7.8781600000000003</v>
      </c>
      <c r="R20" s="17">
        <v>5.8550599999999999</v>
      </c>
      <c r="S20" s="17">
        <v>4.9392899999999997</v>
      </c>
      <c r="T20" s="17">
        <v>4.0528899999999997</v>
      </c>
      <c r="U20" s="17">
        <v>3.6130900000000001</v>
      </c>
      <c r="V20" s="17">
        <v>3.6371600000000002</v>
      </c>
      <c r="W20" s="17">
        <v>3.70451</v>
      </c>
      <c r="X20" s="17">
        <v>3.2368700000000001</v>
      </c>
      <c r="Y20" s="17">
        <v>2.5600200000000002</v>
      </c>
      <c r="Z20" s="17">
        <v>33.788550000000001</v>
      </c>
      <c r="AA20" s="17">
        <v>4.49383</v>
      </c>
      <c r="AB20" s="17">
        <v>3.7645599999999999</v>
      </c>
      <c r="AC20" s="17">
        <v>3.6019600000000001</v>
      </c>
      <c r="AD20" s="17">
        <v>25.699780000000001</v>
      </c>
    </row>
    <row r="21" spans="1:30">
      <c r="A21" s="21" t="s">
        <v>232</v>
      </c>
      <c r="B21" s="21" t="s">
        <v>233</v>
      </c>
      <c r="C21" s="21" t="s">
        <v>262</v>
      </c>
      <c r="D21" s="21" t="s">
        <v>394</v>
      </c>
      <c r="E21" s="21" t="s">
        <v>216</v>
      </c>
      <c r="F21" s="21" t="s">
        <v>467</v>
      </c>
      <c r="G21" s="17">
        <v>56.128399999999999</v>
      </c>
      <c r="H21" s="17">
        <v>0.33531</v>
      </c>
      <c r="I21" s="17">
        <v>7.1149800000000001</v>
      </c>
      <c r="J21" s="17">
        <v>35.501930000000002</v>
      </c>
      <c r="K21" s="17">
        <v>60.681759999999997</v>
      </c>
      <c r="L21" s="17">
        <v>70.311089999999993</v>
      </c>
      <c r="M21" s="17">
        <v>72.599270000000004</v>
      </c>
      <c r="N21" s="17">
        <v>71.931460000000001</v>
      </c>
      <c r="O21" s="17">
        <v>72.113389999999995</v>
      </c>
      <c r="P21" s="17">
        <v>74.083190000000002</v>
      </c>
      <c r="Q21" s="17">
        <v>75.508510000000001</v>
      </c>
      <c r="R21" s="17">
        <v>73.529409999999999</v>
      </c>
      <c r="S21" s="17">
        <v>67.805869999999999</v>
      </c>
      <c r="T21" s="17">
        <v>57.370759999999997</v>
      </c>
      <c r="U21" s="17">
        <v>41.550370000000001</v>
      </c>
      <c r="V21" s="17">
        <v>23.427990000000001</v>
      </c>
      <c r="W21" s="17">
        <v>9.8724299999999996</v>
      </c>
      <c r="X21" s="17">
        <v>3.31074</v>
      </c>
      <c r="Y21" s="17">
        <v>1.6530100000000001</v>
      </c>
      <c r="Z21" s="17">
        <v>57.922269999999997</v>
      </c>
      <c r="AA21" s="17">
        <v>52.85857</v>
      </c>
      <c r="AB21" s="17">
        <v>38.15213</v>
      </c>
      <c r="AC21" s="17">
        <v>16.93413</v>
      </c>
      <c r="AD21" s="17">
        <v>64.004930000000002</v>
      </c>
    </row>
    <row r="22" spans="1:30">
      <c r="A22" s="21" t="s">
        <v>232</v>
      </c>
      <c r="B22" s="21" t="s">
        <v>233</v>
      </c>
      <c r="C22" s="21" t="s">
        <v>262</v>
      </c>
      <c r="D22" s="21" t="s">
        <v>394</v>
      </c>
      <c r="E22" s="21" t="s">
        <v>216</v>
      </c>
      <c r="F22" s="21" t="s">
        <v>468</v>
      </c>
      <c r="G22" s="17">
        <v>13.895630000000001</v>
      </c>
      <c r="H22" s="17">
        <v>8.0800000000000004E-3</v>
      </c>
      <c r="I22" s="17">
        <v>3.1800000000000002E-2</v>
      </c>
      <c r="J22" s="17">
        <v>4.8430000000000001E-2</v>
      </c>
      <c r="K22" s="17">
        <v>0.10397000000000001</v>
      </c>
      <c r="L22" s="17">
        <v>0.23607</v>
      </c>
      <c r="M22" s="17">
        <v>0.48538999999999999</v>
      </c>
      <c r="N22" s="17">
        <v>0.97126000000000001</v>
      </c>
      <c r="O22" s="17">
        <v>1.90428</v>
      </c>
      <c r="P22" s="17">
        <v>3.7071999999999998</v>
      </c>
      <c r="Q22" s="17">
        <v>6.7821100000000003</v>
      </c>
      <c r="R22" s="17">
        <v>11.75163</v>
      </c>
      <c r="S22" s="17">
        <v>19.301439999999999</v>
      </c>
      <c r="T22" s="17">
        <v>32.511240000000001</v>
      </c>
      <c r="U22" s="17">
        <v>50.394959999999998</v>
      </c>
      <c r="V22" s="17">
        <v>69.642979999999994</v>
      </c>
      <c r="W22" s="17">
        <v>83.672309999999996</v>
      </c>
      <c r="X22" s="17">
        <v>91.07432</v>
      </c>
      <c r="Y22" s="17">
        <v>94.016000000000005</v>
      </c>
      <c r="Z22" s="17">
        <v>1.55677</v>
      </c>
      <c r="AA22" s="17">
        <v>36.386699999999998</v>
      </c>
      <c r="AB22" s="17">
        <v>53.590110000000003</v>
      </c>
      <c r="AC22" s="17">
        <v>76.452600000000004</v>
      </c>
      <c r="AD22" s="17">
        <v>2.81941</v>
      </c>
    </row>
    <row r="23" spans="1:30">
      <c r="A23" s="21" t="s">
        <v>232</v>
      </c>
      <c r="B23" s="21" t="s">
        <v>233</v>
      </c>
      <c r="C23" s="21" t="s">
        <v>262</v>
      </c>
      <c r="D23" s="21" t="s">
        <v>394</v>
      </c>
      <c r="E23" s="21" t="s">
        <v>216</v>
      </c>
      <c r="F23" s="21" t="s">
        <v>469</v>
      </c>
      <c r="G23" s="17">
        <v>6.5653699999999997</v>
      </c>
      <c r="H23" s="17">
        <v>2.845E-2</v>
      </c>
      <c r="I23" s="17">
        <v>0.51388</v>
      </c>
      <c r="J23" s="17">
        <v>2.0216099999999999</v>
      </c>
      <c r="K23" s="17">
        <v>3.9643099999999998</v>
      </c>
      <c r="L23" s="17">
        <v>5.8134399999999999</v>
      </c>
      <c r="M23" s="17">
        <v>7.5228000000000002</v>
      </c>
      <c r="N23" s="17">
        <v>9.5282099999999996</v>
      </c>
      <c r="O23" s="17">
        <v>10.81287</v>
      </c>
      <c r="P23" s="17">
        <v>10.88861</v>
      </c>
      <c r="Q23" s="17">
        <v>9.8312200000000001</v>
      </c>
      <c r="R23" s="17">
        <v>8.8638999999999992</v>
      </c>
      <c r="S23" s="17">
        <v>7.9534000000000002</v>
      </c>
      <c r="T23" s="17">
        <v>6.0651000000000002</v>
      </c>
      <c r="U23" s="17">
        <v>4.4415800000000001</v>
      </c>
      <c r="V23" s="17">
        <v>3.2918799999999999</v>
      </c>
      <c r="W23" s="17">
        <v>2.7507600000000001</v>
      </c>
      <c r="X23" s="17">
        <v>2.3780700000000001</v>
      </c>
      <c r="Y23" s="17">
        <v>1.7709699999999999</v>
      </c>
      <c r="Z23" s="17">
        <v>6.7324000000000002</v>
      </c>
      <c r="AA23" s="17">
        <v>6.2609000000000004</v>
      </c>
      <c r="AB23" s="17">
        <v>4.4931999999999999</v>
      </c>
      <c r="AC23" s="17">
        <v>3.0113099999999999</v>
      </c>
      <c r="AD23" s="17">
        <v>7.4758800000000001</v>
      </c>
    </row>
    <row r="24" spans="1:30">
      <c r="A24" s="21" t="s">
        <v>232</v>
      </c>
      <c r="B24" s="21" t="s">
        <v>233</v>
      </c>
      <c r="C24" s="21" t="s">
        <v>262</v>
      </c>
      <c r="D24" s="21" t="s">
        <v>395</v>
      </c>
      <c r="E24" s="21" t="s">
        <v>214</v>
      </c>
      <c r="F24" s="21" t="s">
        <v>466</v>
      </c>
      <c r="G24" s="17">
        <v>27.3049</v>
      </c>
      <c r="H24" s="17">
        <v>99.699979999999996</v>
      </c>
      <c r="I24" s="17">
        <v>93.904470000000003</v>
      </c>
      <c r="J24" s="17">
        <v>67.754000000000005</v>
      </c>
      <c r="K24" s="17">
        <v>41.728589999999997</v>
      </c>
      <c r="L24" s="17">
        <v>29.490629999999999</v>
      </c>
      <c r="M24" s="17">
        <v>24.5121</v>
      </c>
      <c r="N24" s="17">
        <v>22.542169999999999</v>
      </c>
      <c r="O24" s="17">
        <v>19.817550000000001</v>
      </c>
      <c r="P24" s="17">
        <v>15.485150000000001</v>
      </c>
      <c r="Q24" s="17">
        <v>11.59751</v>
      </c>
      <c r="R24" s="17">
        <v>8.9529099999999993</v>
      </c>
      <c r="S24" s="17">
        <v>6.4205899999999998</v>
      </c>
      <c r="T24" s="17">
        <v>4.1523000000000003</v>
      </c>
      <c r="U24" s="17">
        <v>3.1399400000000002</v>
      </c>
      <c r="V24" s="17">
        <v>2.8966400000000001</v>
      </c>
      <c r="W24" s="17">
        <v>2.9830100000000002</v>
      </c>
      <c r="X24" s="17">
        <v>2.7929400000000002</v>
      </c>
      <c r="Y24" s="17">
        <v>2.4343900000000001</v>
      </c>
      <c r="Z24" s="17">
        <v>38.17897</v>
      </c>
      <c r="AA24" s="17">
        <v>5.4857500000000003</v>
      </c>
      <c r="AB24" s="17">
        <v>3.4540199999999999</v>
      </c>
      <c r="AC24" s="17">
        <v>2.9077500000000001</v>
      </c>
      <c r="AD24" s="17">
        <v>30.105080000000001</v>
      </c>
    </row>
    <row r="25" spans="1:30">
      <c r="A25" s="21" t="s">
        <v>232</v>
      </c>
      <c r="B25" s="21" t="s">
        <v>233</v>
      </c>
      <c r="C25" s="21" t="s">
        <v>262</v>
      </c>
      <c r="D25" s="21" t="s">
        <v>395</v>
      </c>
      <c r="E25" s="21" t="s">
        <v>214</v>
      </c>
      <c r="F25" s="21" t="s">
        <v>467</v>
      </c>
      <c r="G25" s="17">
        <v>58.378320000000002</v>
      </c>
      <c r="H25" s="17">
        <v>0.27083000000000002</v>
      </c>
      <c r="I25" s="17">
        <v>5.7102500000000003</v>
      </c>
      <c r="J25" s="17">
        <v>30.74625</v>
      </c>
      <c r="K25" s="17">
        <v>55.261339999999997</v>
      </c>
      <c r="L25" s="17">
        <v>65.974310000000003</v>
      </c>
      <c r="M25" s="17">
        <v>69.429910000000007</v>
      </c>
      <c r="N25" s="17">
        <v>69.468239999999994</v>
      </c>
      <c r="O25" s="17">
        <v>70.280519999999996</v>
      </c>
      <c r="P25" s="17">
        <v>73.032870000000003</v>
      </c>
      <c r="Q25" s="17">
        <v>75.44744</v>
      </c>
      <c r="R25" s="17">
        <v>75.541979999999995</v>
      </c>
      <c r="S25" s="17">
        <v>73.908169999999998</v>
      </c>
      <c r="T25" s="17">
        <v>68.889359999999996</v>
      </c>
      <c r="U25" s="17">
        <v>58.223140000000001</v>
      </c>
      <c r="V25" s="17">
        <v>41.866309999999999</v>
      </c>
      <c r="W25" s="17">
        <v>24.090779999999999</v>
      </c>
      <c r="X25" s="17">
        <v>10.48216</v>
      </c>
      <c r="Y25" s="17">
        <v>4.5196199999999997</v>
      </c>
      <c r="Z25" s="17">
        <v>55.43938</v>
      </c>
      <c r="AA25" s="17">
        <v>64.275400000000005</v>
      </c>
      <c r="AB25" s="17">
        <v>54.358150000000002</v>
      </c>
      <c r="AC25" s="17">
        <v>33.655569999999997</v>
      </c>
      <c r="AD25" s="17">
        <v>62.000779999999999</v>
      </c>
    </row>
    <row r="26" spans="1:30">
      <c r="A26" s="21" t="s">
        <v>232</v>
      </c>
      <c r="B26" s="21" t="s">
        <v>233</v>
      </c>
      <c r="C26" s="21" t="s">
        <v>262</v>
      </c>
      <c r="D26" s="21" t="s">
        <v>395</v>
      </c>
      <c r="E26" s="21" t="s">
        <v>214</v>
      </c>
      <c r="F26" s="21" t="s">
        <v>468</v>
      </c>
      <c r="G26" s="17">
        <v>8.8863900000000005</v>
      </c>
      <c r="H26" s="17">
        <v>6.5799999999999999E-3</v>
      </c>
      <c r="I26" s="17">
        <v>2.232E-2</v>
      </c>
      <c r="J26" s="17">
        <v>3.1220000000000001E-2</v>
      </c>
      <c r="K26" s="17">
        <v>6.7030000000000006E-2</v>
      </c>
      <c r="L26" s="17">
        <v>0.15676999999999999</v>
      </c>
      <c r="M26" s="17">
        <v>0.32318999999999998</v>
      </c>
      <c r="N26" s="17">
        <v>0.64902000000000004</v>
      </c>
      <c r="O26" s="17">
        <v>1.25014</v>
      </c>
      <c r="P26" s="17">
        <v>2.4204599999999998</v>
      </c>
      <c r="Q26" s="17">
        <v>4.4325999999999999</v>
      </c>
      <c r="R26" s="17">
        <v>7.75319</v>
      </c>
      <c r="S26" s="17">
        <v>12.78645</v>
      </c>
      <c r="T26" s="17">
        <v>21.764690000000002</v>
      </c>
      <c r="U26" s="17">
        <v>34.868899999999996</v>
      </c>
      <c r="V26" s="17">
        <v>52.48527</v>
      </c>
      <c r="W26" s="17">
        <v>70.626530000000002</v>
      </c>
      <c r="X26" s="17">
        <v>84.629750000000001</v>
      </c>
      <c r="Y26" s="17">
        <v>91.385350000000003</v>
      </c>
      <c r="Z26" s="17">
        <v>1.0198</v>
      </c>
      <c r="AA26" s="17">
        <v>24.670929999999998</v>
      </c>
      <c r="AB26" s="17">
        <v>38.26567</v>
      </c>
      <c r="AC26" s="17">
        <v>60.884149999999998</v>
      </c>
      <c r="AD26" s="17">
        <v>1.8478600000000001</v>
      </c>
    </row>
    <row r="27" spans="1:30">
      <c r="A27" s="21" t="s">
        <v>232</v>
      </c>
      <c r="B27" s="21" t="s">
        <v>233</v>
      </c>
      <c r="C27" s="21" t="s">
        <v>262</v>
      </c>
      <c r="D27" s="21" t="s">
        <v>395</v>
      </c>
      <c r="E27" s="21" t="s">
        <v>214</v>
      </c>
      <c r="F27" s="21" t="s">
        <v>469</v>
      </c>
      <c r="G27" s="17">
        <v>5.4303900000000001</v>
      </c>
      <c r="H27" s="17">
        <v>2.2620000000000001E-2</v>
      </c>
      <c r="I27" s="17">
        <v>0.36296</v>
      </c>
      <c r="J27" s="17">
        <v>1.46852</v>
      </c>
      <c r="K27" s="17">
        <v>2.9430399999999999</v>
      </c>
      <c r="L27" s="17">
        <v>4.3782899999999998</v>
      </c>
      <c r="M27" s="17">
        <v>5.7347999999999999</v>
      </c>
      <c r="N27" s="17">
        <v>7.3405800000000001</v>
      </c>
      <c r="O27" s="17">
        <v>8.6517800000000005</v>
      </c>
      <c r="P27" s="17">
        <v>9.0615199999999998</v>
      </c>
      <c r="Q27" s="17">
        <v>8.5224499999999992</v>
      </c>
      <c r="R27" s="17">
        <v>7.7519099999999996</v>
      </c>
      <c r="S27" s="17">
        <v>6.8847899999999997</v>
      </c>
      <c r="T27" s="17">
        <v>5.1936499999999999</v>
      </c>
      <c r="U27" s="17">
        <v>3.7680199999999999</v>
      </c>
      <c r="V27" s="17">
        <v>2.7517900000000002</v>
      </c>
      <c r="W27" s="17">
        <v>2.29969</v>
      </c>
      <c r="X27" s="17">
        <v>2.0951499999999998</v>
      </c>
      <c r="Y27" s="17">
        <v>1.6606399999999999</v>
      </c>
      <c r="Z27" s="17">
        <v>5.3618499999999996</v>
      </c>
      <c r="AA27" s="17">
        <v>5.56792</v>
      </c>
      <c r="AB27" s="17">
        <v>3.9221599999999999</v>
      </c>
      <c r="AC27" s="17">
        <v>2.55253</v>
      </c>
      <c r="AD27" s="17">
        <v>6.0462800000000003</v>
      </c>
    </row>
    <row r="28" spans="1:30">
      <c r="A28" s="21" t="s">
        <v>232</v>
      </c>
      <c r="B28" s="21" t="s">
        <v>233</v>
      </c>
      <c r="C28" s="21" t="s">
        <v>262</v>
      </c>
      <c r="D28" s="21" t="s">
        <v>395</v>
      </c>
      <c r="E28" s="21" t="s">
        <v>215</v>
      </c>
      <c r="F28" s="21" t="s">
        <v>466</v>
      </c>
      <c r="G28" s="17">
        <v>31.713750000000001</v>
      </c>
      <c r="H28" s="17">
        <v>99.755420000000001</v>
      </c>
      <c r="I28" s="17">
        <v>95.269769999999994</v>
      </c>
      <c r="J28" s="17">
        <v>72.908140000000003</v>
      </c>
      <c r="K28" s="17">
        <v>47.837829999999997</v>
      </c>
      <c r="L28" s="17">
        <v>34.96978</v>
      </c>
      <c r="M28" s="17">
        <v>29.329270000000001</v>
      </c>
      <c r="N28" s="17">
        <v>27.309819999999998</v>
      </c>
      <c r="O28" s="17">
        <v>24.351469999999999</v>
      </c>
      <c r="P28" s="17">
        <v>19.680319999999998</v>
      </c>
      <c r="Q28" s="17">
        <v>15.47833</v>
      </c>
      <c r="R28" s="17">
        <v>12.30509</v>
      </c>
      <c r="S28" s="17">
        <v>8.1014700000000008</v>
      </c>
      <c r="T28" s="17">
        <v>4.2868300000000001</v>
      </c>
      <c r="U28" s="17">
        <v>2.49587</v>
      </c>
      <c r="V28" s="17">
        <v>1.60124</v>
      </c>
      <c r="W28" s="17">
        <v>1.15981</v>
      </c>
      <c r="X28" s="17">
        <v>0.93337999999999999</v>
      </c>
      <c r="Y28" s="17">
        <v>1.6251100000000001</v>
      </c>
      <c r="Z28" s="17">
        <v>42.570279999999997</v>
      </c>
      <c r="AA28" s="17">
        <v>6.7796399999999997</v>
      </c>
      <c r="AB28" s="17">
        <v>2.9965000000000002</v>
      </c>
      <c r="AC28" s="17">
        <v>1.45594</v>
      </c>
      <c r="AD28" s="17">
        <v>34.684010000000001</v>
      </c>
    </row>
    <row r="29" spans="1:30">
      <c r="A29" s="21" t="s">
        <v>232</v>
      </c>
      <c r="B29" s="21" t="s">
        <v>233</v>
      </c>
      <c r="C29" s="21" t="s">
        <v>262</v>
      </c>
      <c r="D29" s="21" t="s">
        <v>395</v>
      </c>
      <c r="E29" s="21" t="s">
        <v>215</v>
      </c>
      <c r="F29" s="21" t="s">
        <v>467</v>
      </c>
      <c r="G29" s="17">
        <v>60.899650000000001</v>
      </c>
      <c r="H29" s="17">
        <v>0.22170999999999999</v>
      </c>
      <c r="I29" s="17">
        <v>4.5101000000000004</v>
      </c>
      <c r="J29" s="17">
        <v>26.19941</v>
      </c>
      <c r="K29" s="17">
        <v>50.254640000000002</v>
      </c>
      <c r="L29" s="17">
        <v>62.039520000000003</v>
      </c>
      <c r="M29" s="17">
        <v>66.565420000000003</v>
      </c>
      <c r="N29" s="17">
        <v>67.211699999999993</v>
      </c>
      <c r="O29" s="17">
        <v>68.580550000000002</v>
      </c>
      <c r="P29" s="17">
        <v>72.013900000000007</v>
      </c>
      <c r="Q29" s="17">
        <v>75.360669999999999</v>
      </c>
      <c r="R29" s="17">
        <v>77.670199999999994</v>
      </c>
      <c r="S29" s="17">
        <v>80.734219999999993</v>
      </c>
      <c r="T29" s="17">
        <v>83.013319999999993</v>
      </c>
      <c r="U29" s="17">
        <v>81.177599999999998</v>
      </c>
      <c r="V29" s="17">
        <v>74.186679999999996</v>
      </c>
      <c r="W29" s="17">
        <v>60.080860000000001</v>
      </c>
      <c r="X29" s="17">
        <v>40.723370000000003</v>
      </c>
      <c r="Y29" s="17">
        <v>24.521370000000001</v>
      </c>
      <c r="Z29" s="17">
        <v>53.016849999999998</v>
      </c>
      <c r="AA29" s="17">
        <v>79.004019999999997</v>
      </c>
      <c r="AB29" s="17">
        <v>78.704089999999994</v>
      </c>
      <c r="AC29" s="17">
        <v>68.715450000000004</v>
      </c>
      <c r="AD29" s="17">
        <v>59.943309999999997</v>
      </c>
    </row>
    <row r="30" spans="1:30">
      <c r="A30" s="21" t="s">
        <v>232</v>
      </c>
      <c r="B30" s="21" t="s">
        <v>233</v>
      </c>
      <c r="C30" s="21" t="s">
        <v>262</v>
      </c>
      <c r="D30" s="21" t="s">
        <v>395</v>
      </c>
      <c r="E30" s="21" t="s">
        <v>215</v>
      </c>
      <c r="F30" s="21" t="s">
        <v>468</v>
      </c>
      <c r="G30" s="17">
        <v>3.2191700000000001</v>
      </c>
      <c r="H30" s="17">
        <v>5.28E-3</v>
      </c>
      <c r="I30" s="17">
        <v>1.306E-2</v>
      </c>
      <c r="J30" s="17">
        <v>1.6820000000000002E-2</v>
      </c>
      <c r="K30" s="17">
        <v>3.5150000000000001E-2</v>
      </c>
      <c r="L30" s="17">
        <v>8.6650000000000005E-2</v>
      </c>
      <c r="M30" s="17">
        <v>0.17554</v>
      </c>
      <c r="N30" s="17">
        <v>0.34403</v>
      </c>
      <c r="O30" s="17">
        <v>0.61953999999999998</v>
      </c>
      <c r="P30" s="17">
        <v>1.12659</v>
      </c>
      <c r="Q30" s="17">
        <v>1.9938800000000001</v>
      </c>
      <c r="R30" s="17">
        <v>3.44963</v>
      </c>
      <c r="S30" s="17">
        <v>5.4586499999999996</v>
      </c>
      <c r="T30" s="17">
        <v>8.5529499999999992</v>
      </c>
      <c r="U30" s="17">
        <v>13.46744</v>
      </c>
      <c r="V30" s="17">
        <v>22.393830000000001</v>
      </c>
      <c r="W30" s="17">
        <v>37.5931</v>
      </c>
      <c r="X30" s="17">
        <v>57.43759</v>
      </c>
      <c r="Y30" s="17">
        <v>72.951909999999998</v>
      </c>
      <c r="Z30" s="17">
        <v>0.47720000000000001</v>
      </c>
      <c r="AA30" s="17">
        <v>9.5166500000000003</v>
      </c>
      <c r="AB30" s="17">
        <v>15.213699999999999</v>
      </c>
      <c r="AC30" s="17">
        <v>28.22617</v>
      </c>
      <c r="AD30" s="17">
        <v>0.8357</v>
      </c>
    </row>
    <row r="31" spans="1:30">
      <c r="A31" s="21" t="s">
        <v>232</v>
      </c>
      <c r="B31" s="21" t="s">
        <v>233</v>
      </c>
      <c r="C31" s="21" t="s">
        <v>262</v>
      </c>
      <c r="D31" s="21" t="s">
        <v>395</v>
      </c>
      <c r="E31" s="21" t="s">
        <v>215</v>
      </c>
      <c r="F31" s="21" t="s">
        <v>469</v>
      </c>
      <c r="G31" s="17">
        <v>4.1674300000000004</v>
      </c>
      <c r="H31" s="17">
        <v>1.7579999999999998E-2</v>
      </c>
      <c r="I31" s="17">
        <v>0.20705999999999999</v>
      </c>
      <c r="J31" s="17">
        <v>0.87563000000000002</v>
      </c>
      <c r="K31" s="17">
        <v>1.87239</v>
      </c>
      <c r="L31" s="17">
        <v>2.9040499999999998</v>
      </c>
      <c r="M31" s="17">
        <v>3.92977</v>
      </c>
      <c r="N31" s="17">
        <v>5.1344599999999998</v>
      </c>
      <c r="O31" s="17">
        <v>6.4484300000000001</v>
      </c>
      <c r="P31" s="17">
        <v>7.1791799999999997</v>
      </c>
      <c r="Q31" s="17">
        <v>7.1671199999999997</v>
      </c>
      <c r="R31" s="17">
        <v>6.5750900000000003</v>
      </c>
      <c r="S31" s="17">
        <v>5.70566</v>
      </c>
      <c r="T31" s="17">
        <v>4.1468999999999996</v>
      </c>
      <c r="U31" s="17">
        <v>2.8590900000000001</v>
      </c>
      <c r="V31" s="17">
        <v>1.8182499999999999</v>
      </c>
      <c r="W31" s="17">
        <v>1.1662300000000001</v>
      </c>
      <c r="X31" s="17">
        <v>0.90566000000000002</v>
      </c>
      <c r="Y31" s="17">
        <v>0.90159999999999996</v>
      </c>
      <c r="Z31" s="17">
        <v>3.9356800000000001</v>
      </c>
      <c r="AA31" s="17">
        <v>4.6996900000000004</v>
      </c>
      <c r="AB31" s="17">
        <v>3.0857100000000002</v>
      </c>
      <c r="AC31" s="17">
        <v>1.6024400000000001</v>
      </c>
      <c r="AD31" s="17">
        <v>4.5369799999999998</v>
      </c>
    </row>
    <row r="32" spans="1:30">
      <c r="A32" s="21" t="s">
        <v>232</v>
      </c>
      <c r="B32" s="21" t="s">
        <v>233</v>
      </c>
      <c r="C32" s="21" t="s">
        <v>262</v>
      </c>
      <c r="D32" s="21" t="s">
        <v>395</v>
      </c>
      <c r="E32" s="21" t="s">
        <v>216</v>
      </c>
      <c r="F32" s="21" t="s">
        <v>466</v>
      </c>
      <c r="G32" s="17">
        <v>23.25197</v>
      </c>
      <c r="H32" s="17">
        <v>99.641689999999997</v>
      </c>
      <c r="I32" s="17">
        <v>92.511880000000005</v>
      </c>
      <c r="J32" s="17">
        <v>62.619329999999998</v>
      </c>
      <c r="K32" s="17">
        <v>35.606479999999998</v>
      </c>
      <c r="L32" s="17">
        <v>24.00047</v>
      </c>
      <c r="M32" s="17">
        <v>19.653919999999999</v>
      </c>
      <c r="N32" s="17">
        <v>17.752500000000001</v>
      </c>
      <c r="O32" s="17">
        <v>15.31691</v>
      </c>
      <c r="P32" s="17">
        <v>11.374980000000001</v>
      </c>
      <c r="Q32" s="17">
        <v>7.8729699999999996</v>
      </c>
      <c r="R32" s="17">
        <v>5.8370600000000001</v>
      </c>
      <c r="S32" s="17">
        <v>4.9263899999999996</v>
      </c>
      <c r="T32" s="17">
        <v>4.0428899999999999</v>
      </c>
      <c r="U32" s="17">
        <v>3.6070899999999999</v>
      </c>
      <c r="V32" s="17">
        <v>3.6353</v>
      </c>
      <c r="W32" s="17">
        <v>3.7034400000000001</v>
      </c>
      <c r="X32" s="17">
        <v>3.23414</v>
      </c>
      <c r="Y32" s="17">
        <v>2.5505100000000001</v>
      </c>
      <c r="Z32" s="17">
        <v>33.788029999999999</v>
      </c>
      <c r="AA32" s="17">
        <v>4.4821999999999997</v>
      </c>
      <c r="AB32" s="17">
        <v>3.7585099999999998</v>
      </c>
      <c r="AC32" s="17">
        <v>3.6001300000000001</v>
      </c>
      <c r="AD32" s="17">
        <v>25.581320000000002</v>
      </c>
    </row>
    <row r="33" spans="1:30">
      <c r="A33" s="21" t="s">
        <v>232</v>
      </c>
      <c r="B33" s="21" t="s">
        <v>233</v>
      </c>
      <c r="C33" s="21" t="s">
        <v>262</v>
      </c>
      <c r="D33" s="21" t="s">
        <v>395</v>
      </c>
      <c r="E33" s="21" t="s">
        <v>216</v>
      </c>
      <c r="F33" s="21" t="s">
        <v>467</v>
      </c>
      <c r="G33" s="17">
        <v>56.060540000000003</v>
      </c>
      <c r="H33" s="17">
        <v>0.32246999999999998</v>
      </c>
      <c r="I33" s="17">
        <v>6.93438</v>
      </c>
      <c r="J33" s="17">
        <v>35.275930000000002</v>
      </c>
      <c r="K33" s="17">
        <v>60.278599999999997</v>
      </c>
      <c r="L33" s="17">
        <v>69.917000000000002</v>
      </c>
      <c r="M33" s="17">
        <v>72.318790000000007</v>
      </c>
      <c r="N33" s="17">
        <v>71.735200000000006</v>
      </c>
      <c r="O33" s="17">
        <v>71.968010000000007</v>
      </c>
      <c r="P33" s="17">
        <v>74.031189999999995</v>
      </c>
      <c r="Q33" s="17">
        <v>75.530720000000002</v>
      </c>
      <c r="R33" s="17">
        <v>73.563800000000001</v>
      </c>
      <c r="S33" s="17">
        <v>67.840239999999994</v>
      </c>
      <c r="T33" s="17">
        <v>57.402929999999998</v>
      </c>
      <c r="U33" s="17">
        <v>41.57396</v>
      </c>
      <c r="V33" s="17">
        <v>23.43657</v>
      </c>
      <c r="W33" s="17">
        <v>9.8693799999999996</v>
      </c>
      <c r="X33" s="17">
        <v>3.3070499999999998</v>
      </c>
      <c r="Y33" s="17">
        <v>1.6497599999999999</v>
      </c>
      <c r="Z33" s="17">
        <v>57.861710000000002</v>
      </c>
      <c r="AA33" s="17">
        <v>52.851799999999997</v>
      </c>
      <c r="AB33" s="17">
        <v>38.155079999999998</v>
      </c>
      <c r="AC33" s="17">
        <v>16.935210000000001</v>
      </c>
      <c r="AD33" s="17">
        <v>64.033450000000002</v>
      </c>
    </row>
    <row r="34" spans="1:30">
      <c r="A34" s="21" t="s">
        <v>232</v>
      </c>
      <c r="B34" s="21" t="s">
        <v>233</v>
      </c>
      <c r="C34" s="21" t="s">
        <v>262</v>
      </c>
      <c r="D34" s="21" t="s">
        <v>395</v>
      </c>
      <c r="E34" s="21" t="s">
        <v>216</v>
      </c>
      <c r="F34" s="21" t="s">
        <v>468</v>
      </c>
      <c r="G34" s="17">
        <v>14.09609</v>
      </c>
      <c r="H34" s="17">
        <v>7.9399999999999991E-3</v>
      </c>
      <c r="I34" s="17">
        <v>3.1759999999999997E-2</v>
      </c>
      <c r="J34" s="17">
        <v>4.5569999999999999E-2</v>
      </c>
      <c r="K34" s="17">
        <v>9.8989999999999995E-2</v>
      </c>
      <c r="L34" s="17">
        <v>0.22703000000000001</v>
      </c>
      <c r="M34" s="17">
        <v>0.47210000000000002</v>
      </c>
      <c r="N34" s="17">
        <v>0.95540999999999998</v>
      </c>
      <c r="O34" s="17">
        <v>1.87612</v>
      </c>
      <c r="P34" s="17">
        <v>3.68811</v>
      </c>
      <c r="Q34" s="17">
        <v>6.7731199999999996</v>
      </c>
      <c r="R34" s="17">
        <v>11.753360000000001</v>
      </c>
      <c r="S34" s="17">
        <v>19.300409999999999</v>
      </c>
      <c r="T34" s="17">
        <v>32.509250000000002</v>
      </c>
      <c r="U34" s="17">
        <v>50.391669999999998</v>
      </c>
      <c r="V34" s="17">
        <v>69.644009999999994</v>
      </c>
      <c r="W34" s="17">
        <v>83.67962</v>
      </c>
      <c r="X34" s="17">
        <v>91.081440000000001</v>
      </c>
      <c r="Y34" s="17">
        <v>94.030180000000001</v>
      </c>
      <c r="Z34" s="17">
        <v>1.56236</v>
      </c>
      <c r="AA34" s="17">
        <v>36.424680000000002</v>
      </c>
      <c r="AB34" s="17">
        <v>53.607570000000003</v>
      </c>
      <c r="AC34" s="17">
        <v>76.459029999999998</v>
      </c>
      <c r="AD34" s="17">
        <v>2.8478300000000001</v>
      </c>
    </row>
    <row r="35" spans="1:30">
      <c r="A35" s="21" t="s">
        <v>232</v>
      </c>
      <c r="B35" s="21" t="s">
        <v>233</v>
      </c>
      <c r="C35" s="21" t="s">
        <v>262</v>
      </c>
      <c r="D35" s="21" t="s">
        <v>395</v>
      </c>
      <c r="E35" s="21" t="s">
        <v>216</v>
      </c>
      <c r="F35" s="21" t="s">
        <v>469</v>
      </c>
      <c r="G35" s="17">
        <v>6.5913899999999996</v>
      </c>
      <c r="H35" s="17">
        <v>2.7910000000000001E-2</v>
      </c>
      <c r="I35" s="17">
        <v>0.52198</v>
      </c>
      <c r="J35" s="17">
        <v>2.0591599999999999</v>
      </c>
      <c r="K35" s="17">
        <v>4.0159399999999996</v>
      </c>
      <c r="L35" s="17">
        <v>5.8555099999999998</v>
      </c>
      <c r="M35" s="17">
        <v>7.5552000000000001</v>
      </c>
      <c r="N35" s="17">
        <v>9.5568899999999992</v>
      </c>
      <c r="O35" s="17">
        <v>10.83896</v>
      </c>
      <c r="P35" s="17">
        <v>10.90573</v>
      </c>
      <c r="Q35" s="17">
        <v>9.8231900000000003</v>
      </c>
      <c r="R35" s="17">
        <v>8.8457699999999999</v>
      </c>
      <c r="S35" s="17">
        <v>7.9329700000000001</v>
      </c>
      <c r="T35" s="17">
        <v>6.0449299999999999</v>
      </c>
      <c r="U35" s="17">
        <v>4.4272799999999997</v>
      </c>
      <c r="V35" s="17">
        <v>3.2841100000000001</v>
      </c>
      <c r="W35" s="17">
        <v>2.7475700000000001</v>
      </c>
      <c r="X35" s="17">
        <v>2.37737</v>
      </c>
      <c r="Y35" s="17">
        <v>1.7695399999999999</v>
      </c>
      <c r="Z35" s="17">
        <v>6.7878999999999996</v>
      </c>
      <c r="AA35" s="17">
        <v>6.24132</v>
      </c>
      <c r="AB35" s="17">
        <v>4.4788500000000004</v>
      </c>
      <c r="AC35" s="17">
        <v>3.0056400000000001</v>
      </c>
      <c r="AD35" s="17">
        <v>7.5373999999999999</v>
      </c>
    </row>
    <row r="36" spans="1:30">
      <c r="A36" s="21" t="s">
        <v>232</v>
      </c>
      <c r="B36" s="21" t="s">
        <v>237</v>
      </c>
      <c r="C36" s="21" t="s">
        <v>264</v>
      </c>
      <c r="D36" s="21" t="s">
        <v>394</v>
      </c>
      <c r="E36" s="21" t="s">
        <v>214</v>
      </c>
      <c r="F36" s="21" t="s">
        <v>466</v>
      </c>
      <c r="G36" s="17">
        <v>25.307359999999999</v>
      </c>
      <c r="H36" s="17">
        <v>99.649990000000003</v>
      </c>
      <c r="I36" s="17">
        <v>91.68244</v>
      </c>
      <c r="J36" s="17">
        <v>63.190339999999999</v>
      </c>
      <c r="K36" s="17">
        <v>38.00347</v>
      </c>
      <c r="L36" s="17">
        <v>27.42576</v>
      </c>
      <c r="M36" s="17">
        <v>22.94781</v>
      </c>
      <c r="N36" s="17">
        <v>21.394069999999999</v>
      </c>
      <c r="O36" s="17">
        <v>19.21039</v>
      </c>
      <c r="P36" s="17">
        <v>15.200419999999999</v>
      </c>
      <c r="Q36" s="17">
        <v>11.77609</v>
      </c>
      <c r="R36" s="17">
        <v>9.1384299999999996</v>
      </c>
      <c r="S36" s="17">
        <v>6.5980800000000004</v>
      </c>
      <c r="T36" s="17">
        <v>4.5504100000000003</v>
      </c>
      <c r="U36" s="17">
        <v>3.4971199999999998</v>
      </c>
      <c r="V36" s="17">
        <v>3.0129800000000002</v>
      </c>
      <c r="W36" s="17">
        <v>3.2768799999999998</v>
      </c>
      <c r="X36" s="17">
        <v>3.81454</v>
      </c>
      <c r="Y36" s="17">
        <v>2.3717899999999998</v>
      </c>
      <c r="Z36" s="17">
        <v>36.490250000000003</v>
      </c>
      <c r="AA36" s="17">
        <v>5.7212899999999998</v>
      </c>
      <c r="AB36" s="17">
        <v>3.71807</v>
      </c>
      <c r="AC36" s="17">
        <v>3.1575500000000001</v>
      </c>
      <c r="AD36" s="17">
        <v>27.751069999999999</v>
      </c>
    </row>
    <row r="37" spans="1:30">
      <c r="A37" s="21" t="s">
        <v>232</v>
      </c>
      <c r="B37" s="21" t="s">
        <v>237</v>
      </c>
      <c r="C37" s="21" t="s">
        <v>264</v>
      </c>
      <c r="D37" s="21" t="s">
        <v>394</v>
      </c>
      <c r="E37" s="21" t="s">
        <v>214</v>
      </c>
      <c r="F37" s="21" t="s">
        <v>467</v>
      </c>
      <c r="G37" s="17">
        <v>58.087679999999999</v>
      </c>
      <c r="H37" s="17">
        <v>0.31209999999999999</v>
      </c>
      <c r="I37" s="17">
        <v>7.6848000000000001</v>
      </c>
      <c r="J37" s="17">
        <v>34.457299999999996</v>
      </c>
      <c r="K37" s="17">
        <v>57.526339999999998</v>
      </c>
      <c r="L37" s="17">
        <v>66.179829999999995</v>
      </c>
      <c r="M37" s="17">
        <v>68.768349999999998</v>
      </c>
      <c r="N37" s="17">
        <v>68.345849999999999</v>
      </c>
      <c r="O37" s="17">
        <v>68.668459999999996</v>
      </c>
      <c r="P37" s="17">
        <v>71.683149999999998</v>
      </c>
      <c r="Q37" s="17">
        <v>73.774109999999993</v>
      </c>
      <c r="R37" s="17">
        <v>74.451840000000004</v>
      </c>
      <c r="S37" s="17">
        <v>73.381789999999995</v>
      </c>
      <c r="T37" s="17">
        <v>68.463399999999993</v>
      </c>
      <c r="U37" s="17">
        <v>57.960880000000003</v>
      </c>
      <c r="V37" s="17">
        <v>42.188270000000003</v>
      </c>
      <c r="W37" s="17">
        <v>24.562449999999998</v>
      </c>
      <c r="X37" s="17">
        <v>10.526870000000001</v>
      </c>
      <c r="Y37" s="17">
        <v>5.38462</v>
      </c>
      <c r="Z37" s="17">
        <v>55.50367</v>
      </c>
      <c r="AA37" s="17">
        <v>62.613390000000003</v>
      </c>
      <c r="AB37" s="17">
        <v>52.103540000000002</v>
      </c>
      <c r="AC37" s="17">
        <v>33.336550000000003</v>
      </c>
      <c r="AD37" s="17">
        <v>62.489109999999997</v>
      </c>
    </row>
    <row r="38" spans="1:30">
      <c r="A38" s="21" t="s">
        <v>232</v>
      </c>
      <c r="B38" s="21" t="s">
        <v>237</v>
      </c>
      <c r="C38" s="21" t="s">
        <v>264</v>
      </c>
      <c r="D38" s="21" t="s">
        <v>394</v>
      </c>
      <c r="E38" s="21" t="s">
        <v>214</v>
      </c>
      <c r="F38" s="21" t="s">
        <v>468</v>
      </c>
      <c r="G38" s="17">
        <v>9.9903600000000008</v>
      </c>
      <c r="H38" s="17">
        <v>8.8400000000000006E-3</v>
      </c>
      <c r="I38" s="17">
        <v>3.8440000000000002E-2</v>
      </c>
      <c r="J38" s="17">
        <v>5.3659999999999999E-2</v>
      </c>
      <c r="K38" s="17">
        <v>0.10038</v>
      </c>
      <c r="L38" s="17">
        <v>0.21754999999999999</v>
      </c>
      <c r="M38" s="17">
        <v>0.37631999999999999</v>
      </c>
      <c r="N38" s="17">
        <v>0.71170999999999995</v>
      </c>
      <c r="O38" s="17">
        <v>1.3237099999999999</v>
      </c>
      <c r="P38" s="17">
        <v>2.4184199999999998</v>
      </c>
      <c r="Q38" s="17">
        <v>4.3957899999999999</v>
      </c>
      <c r="R38" s="17">
        <v>7.2462600000000004</v>
      </c>
      <c r="S38" s="17">
        <v>12.061859999999999</v>
      </c>
      <c r="T38" s="17">
        <v>21.31718</v>
      </c>
      <c r="U38" s="17">
        <v>34.760530000000003</v>
      </c>
      <c r="V38" s="17">
        <v>52.147199999999998</v>
      </c>
      <c r="W38" s="17">
        <v>69.884789999999995</v>
      </c>
      <c r="X38" s="17">
        <v>83.70917</v>
      </c>
      <c r="Y38" s="17">
        <v>90.512820000000005</v>
      </c>
      <c r="Z38" s="17">
        <v>1.12643</v>
      </c>
      <c r="AA38" s="17">
        <v>25.51493</v>
      </c>
      <c r="AB38" s="17">
        <v>40.272179999999999</v>
      </c>
      <c r="AC38" s="17">
        <v>61.04757</v>
      </c>
      <c r="AD38" s="17">
        <v>2.0220699999999998</v>
      </c>
    </row>
    <row r="39" spans="1:30">
      <c r="A39" s="21" t="s">
        <v>232</v>
      </c>
      <c r="B39" s="21" t="s">
        <v>237</v>
      </c>
      <c r="C39" s="21" t="s">
        <v>264</v>
      </c>
      <c r="D39" s="21" t="s">
        <v>394</v>
      </c>
      <c r="E39" s="21" t="s">
        <v>214</v>
      </c>
      <c r="F39" s="21" t="s">
        <v>469</v>
      </c>
      <c r="G39" s="17">
        <v>6.6146000000000003</v>
      </c>
      <c r="H39" s="17">
        <v>2.9059999999999999E-2</v>
      </c>
      <c r="I39" s="17">
        <v>0.59431999999999996</v>
      </c>
      <c r="J39" s="17">
        <v>2.2987000000000002</v>
      </c>
      <c r="K39" s="17">
        <v>4.3698100000000002</v>
      </c>
      <c r="L39" s="17">
        <v>6.1768700000000001</v>
      </c>
      <c r="M39" s="17">
        <v>7.9075300000000004</v>
      </c>
      <c r="N39" s="17">
        <v>9.5483700000000002</v>
      </c>
      <c r="O39" s="17">
        <v>10.79744</v>
      </c>
      <c r="P39" s="17">
        <v>10.69801</v>
      </c>
      <c r="Q39" s="17">
        <v>10.05402</v>
      </c>
      <c r="R39" s="17">
        <v>9.1634700000000002</v>
      </c>
      <c r="S39" s="17">
        <v>7.9582699999999997</v>
      </c>
      <c r="T39" s="17">
        <v>5.6690100000000001</v>
      </c>
      <c r="U39" s="17">
        <v>3.78146</v>
      </c>
      <c r="V39" s="17">
        <v>2.6515499999999999</v>
      </c>
      <c r="W39" s="17">
        <v>2.2758799999999999</v>
      </c>
      <c r="X39" s="17">
        <v>1.9494199999999999</v>
      </c>
      <c r="Y39" s="17">
        <v>1.7307699999999999</v>
      </c>
      <c r="Z39" s="17">
        <v>6.8796499999999998</v>
      </c>
      <c r="AA39" s="17">
        <v>6.1503800000000002</v>
      </c>
      <c r="AB39" s="17">
        <v>3.9062100000000002</v>
      </c>
      <c r="AC39" s="17">
        <v>2.4583400000000002</v>
      </c>
      <c r="AD39" s="17">
        <v>7.7377500000000001</v>
      </c>
    </row>
    <row r="40" spans="1:30">
      <c r="A40" s="21" t="s">
        <v>232</v>
      </c>
      <c r="B40" s="21" t="s">
        <v>237</v>
      </c>
      <c r="C40" s="21" t="s">
        <v>264</v>
      </c>
      <c r="D40" s="21" t="s">
        <v>394</v>
      </c>
      <c r="E40" s="21" t="s">
        <v>215</v>
      </c>
      <c r="F40" s="21" t="s">
        <v>466</v>
      </c>
      <c r="G40" s="17">
        <v>29.064599999999999</v>
      </c>
      <c r="H40" s="17">
        <v>99.732209999999995</v>
      </c>
      <c r="I40" s="17">
        <v>93.231279999999998</v>
      </c>
      <c r="J40" s="17">
        <v>67.878339999999994</v>
      </c>
      <c r="K40" s="17">
        <v>43.408059999999999</v>
      </c>
      <c r="L40" s="17">
        <v>31.929500000000001</v>
      </c>
      <c r="M40" s="17">
        <v>26.607579999999999</v>
      </c>
      <c r="N40" s="17">
        <v>24.918389999999999</v>
      </c>
      <c r="O40" s="17">
        <v>22.893889999999999</v>
      </c>
      <c r="P40" s="17">
        <v>18.71894</v>
      </c>
      <c r="Q40" s="17">
        <v>15.2814</v>
      </c>
      <c r="R40" s="17">
        <v>11.58545</v>
      </c>
      <c r="S40" s="17">
        <v>7.2043200000000001</v>
      </c>
      <c r="T40" s="17">
        <v>3.9951300000000001</v>
      </c>
      <c r="U40" s="17">
        <v>2.2963100000000001</v>
      </c>
      <c r="V40" s="17">
        <v>1.3267500000000001</v>
      </c>
      <c r="W40" s="17">
        <v>0.94477999999999995</v>
      </c>
      <c r="X40" s="17">
        <v>0.81489999999999996</v>
      </c>
      <c r="Y40" s="17">
        <v>2.1164000000000001</v>
      </c>
      <c r="Z40" s="17">
        <v>40.432870000000001</v>
      </c>
      <c r="AA40" s="17">
        <v>6.2902899999999997</v>
      </c>
      <c r="AB40" s="17">
        <v>2.60134</v>
      </c>
      <c r="AC40" s="17">
        <v>1.19892</v>
      </c>
      <c r="AD40" s="17">
        <v>31.537929999999999</v>
      </c>
    </row>
    <row r="41" spans="1:30">
      <c r="A41" s="21" t="s">
        <v>232</v>
      </c>
      <c r="B41" s="21" t="s">
        <v>237</v>
      </c>
      <c r="C41" s="21" t="s">
        <v>264</v>
      </c>
      <c r="D41" s="21" t="s">
        <v>394</v>
      </c>
      <c r="E41" s="21" t="s">
        <v>215</v>
      </c>
      <c r="F41" s="21" t="s">
        <v>467</v>
      </c>
      <c r="G41" s="17">
        <v>62.193959999999997</v>
      </c>
      <c r="H41" s="17">
        <v>0.24568000000000001</v>
      </c>
      <c r="I41" s="17">
        <v>6.4577900000000001</v>
      </c>
      <c r="J41" s="17">
        <v>30.830860000000001</v>
      </c>
      <c r="K41" s="17">
        <v>53.801819999999999</v>
      </c>
      <c r="L41" s="17">
        <v>63.893430000000002</v>
      </c>
      <c r="M41" s="17">
        <v>67.772229999999993</v>
      </c>
      <c r="N41" s="17">
        <v>68.088120000000004</v>
      </c>
      <c r="O41" s="17">
        <v>68.024829999999994</v>
      </c>
      <c r="P41" s="17">
        <v>71.367360000000005</v>
      </c>
      <c r="Q41" s="17">
        <v>74.211960000000005</v>
      </c>
      <c r="R41" s="17">
        <v>77.028670000000005</v>
      </c>
      <c r="S41" s="17">
        <v>81.048569999999998</v>
      </c>
      <c r="T41" s="17">
        <v>82.981369999999998</v>
      </c>
      <c r="U41" s="17">
        <v>81.585269999999994</v>
      </c>
      <c r="V41" s="17">
        <v>75.015129999999999</v>
      </c>
      <c r="W41" s="17">
        <v>61.6691</v>
      </c>
      <c r="X41" s="17">
        <v>40.279389999999999</v>
      </c>
      <c r="Y41" s="17">
        <v>31.746030000000001</v>
      </c>
      <c r="Z41" s="17">
        <v>53.972380000000001</v>
      </c>
      <c r="AA41" s="17">
        <v>78.664439999999999</v>
      </c>
      <c r="AB41" s="17">
        <v>78.258930000000007</v>
      </c>
      <c r="AC41" s="17">
        <v>69.236969999999999</v>
      </c>
      <c r="AD41" s="17">
        <v>61.628570000000003</v>
      </c>
    </row>
    <row r="42" spans="1:30">
      <c r="A42" s="21" t="s">
        <v>232</v>
      </c>
      <c r="B42" s="21" t="s">
        <v>237</v>
      </c>
      <c r="C42" s="21" t="s">
        <v>264</v>
      </c>
      <c r="D42" s="21" t="s">
        <v>394</v>
      </c>
      <c r="E42" s="21" t="s">
        <v>215</v>
      </c>
      <c r="F42" s="21" t="s">
        <v>468</v>
      </c>
      <c r="G42" s="17">
        <v>3.5569500000000001</v>
      </c>
      <c r="H42" s="17">
        <v>7.3699999999999998E-3</v>
      </c>
      <c r="I42" s="17">
        <v>1.7940000000000001E-2</v>
      </c>
      <c r="J42" s="17">
        <v>2.077E-2</v>
      </c>
      <c r="K42" s="17">
        <v>3.8080000000000003E-2</v>
      </c>
      <c r="L42" s="17">
        <v>0.10545</v>
      </c>
      <c r="M42" s="17">
        <v>0.20107</v>
      </c>
      <c r="N42" s="17">
        <v>0.33950999999999998</v>
      </c>
      <c r="O42" s="17">
        <v>0.64412000000000003</v>
      </c>
      <c r="P42" s="17">
        <v>1.11449</v>
      </c>
      <c r="Q42" s="17">
        <v>2.07836</v>
      </c>
      <c r="R42" s="17">
        <v>3.36368</v>
      </c>
      <c r="S42" s="17">
        <v>5.1392600000000002</v>
      </c>
      <c r="T42" s="17">
        <v>8.3455999999999992</v>
      </c>
      <c r="U42" s="17">
        <v>13.13259</v>
      </c>
      <c r="V42" s="17">
        <v>21.91704</v>
      </c>
      <c r="W42" s="17">
        <v>36.283880000000003</v>
      </c>
      <c r="X42" s="17">
        <v>58.265419999999999</v>
      </c>
      <c r="Y42" s="17">
        <v>66.137569999999997</v>
      </c>
      <c r="Z42" s="17">
        <v>0.52476</v>
      </c>
      <c r="AA42" s="17">
        <v>9.6314100000000007</v>
      </c>
      <c r="AB42" s="17">
        <v>15.973979999999999</v>
      </c>
      <c r="AC42" s="17">
        <v>28.067779999999999</v>
      </c>
      <c r="AD42" s="17">
        <v>0.94074000000000002</v>
      </c>
    </row>
    <row r="43" spans="1:30">
      <c r="A43" s="21" t="s">
        <v>232</v>
      </c>
      <c r="B43" s="21" t="s">
        <v>237</v>
      </c>
      <c r="C43" s="21" t="s">
        <v>264</v>
      </c>
      <c r="D43" s="21" t="s">
        <v>394</v>
      </c>
      <c r="E43" s="21" t="s">
        <v>215</v>
      </c>
      <c r="F43" s="21" t="s">
        <v>469</v>
      </c>
      <c r="G43" s="17">
        <v>5.1844799999999998</v>
      </c>
      <c r="H43" s="17">
        <v>1.474E-2</v>
      </c>
      <c r="I43" s="17">
        <v>0.29298999999999997</v>
      </c>
      <c r="J43" s="17">
        <v>1.27003</v>
      </c>
      <c r="K43" s="17">
        <v>2.75204</v>
      </c>
      <c r="L43" s="17">
        <v>4.0716200000000002</v>
      </c>
      <c r="M43" s="17">
        <v>5.4191200000000004</v>
      </c>
      <c r="N43" s="17">
        <v>6.6539799999999998</v>
      </c>
      <c r="O43" s="17">
        <v>8.4371600000000004</v>
      </c>
      <c r="P43" s="17">
        <v>8.7992100000000004</v>
      </c>
      <c r="Q43" s="17">
        <v>8.4282900000000005</v>
      </c>
      <c r="R43" s="17">
        <v>8.0221999999999998</v>
      </c>
      <c r="S43" s="17">
        <v>6.6078599999999996</v>
      </c>
      <c r="T43" s="17">
        <v>4.6779000000000002</v>
      </c>
      <c r="U43" s="17">
        <v>2.98583</v>
      </c>
      <c r="V43" s="17">
        <v>1.7410699999999999</v>
      </c>
      <c r="W43" s="17">
        <v>1.1022400000000001</v>
      </c>
      <c r="X43" s="17">
        <v>0.64027999999999996</v>
      </c>
      <c r="Y43" s="17">
        <v>0</v>
      </c>
      <c r="Z43" s="17">
        <v>5.0699899999999998</v>
      </c>
      <c r="AA43" s="17">
        <v>5.4138599999999997</v>
      </c>
      <c r="AB43" s="17">
        <v>3.1657500000000001</v>
      </c>
      <c r="AC43" s="17">
        <v>1.4963299999999999</v>
      </c>
      <c r="AD43" s="17">
        <v>5.8927500000000004</v>
      </c>
    </row>
    <row r="44" spans="1:30">
      <c r="A44" s="21" t="s">
        <v>232</v>
      </c>
      <c r="B44" s="21" t="s">
        <v>237</v>
      </c>
      <c r="C44" s="21" t="s">
        <v>264</v>
      </c>
      <c r="D44" s="21" t="s">
        <v>394</v>
      </c>
      <c r="E44" s="21" t="s">
        <v>216</v>
      </c>
      <c r="F44" s="21" t="s">
        <v>466</v>
      </c>
      <c r="G44" s="17">
        <v>22.036069999999999</v>
      </c>
      <c r="H44" s="17">
        <v>99.562929999999994</v>
      </c>
      <c r="I44" s="17">
        <v>90.167289999999994</v>
      </c>
      <c r="J44" s="17">
        <v>58.708730000000003</v>
      </c>
      <c r="K44" s="17">
        <v>32.849080000000001</v>
      </c>
      <c r="L44" s="17">
        <v>23.086020000000001</v>
      </c>
      <c r="M44" s="17">
        <v>19.3887</v>
      </c>
      <c r="N44" s="17">
        <v>18.028110000000002</v>
      </c>
      <c r="O44" s="17">
        <v>15.89574</v>
      </c>
      <c r="P44" s="17">
        <v>12.017250000000001</v>
      </c>
      <c r="Q44" s="17">
        <v>8.5376899999999996</v>
      </c>
      <c r="R44" s="17">
        <v>6.8590299999999997</v>
      </c>
      <c r="S44" s="17">
        <v>6.0508300000000004</v>
      </c>
      <c r="T44" s="17">
        <v>4.9765300000000003</v>
      </c>
      <c r="U44" s="17">
        <v>4.3021000000000003</v>
      </c>
      <c r="V44" s="17">
        <v>3.9325700000000001</v>
      </c>
      <c r="W44" s="17">
        <v>4.1832399999999996</v>
      </c>
      <c r="X44" s="17">
        <v>4.4776100000000003</v>
      </c>
      <c r="Y44" s="17">
        <v>2.407</v>
      </c>
      <c r="Z44" s="17">
        <v>32.736690000000003</v>
      </c>
      <c r="AA44" s="17">
        <v>5.2983200000000004</v>
      </c>
      <c r="AB44" s="17">
        <v>4.39696</v>
      </c>
      <c r="AC44" s="17">
        <v>4.04291</v>
      </c>
      <c r="AD44" s="17">
        <v>24.187139999999999</v>
      </c>
    </row>
    <row r="45" spans="1:30">
      <c r="A45" s="21" t="s">
        <v>232</v>
      </c>
      <c r="B45" s="21" t="s">
        <v>237</v>
      </c>
      <c r="C45" s="21" t="s">
        <v>264</v>
      </c>
      <c r="D45" s="21" t="s">
        <v>394</v>
      </c>
      <c r="E45" s="21" t="s">
        <v>216</v>
      </c>
      <c r="F45" s="21" t="s">
        <v>467</v>
      </c>
      <c r="G45" s="17">
        <v>54.512509999999999</v>
      </c>
      <c r="H45" s="17">
        <v>0.38242999999999999</v>
      </c>
      <c r="I45" s="17">
        <v>8.8851200000000006</v>
      </c>
      <c r="J45" s="17">
        <v>37.92409</v>
      </c>
      <c r="K45" s="17">
        <v>61.078420000000001</v>
      </c>
      <c r="L45" s="17">
        <v>68.382959999999997</v>
      </c>
      <c r="M45" s="17">
        <v>69.737070000000003</v>
      </c>
      <c r="N45" s="17">
        <v>68.591989999999996</v>
      </c>
      <c r="O45" s="17">
        <v>69.247640000000004</v>
      </c>
      <c r="P45" s="17">
        <v>71.96884</v>
      </c>
      <c r="Q45" s="17">
        <v>73.369600000000005</v>
      </c>
      <c r="R45" s="17">
        <v>72.051509999999993</v>
      </c>
      <c r="S45" s="17">
        <v>66.46105</v>
      </c>
      <c r="T45" s="17">
        <v>57.322609999999997</v>
      </c>
      <c r="U45" s="17">
        <v>42.124119999999998</v>
      </c>
      <c r="V45" s="17">
        <v>24.285969999999999</v>
      </c>
      <c r="W45" s="17">
        <v>10.14119</v>
      </c>
      <c r="X45" s="17">
        <v>3.9500799999999998</v>
      </c>
      <c r="Y45" s="17">
        <v>1.7505500000000001</v>
      </c>
      <c r="Z45" s="17">
        <v>56.961539999999999</v>
      </c>
      <c r="AA45" s="17">
        <v>50.681759999999997</v>
      </c>
      <c r="AB45" s="17">
        <v>36.203229999999998</v>
      </c>
      <c r="AC45" s="17">
        <v>17.10849</v>
      </c>
      <c r="AD45" s="17">
        <v>63.29898</v>
      </c>
    </row>
    <row r="46" spans="1:30">
      <c r="A46" s="21" t="s">
        <v>232</v>
      </c>
      <c r="B46" s="21" t="s">
        <v>237</v>
      </c>
      <c r="C46" s="21" t="s">
        <v>264</v>
      </c>
      <c r="D46" s="21" t="s">
        <v>394</v>
      </c>
      <c r="E46" s="21" t="s">
        <v>216</v>
      </c>
      <c r="F46" s="21" t="s">
        <v>468</v>
      </c>
      <c r="G46" s="17">
        <v>15.59168</v>
      </c>
      <c r="H46" s="17">
        <v>1.0410000000000001E-2</v>
      </c>
      <c r="I46" s="17">
        <v>5.849E-2</v>
      </c>
      <c r="J46" s="17">
        <v>8.5099999999999995E-2</v>
      </c>
      <c r="K46" s="17">
        <v>0.1598</v>
      </c>
      <c r="L46" s="17">
        <v>0.32556000000000002</v>
      </c>
      <c r="M46" s="17">
        <v>0.54674999999999996</v>
      </c>
      <c r="N46" s="17">
        <v>1.06718</v>
      </c>
      <c r="O46" s="17">
        <v>1.9352499999999999</v>
      </c>
      <c r="P46" s="17">
        <v>3.5980799999999999</v>
      </c>
      <c r="Q46" s="17">
        <v>6.5367499999999996</v>
      </c>
      <c r="R46" s="17">
        <v>10.8629</v>
      </c>
      <c r="S46" s="17">
        <v>18.310839999999999</v>
      </c>
      <c r="T46" s="17">
        <v>31.2713</v>
      </c>
      <c r="U46" s="17">
        <v>49.258949999999999</v>
      </c>
      <c r="V46" s="17">
        <v>68.633369999999999</v>
      </c>
      <c r="W46" s="17">
        <v>82.943569999999994</v>
      </c>
      <c r="X46" s="17">
        <v>89.333500000000001</v>
      </c>
      <c r="Y46" s="17">
        <v>93.873090000000005</v>
      </c>
      <c r="Z46" s="17">
        <v>1.6992400000000001</v>
      </c>
      <c r="AA46" s="17">
        <v>37.322040000000001</v>
      </c>
      <c r="AB46" s="17">
        <v>55.043460000000003</v>
      </c>
      <c r="AC46" s="17">
        <v>75.955410000000001</v>
      </c>
      <c r="AD46" s="17">
        <v>3.0397400000000001</v>
      </c>
    </row>
    <row r="47" spans="1:30">
      <c r="A47" s="21" t="s">
        <v>232</v>
      </c>
      <c r="B47" s="21" t="s">
        <v>237</v>
      </c>
      <c r="C47" s="21" t="s">
        <v>264</v>
      </c>
      <c r="D47" s="21" t="s">
        <v>394</v>
      </c>
      <c r="E47" s="21" t="s">
        <v>216</v>
      </c>
      <c r="F47" s="21" t="s">
        <v>469</v>
      </c>
      <c r="G47" s="17">
        <v>7.8597400000000004</v>
      </c>
      <c r="H47" s="17">
        <v>4.4229999999999998E-2</v>
      </c>
      <c r="I47" s="17">
        <v>0.8891</v>
      </c>
      <c r="J47" s="17">
        <v>3.2820800000000001</v>
      </c>
      <c r="K47" s="17">
        <v>5.9126899999999996</v>
      </c>
      <c r="L47" s="17">
        <v>8.2054600000000004</v>
      </c>
      <c r="M47" s="17">
        <v>10.32748</v>
      </c>
      <c r="N47" s="17">
        <v>12.312709999999999</v>
      </c>
      <c r="O47" s="17">
        <v>12.92137</v>
      </c>
      <c r="P47" s="17">
        <v>12.41583</v>
      </c>
      <c r="Q47" s="17">
        <v>11.555949999999999</v>
      </c>
      <c r="R47" s="17">
        <v>10.226570000000001</v>
      </c>
      <c r="S47" s="17">
        <v>9.1772899999999993</v>
      </c>
      <c r="T47" s="17">
        <v>6.4295600000000004</v>
      </c>
      <c r="U47" s="17">
        <v>4.3148200000000001</v>
      </c>
      <c r="V47" s="17">
        <v>3.1480899999999998</v>
      </c>
      <c r="W47" s="17">
        <v>2.7320000000000002</v>
      </c>
      <c r="X47" s="17">
        <v>2.23881</v>
      </c>
      <c r="Y47" s="17">
        <v>1.9693700000000001</v>
      </c>
      <c r="Z47" s="17">
        <v>8.6025299999999998</v>
      </c>
      <c r="AA47" s="17">
        <v>6.6978900000000001</v>
      </c>
      <c r="AB47" s="17">
        <v>4.3563499999999999</v>
      </c>
      <c r="AC47" s="17">
        <v>2.8931900000000002</v>
      </c>
      <c r="AD47" s="17">
        <v>9.4741400000000002</v>
      </c>
    </row>
    <row r="48" spans="1:30">
      <c r="A48" s="21" t="s">
        <v>232</v>
      </c>
      <c r="B48" s="21" t="s">
        <v>237</v>
      </c>
      <c r="C48" s="21" t="s">
        <v>264</v>
      </c>
      <c r="D48" s="21" t="s">
        <v>395</v>
      </c>
      <c r="E48" s="21" t="s">
        <v>214</v>
      </c>
      <c r="F48" s="21" t="s">
        <v>466</v>
      </c>
      <c r="G48" s="17">
        <v>25.059100000000001</v>
      </c>
      <c r="H48" s="17">
        <v>99.653170000000003</v>
      </c>
      <c r="I48" s="17">
        <v>91.523520000000005</v>
      </c>
      <c r="J48" s="17">
        <v>62.747860000000003</v>
      </c>
      <c r="K48" s="17">
        <v>38.108539999999998</v>
      </c>
      <c r="L48" s="17">
        <v>27.597280000000001</v>
      </c>
      <c r="M48" s="17">
        <v>23.058700000000002</v>
      </c>
      <c r="N48" s="17">
        <v>21.492619999999999</v>
      </c>
      <c r="O48" s="17">
        <v>19.287700000000001</v>
      </c>
      <c r="P48" s="17">
        <v>15.22838</v>
      </c>
      <c r="Q48" s="17">
        <v>11.771050000000001</v>
      </c>
      <c r="R48" s="17">
        <v>9.1380700000000008</v>
      </c>
      <c r="S48" s="17">
        <v>6.5986700000000003</v>
      </c>
      <c r="T48" s="17">
        <v>4.54169</v>
      </c>
      <c r="U48" s="17">
        <v>3.4936600000000002</v>
      </c>
      <c r="V48" s="17">
        <v>3.0113300000000001</v>
      </c>
      <c r="W48" s="17">
        <v>3.2757999999999998</v>
      </c>
      <c r="X48" s="17">
        <v>3.81575</v>
      </c>
      <c r="Y48" s="17">
        <v>2.3717899999999998</v>
      </c>
      <c r="Z48" s="17">
        <v>36.246940000000002</v>
      </c>
      <c r="AA48" s="17">
        <v>5.7184600000000003</v>
      </c>
      <c r="AB48" s="17">
        <v>3.7136200000000001</v>
      </c>
      <c r="AC48" s="17">
        <v>3.1563599999999998</v>
      </c>
      <c r="AD48" s="17">
        <v>27.43751</v>
      </c>
    </row>
    <row r="49" spans="1:30">
      <c r="A49" s="21" t="s">
        <v>232</v>
      </c>
      <c r="B49" s="21" t="s">
        <v>237</v>
      </c>
      <c r="C49" s="21" t="s">
        <v>264</v>
      </c>
      <c r="D49" s="21" t="s">
        <v>395</v>
      </c>
      <c r="E49" s="21" t="s">
        <v>214</v>
      </c>
      <c r="F49" s="21" t="s">
        <v>467</v>
      </c>
      <c r="G49" s="17">
        <v>58.230609999999999</v>
      </c>
      <c r="H49" s="17">
        <v>0.30997999999999998</v>
      </c>
      <c r="I49" s="17">
        <v>7.83019</v>
      </c>
      <c r="J49" s="17">
        <v>34.881149999999998</v>
      </c>
      <c r="K49" s="17">
        <v>57.426850000000002</v>
      </c>
      <c r="L49" s="17">
        <v>66.00103</v>
      </c>
      <c r="M49" s="17">
        <v>68.661600000000007</v>
      </c>
      <c r="N49" s="17">
        <v>68.266289999999998</v>
      </c>
      <c r="O49" s="17">
        <v>68.597020000000001</v>
      </c>
      <c r="P49" s="17">
        <v>71.659679999999994</v>
      </c>
      <c r="Q49" s="17">
        <v>73.782529999999994</v>
      </c>
      <c r="R49" s="17">
        <v>74.450710000000001</v>
      </c>
      <c r="S49" s="17">
        <v>73.383070000000004</v>
      </c>
      <c r="T49" s="17">
        <v>68.466279999999998</v>
      </c>
      <c r="U49" s="17">
        <v>57.960459999999998</v>
      </c>
      <c r="V49" s="17">
        <v>42.189790000000002</v>
      </c>
      <c r="W49" s="17">
        <v>24.549579999999999</v>
      </c>
      <c r="X49" s="17">
        <v>10.530200000000001</v>
      </c>
      <c r="Y49" s="17">
        <v>5.38462</v>
      </c>
      <c r="Z49" s="17">
        <v>55.698009999999996</v>
      </c>
      <c r="AA49" s="17">
        <v>62.608759999999997</v>
      </c>
      <c r="AB49" s="17">
        <v>52.10022</v>
      </c>
      <c r="AC49" s="17">
        <v>33.333329999999997</v>
      </c>
      <c r="AD49" s="17">
        <v>62.7378</v>
      </c>
    </row>
    <row r="50" spans="1:30">
      <c r="A50" s="21" t="s">
        <v>232</v>
      </c>
      <c r="B50" s="21" t="s">
        <v>237</v>
      </c>
      <c r="C50" s="21" t="s">
        <v>264</v>
      </c>
      <c r="D50" s="21" t="s">
        <v>395</v>
      </c>
      <c r="E50" s="21" t="s">
        <v>214</v>
      </c>
      <c r="F50" s="21" t="s">
        <v>468</v>
      </c>
      <c r="G50" s="17">
        <v>10.07091</v>
      </c>
      <c r="H50" s="17">
        <v>8.8900000000000003E-3</v>
      </c>
      <c r="I50" s="17">
        <v>3.5819999999999998E-2</v>
      </c>
      <c r="J50" s="17">
        <v>4.8509999999999998E-2</v>
      </c>
      <c r="K50" s="17">
        <v>9.3939999999999996E-2</v>
      </c>
      <c r="L50" s="17">
        <v>0.20974999999999999</v>
      </c>
      <c r="M50" s="17">
        <v>0.36598000000000003</v>
      </c>
      <c r="N50" s="17">
        <v>0.70757999999999999</v>
      </c>
      <c r="O50" s="17">
        <v>1.31776</v>
      </c>
      <c r="P50" s="17">
        <v>2.4098799999999998</v>
      </c>
      <c r="Q50" s="17">
        <v>4.3951700000000002</v>
      </c>
      <c r="R50" s="17">
        <v>7.2465099999999998</v>
      </c>
      <c r="S50" s="17">
        <v>12.063179999999999</v>
      </c>
      <c r="T50" s="17">
        <v>21.3218</v>
      </c>
      <c r="U50" s="17">
        <v>34.763829999999999</v>
      </c>
      <c r="V50" s="17">
        <v>52.147539999999999</v>
      </c>
      <c r="W50" s="17">
        <v>69.900469999999999</v>
      </c>
      <c r="X50" s="17">
        <v>83.70402</v>
      </c>
      <c r="Y50" s="17">
        <v>90.512820000000005</v>
      </c>
      <c r="Z50" s="17">
        <v>1.13219</v>
      </c>
      <c r="AA50" s="17">
        <v>25.523440000000001</v>
      </c>
      <c r="AB50" s="17">
        <v>40.279859999999999</v>
      </c>
      <c r="AC50" s="17">
        <v>61.052570000000003</v>
      </c>
      <c r="AD50" s="17">
        <v>2.0378099999999999</v>
      </c>
    </row>
    <row r="51" spans="1:30">
      <c r="A51" s="21" t="s">
        <v>232</v>
      </c>
      <c r="B51" s="21" t="s">
        <v>237</v>
      </c>
      <c r="C51" s="21" t="s">
        <v>264</v>
      </c>
      <c r="D51" s="21" t="s">
        <v>395</v>
      </c>
      <c r="E51" s="21" t="s">
        <v>214</v>
      </c>
      <c r="F51" s="21" t="s">
        <v>469</v>
      </c>
      <c r="G51" s="17">
        <v>6.6393800000000001</v>
      </c>
      <c r="H51" s="17">
        <v>2.7949999999999999E-2</v>
      </c>
      <c r="I51" s="17">
        <v>0.61046999999999996</v>
      </c>
      <c r="J51" s="17">
        <v>2.3224800000000001</v>
      </c>
      <c r="K51" s="17">
        <v>4.3706800000000001</v>
      </c>
      <c r="L51" s="17">
        <v>6.1919399999999998</v>
      </c>
      <c r="M51" s="17">
        <v>7.9137199999999996</v>
      </c>
      <c r="N51" s="17">
        <v>9.5335099999999997</v>
      </c>
      <c r="O51" s="17">
        <v>10.79752</v>
      </c>
      <c r="P51" s="17">
        <v>10.702059999999999</v>
      </c>
      <c r="Q51" s="17">
        <v>10.05124</v>
      </c>
      <c r="R51" s="17">
        <v>9.1647099999999995</v>
      </c>
      <c r="S51" s="17">
        <v>7.9550799999999997</v>
      </c>
      <c r="T51" s="17">
        <v>5.6702199999999996</v>
      </c>
      <c r="U51" s="17">
        <v>3.7820499999999999</v>
      </c>
      <c r="V51" s="17">
        <v>2.6513499999999999</v>
      </c>
      <c r="W51" s="17">
        <v>2.2741600000000002</v>
      </c>
      <c r="X51" s="17">
        <v>1.95004</v>
      </c>
      <c r="Y51" s="17">
        <v>1.7307699999999999</v>
      </c>
      <c r="Z51" s="17">
        <v>6.92286</v>
      </c>
      <c r="AA51" s="17">
        <v>6.14933</v>
      </c>
      <c r="AB51" s="17">
        <v>3.9062999999999999</v>
      </c>
      <c r="AC51" s="17">
        <v>2.4577399999999998</v>
      </c>
      <c r="AD51" s="17">
        <v>7.78688</v>
      </c>
    </row>
    <row r="52" spans="1:30">
      <c r="A52" s="21" t="s">
        <v>232</v>
      </c>
      <c r="B52" s="21" t="s">
        <v>237</v>
      </c>
      <c r="C52" s="21" t="s">
        <v>264</v>
      </c>
      <c r="D52" s="21" t="s">
        <v>395</v>
      </c>
      <c r="E52" s="21" t="s">
        <v>215</v>
      </c>
      <c r="F52" s="21" t="s">
        <v>466</v>
      </c>
      <c r="G52" s="17">
        <v>28.820699999999999</v>
      </c>
      <c r="H52" s="17">
        <v>99.731039999999993</v>
      </c>
      <c r="I52" s="17">
        <v>93.087569999999999</v>
      </c>
      <c r="J52" s="17">
        <v>67.402799999999999</v>
      </c>
      <c r="K52" s="17">
        <v>43.554209999999998</v>
      </c>
      <c r="L52" s="17">
        <v>32.146050000000002</v>
      </c>
      <c r="M52" s="17">
        <v>26.682500000000001</v>
      </c>
      <c r="N52" s="17">
        <v>24.96444</v>
      </c>
      <c r="O52" s="17">
        <v>22.922560000000001</v>
      </c>
      <c r="P52" s="17">
        <v>18.74004</v>
      </c>
      <c r="Q52" s="17">
        <v>15.27938</v>
      </c>
      <c r="R52" s="17">
        <v>11.58858</v>
      </c>
      <c r="S52" s="17">
        <v>7.2039099999999996</v>
      </c>
      <c r="T52" s="17">
        <v>3.9862799999999998</v>
      </c>
      <c r="U52" s="17">
        <v>2.2920099999999999</v>
      </c>
      <c r="V52" s="17">
        <v>1.31812</v>
      </c>
      <c r="W52" s="17">
        <v>0.94540999999999997</v>
      </c>
      <c r="X52" s="17">
        <v>0.81537999999999999</v>
      </c>
      <c r="Y52" s="17">
        <v>2.1164000000000001</v>
      </c>
      <c r="Z52" s="17">
        <v>40.19106</v>
      </c>
      <c r="AA52" s="17">
        <v>6.2873000000000001</v>
      </c>
      <c r="AB52" s="17">
        <v>2.5947300000000002</v>
      </c>
      <c r="AC52" s="17">
        <v>1.19339</v>
      </c>
      <c r="AD52" s="17">
        <v>31.235530000000001</v>
      </c>
    </row>
    <row r="53" spans="1:30">
      <c r="A53" s="21" t="s">
        <v>232</v>
      </c>
      <c r="B53" s="21" t="s">
        <v>237</v>
      </c>
      <c r="C53" s="21" t="s">
        <v>264</v>
      </c>
      <c r="D53" s="21" t="s">
        <v>395</v>
      </c>
      <c r="E53" s="21" t="s">
        <v>215</v>
      </c>
      <c r="F53" s="21" t="s">
        <v>467</v>
      </c>
      <c r="G53" s="17">
        <v>62.379959999999997</v>
      </c>
      <c r="H53" s="17">
        <v>0.24675</v>
      </c>
      <c r="I53" s="17">
        <v>6.5867000000000004</v>
      </c>
      <c r="J53" s="17">
        <v>31.261019999999998</v>
      </c>
      <c r="K53" s="17">
        <v>53.614159999999998</v>
      </c>
      <c r="L53" s="17">
        <v>63.654179999999997</v>
      </c>
      <c r="M53" s="17">
        <v>67.680710000000005</v>
      </c>
      <c r="N53" s="17">
        <v>68.037360000000007</v>
      </c>
      <c r="O53" s="17">
        <v>67.97475</v>
      </c>
      <c r="P53" s="17">
        <v>71.342429999999993</v>
      </c>
      <c r="Q53" s="17">
        <v>74.217770000000002</v>
      </c>
      <c r="R53" s="17">
        <v>77.030799999999999</v>
      </c>
      <c r="S53" s="17">
        <v>81.05274</v>
      </c>
      <c r="T53" s="17">
        <v>82.985259999999997</v>
      </c>
      <c r="U53" s="17">
        <v>81.575280000000006</v>
      </c>
      <c r="V53" s="17">
        <v>75.020960000000002</v>
      </c>
      <c r="W53" s="17">
        <v>61.643219999999999</v>
      </c>
      <c r="X53" s="17">
        <v>40.302849999999999</v>
      </c>
      <c r="Y53" s="17">
        <v>31.746030000000001</v>
      </c>
      <c r="Z53" s="17">
        <v>54.162680000000002</v>
      </c>
      <c r="AA53" s="17">
        <v>78.664699999999996</v>
      </c>
      <c r="AB53" s="17">
        <v>78.255769999999998</v>
      </c>
      <c r="AC53" s="17">
        <v>69.235299999999995</v>
      </c>
      <c r="AD53" s="17">
        <v>61.871740000000003</v>
      </c>
    </row>
    <row r="54" spans="1:30">
      <c r="A54" s="21" t="s">
        <v>232</v>
      </c>
      <c r="B54" s="21" t="s">
        <v>237</v>
      </c>
      <c r="C54" s="21" t="s">
        <v>264</v>
      </c>
      <c r="D54" s="21" t="s">
        <v>395</v>
      </c>
      <c r="E54" s="21" t="s">
        <v>215</v>
      </c>
      <c r="F54" s="21" t="s">
        <v>468</v>
      </c>
      <c r="G54" s="17">
        <v>3.58405</v>
      </c>
      <c r="H54" s="17">
        <v>7.4000000000000003E-3</v>
      </c>
      <c r="I54" s="17">
        <v>1.8790000000000001E-2</v>
      </c>
      <c r="J54" s="17">
        <v>2.1649999999999999E-2</v>
      </c>
      <c r="K54" s="17">
        <v>3.8929999999999999E-2</v>
      </c>
      <c r="L54" s="17">
        <v>0.1045</v>
      </c>
      <c r="M54" s="17">
        <v>0.20019000000000001</v>
      </c>
      <c r="N54" s="17">
        <v>0.34065000000000001</v>
      </c>
      <c r="O54" s="17">
        <v>0.64412000000000003</v>
      </c>
      <c r="P54" s="17">
        <v>1.11113</v>
      </c>
      <c r="Q54" s="17">
        <v>2.0804800000000001</v>
      </c>
      <c r="R54" s="17">
        <v>3.3630100000000001</v>
      </c>
      <c r="S54" s="17">
        <v>5.1432599999999997</v>
      </c>
      <c r="T54" s="17">
        <v>8.3485800000000001</v>
      </c>
      <c r="U54" s="17">
        <v>13.14423</v>
      </c>
      <c r="V54" s="17">
        <v>21.92361</v>
      </c>
      <c r="W54" s="17">
        <v>36.30838</v>
      </c>
      <c r="X54" s="17">
        <v>58.241120000000002</v>
      </c>
      <c r="Y54" s="17">
        <v>66.137569999999997</v>
      </c>
      <c r="Z54" s="17">
        <v>0.52944000000000002</v>
      </c>
      <c r="AA54" s="17">
        <v>9.6375799999999998</v>
      </c>
      <c r="AB54" s="17">
        <v>15.9831</v>
      </c>
      <c r="AC54" s="17">
        <v>28.07724</v>
      </c>
      <c r="AD54" s="17">
        <v>0.94908999999999999</v>
      </c>
    </row>
    <row r="55" spans="1:30">
      <c r="A55" s="21" t="s">
        <v>232</v>
      </c>
      <c r="B55" s="21" t="s">
        <v>237</v>
      </c>
      <c r="C55" s="21" t="s">
        <v>264</v>
      </c>
      <c r="D55" s="21" t="s">
        <v>395</v>
      </c>
      <c r="E55" s="21" t="s">
        <v>215</v>
      </c>
      <c r="F55" s="21" t="s">
        <v>469</v>
      </c>
      <c r="G55" s="17">
        <v>5.2152900000000004</v>
      </c>
      <c r="H55" s="17">
        <v>1.4800000000000001E-2</v>
      </c>
      <c r="I55" s="17">
        <v>0.30693999999999999</v>
      </c>
      <c r="J55" s="17">
        <v>1.31453</v>
      </c>
      <c r="K55" s="17">
        <v>2.7927</v>
      </c>
      <c r="L55" s="17">
        <v>4.0952700000000002</v>
      </c>
      <c r="M55" s="17">
        <v>5.4366000000000003</v>
      </c>
      <c r="N55" s="17">
        <v>6.6575600000000001</v>
      </c>
      <c r="O55" s="17">
        <v>8.4585799999999995</v>
      </c>
      <c r="P55" s="17">
        <v>8.8063900000000004</v>
      </c>
      <c r="Q55" s="17">
        <v>8.4223800000000004</v>
      </c>
      <c r="R55" s="17">
        <v>8.0176099999999995</v>
      </c>
      <c r="S55" s="17">
        <v>6.6001000000000003</v>
      </c>
      <c r="T55" s="17">
        <v>4.6798799999999998</v>
      </c>
      <c r="U55" s="17">
        <v>2.98848</v>
      </c>
      <c r="V55" s="17">
        <v>1.7373099999999999</v>
      </c>
      <c r="W55" s="17">
        <v>1.1029800000000001</v>
      </c>
      <c r="X55" s="17">
        <v>0.64065000000000005</v>
      </c>
      <c r="Y55" s="17">
        <v>0</v>
      </c>
      <c r="Z55" s="17">
        <v>5.1168300000000002</v>
      </c>
      <c r="AA55" s="17">
        <v>5.4104200000000002</v>
      </c>
      <c r="AB55" s="17">
        <v>3.1663899999999998</v>
      </c>
      <c r="AC55" s="17">
        <v>1.4940599999999999</v>
      </c>
      <c r="AD55" s="17">
        <v>5.9436499999999999</v>
      </c>
    </row>
    <row r="56" spans="1:30">
      <c r="A56" s="21" t="s">
        <v>232</v>
      </c>
      <c r="B56" s="21" t="s">
        <v>237</v>
      </c>
      <c r="C56" s="21" t="s">
        <v>264</v>
      </c>
      <c r="D56" s="21" t="s">
        <v>395</v>
      </c>
      <c r="E56" s="21" t="s">
        <v>216</v>
      </c>
      <c r="F56" s="21" t="s">
        <v>466</v>
      </c>
      <c r="G56" s="17">
        <v>21.777229999999999</v>
      </c>
      <c r="H56" s="17">
        <v>99.570530000000005</v>
      </c>
      <c r="I56" s="17">
        <v>89.976770000000002</v>
      </c>
      <c r="J56" s="17">
        <v>58.273119999999999</v>
      </c>
      <c r="K56" s="17">
        <v>32.895189999999999</v>
      </c>
      <c r="L56" s="17">
        <v>23.19997</v>
      </c>
      <c r="M56" s="17">
        <v>19.5121</v>
      </c>
      <c r="N56" s="17">
        <v>18.152519999999999</v>
      </c>
      <c r="O56" s="17">
        <v>15.99892</v>
      </c>
      <c r="P56" s="17">
        <v>12.04425</v>
      </c>
      <c r="Q56" s="17">
        <v>8.5276700000000005</v>
      </c>
      <c r="R56" s="17">
        <v>6.8550599999999999</v>
      </c>
      <c r="S56" s="17">
        <v>6.0521399999999996</v>
      </c>
      <c r="T56" s="17">
        <v>4.96793</v>
      </c>
      <c r="U56" s="17">
        <v>4.2991099999999998</v>
      </c>
      <c r="V56" s="17">
        <v>3.9347699999999999</v>
      </c>
      <c r="W56" s="17">
        <v>4.1814299999999998</v>
      </c>
      <c r="X56" s="17">
        <v>4.4787600000000003</v>
      </c>
      <c r="Y56" s="17">
        <v>2.407</v>
      </c>
      <c r="Z56" s="17">
        <v>32.475360000000002</v>
      </c>
      <c r="AA56" s="17">
        <v>5.2956000000000003</v>
      </c>
      <c r="AB56" s="17">
        <v>4.39377</v>
      </c>
      <c r="AC56" s="17">
        <v>4.04366</v>
      </c>
      <c r="AD56" s="17">
        <v>23.849039999999999</v>
      </c>
    </row>
    <row r="57" spans="1:30">
      <c r="A57" s="21" t="s">
        <v>232</v>
      </c>
      <c r="B57" s="21" t="s">
        <v>237</v>
      </c>
      <c r="C57" s="21" t="s">
        <v>264</v>
      </c>
      <c r="D57" s="21" t="s">
        <v>395</v>
      </c>
      <c r="E57" s="21" t="s">
        <v>216</v>
      </c>
      <c r="F57" s="21" t="s">
        <v>467</v>
      </c>
      <c r="G57" s="17">
        <v>54.610439999999997</v>
      </c>
      <c r="H57" s="17">
        <v>0.37708999999999998</v>
      </c>
      <c r="I57" s="17">
        <v>9.0599299999999996</v>
      </c>
      <c r="J57" s="17">
        <v>38.361130000000003</v>
      </c>
      <c r="K57" s="17">
        <v>61.076880000000003</v>
      </c>
      <c r="L57" s="17">
        <v>68.269739999999999</v>
      </c>
      <c r="M57" s="17">
        <v>69.621589999999998</v>
      </c>
      <c r="N57" s="17">
        <v>68.486540000000005</v>
      </c>
      <c r="O57" s="17">
        <v>69.160049999999998</v>
      </c>
      <c r="P57" s="17">
        <v>71.947339999999997</v>
      </c>
      <c r="Q57" s="17">
        <v>73.380170000000007</v>
      </c>
      <c r="R57" s="17">
        <v>72.046980000000005</v>
      </c>
      <c r="S57" s="17">
        <v>66.457229999999996</v>
      </c>
      <c r="T57" s="17">
        <v>57.324179999999998</v>
      </c>
      <c r="U57" s="17">
        <v>42.131729999999997</v>
      </c>
      <c r="V57" s="17">
        <v>24.284300000000002</v>
      </c>
      <c r="W57" s="17">
        <v>10.13428</v>
      </c>
      <c r="X57" s="17">
        <v>3.9510900000000002</v>
      </c>
      <c r="Y57" s="17">
        <v>1.7505500000000001</v>
      </c>
      <c r="Z57" s="17">
        <v>57.16619</v>
      </c>
      <c r="AA57" s="17">
        <v>50.67304</v>
      </c>
      <c r="AB57" s="17">
        <v>36.200859999999999</v>
      </c>
      <c r="AC57" s="17">
        <v>17.104990000000001</v>
      </c>
      <c r="AD57" s="17">
        <v>63.556080000000001</v>
      </c>
    </row>
    <row r="58" spans="1:30">
      <c r="A58" s="21" t="s">
        <v>232</v>
      </c>
      <c r="B58" s="21" t="s">
        <v>237</v>
      </c>
      <c r="C58" s="21" t="s">
        <v>264</v>
      </c>
      <c r="D58" s="21" t="s">
        <v>395</v>
      </c>
      <c r="E58" s="21" t="s">
        <v>216</v>
      </c>
      <c r="F58" s="21" t="s">
        <v>468</v>
      </c>
      <c r="G58" s="17">
        <v>15.73048</v>
      </c>
      <c r="H58" s="17">
        <v>1.047E-2</v>
      </c>
      <c r="I58" s="17">
        <v>5.2659999999999998E-2</v>
      </c>
      <c r="J58" s="17">
        <v>7.4329999999999993E-2</v>
      </c>
      <c r="K58" s="17">
        <v>0.14660000000000001</v>
      </c>
      <c r="L58" s="17">
        <v>0.31148999999999999</v>
      </c>
      <c r="M58" s="17">
        <v>0.52824000000000004</v>
      </c>
      <c r="N58" s="17">
        <v>1.0605899999999999</v>
      </c>
      <c r="O58" s="17">
        <v>1.92726</v>
      </c>
      <c r="P58" s="17">
        <v>3.5874899999999998</v>
      </c>
      <c r="Q58" s="17">
        <v>6.5350599999999996</v>
      </c>
      <c r="R58" s="17">
        <v>10.864560000000001</v>
      </c>
      <c r="S58" s="17">
        <v>18.311990000000002</v>
      </c>
      <c r="T58" s="17">
        <v>31.277660000000001</v>
      </c>
      <c r="U58" s="17">
        <v>49.255189999999999</v>
      </c>
      <c r="V58" s="17">
        <v>68.63109</v>
      </c>
      <c r="W58" s="17">
        <v>82.954989999999995</v>
      </c>
      <c r="X58" s="17">
        <v>89.330759999999998</v>
      </c>
      <c r="Y58" s="17">
        <v>93.873090000000005</v>
      </c>
      <c r="Z58" s="17">
        <v>1.7085699999999999</v>
      </c>
      <c r="AA58" s="17">
        <v>37.332729999999998</v>
      </c>
      <c r="AB58" s="17">
        <v>55.049300000000002</v>
      </c>
      <c r="AC58" s="17">
        <v>75.958020000000005</v>
      </c>
      <c r="AD58" s="17">
        <v>3.0664600000000002</v>
      </c>
    </row>
    <row r="59" spans="1:30">
      <c r="A59" s="21" t="s">
        <v>232</v>
      </c>
      <c r="B59" s="21" t="s">
        <v>237</v>
      </c>
      <c r="C59" s="21" t="s">
        <v>264</v>
      </c>
      <c r="D59" s="21" t="s">
        <v>395</v>
      </c>
      <c r="E59" s="21" t="s">
        <v>216</v>
      </c>
      <c r="F59" s="21" t="s">
        <v>469</v>
      </c>
      <c r="G59" s="17">
        <v>7.88185</v>
      </c>
      <c r="H59" s="17">
        <v>4.19E-2</v>
      </c>
      <c r="I59" s="17">
        <v>0.91064000000000001</v>
      </c>
      <c r="J59" s="17">
        <v>3.2914099999999999</v>
      </c>
      <c r="K59" s="17">
        <v>5.8813300000000002</v>
      </c>
      <c r="L59" s="17">
        <v>8.2187999999999999</v>
      </c>
      <c r="M59" s="17">
        <v>10.33807</v>
      </c>
      <c r="N59" s="17">
        <v>12.30035</v>
      </c>
      <c r="O59" s="17">
        <v>12.91377</v>
      </c>
      <c r="P59" s="17">
        <v>12.420920000000001</v>
      </c>
      <c r="Q59" s="17">
        <v>11.5571</v>
      </c>
      <c r="R59" s="17">
        <v>10.2334</v>
      </c>
      <c r="S59" s="17">
        <v>9.1786499999999993</v>
      </c>
      <c r="T59" s="17">
        <v>6.4302299999999999</v>
      </c>
      <c r="U59" s="17">
        <v>4.3139700000000003</v>
      </c>
      <c r="V59" s="17">
        <v>3.1498499999999998</v>
      </c>
      <c r="W59" s="17">
        <v>2.7292999999999998</v>
      </c>
      <c r="X59" s="17">
        <v>2.2393800000000001</v>
      </c>
      <c r="Y59" s="17">
        <v>1.9693700000000001</v>
      </c>
      <c r="Z59" s="17">
        <v>8.6498799999999996</v>
      </c>
      <c r="AA59" s="17">
        <v>6.69862</v>
      </c>
      <c r="AB59" s="17">
        <v>4.3560699999999999</v>
      </c>
      <c r="AC59" s="17">
        <v>2.8933300000000002</v>
      </c>
      <c r="AD59" s="17">
        <v>9.5284200000000006</v>
      </c>
    </row>
    <row r="60" spans="1:30">
      <c r="A60" s="21" t="s">
        <v>240</v>
      </c>
      <c r="B60" s="21" t="s">
        <v>237</v>
      </c>
      <c r="C60" s="21" t="s">
        <v>265</v>
      </c>
      <c r="D60" s="21" t="s">
        <v>394</v>
      </c>
      <c r="E60" s="21" t="s">
        <v>214</v>
      </c>
      <c r="F60" s="21" t="s">
        <v>466</v>
      </c>
      <c r="G60" s="17">
        <v>24.14573</v>
      </c>
      <c r="H60" s="17">
        <v>99.531170000000003</v>
      </c>
      <c r="I60" s="17">
        <v>89.685890000000001</v>
      </c>
      <c r="J60" s="17">
        <v>62.608699999999999</v>
      </c>
      <c r="K60" s="17">
        <v>39.571689999999997</v>
      </c>
      <c r="L60" s="17">
        <v>28.9207</v>
      </c>
      <c r="M60" s="17">
        <v>23.50592</v>
      </c>
      <c r="N60" s="17">
        <v>22.384070000000001</v>
      </c>
      <c r="O60" s="17">
        <v>19.402159999999999</v>
      </c>
      <c r="P60" s="17">
        <v>15.799060000000001</v>
      </c>
      <c r="Q60" s="17">
        <v>11.90138</v>
      </c>
      <c r="R60" s="17">
        <v>8.7607900000000001</v>
      </c>
      <c r="S60" s="17">
        <v>6.0865099999999996</v>
      </c>
      <c r="T60" s="17">
        <v>4.5357200000000004</v>
      </c>
      <c r="U60" s="17">
        <v>2.7570100000000002</v>
      </c>
      <c r="V60" s="17">
        <v>2.7231200000000002</v>
      </c>
      <c r="W60" s="17">
        <v>2.8</v>
      </c>
      <c r="X60" s="17">
        <v>3.33839</v>
      </c>
      <c r="Y60" s="17">
        <v>1.13636</v>
      </c>
      <c r="Z60" s="17">
        <v>36.433599999999998</v>
      </c>
      <c r="AA60" s="17">
        <v>5.2514900000000004</v>
      </c>
      <c r="AB60" s="17">
        <v>3.3645999999999998</v>
      </c>
      <c r="AC60" s="17">
        <v>2.7784499999999999</v>
      </c>
      <c r="AD60" s="17">
        <v>27.1311</v>
      </c>
    </row>
    <row r="61" spans="1:30">
      <c r="A61" s="21" t="s">
        <v>240</v>
      </c>
      <c r="B61" s="21" t="s">
        <v>237</v>
      </c>
      <c r="C61" s="21" t="s">
        <v>265</v>
      </c>
      <c r="D61" s="21" t="s">
        <v>394</v>
      </c>
      <c r="E61" s="21" t="s">
        <v>214</v>
      </c>
      <c r="F61" s="21" t="s">
        <v>467</v>
      </c>
      <c r="G61" s="17">
        <v>56.866489999999999</v>
      </c>
      <c r="H61" s="17">
        <v>0.39937</v>
      </c>
      <c r="I61" s="17">
        <v>9.3764699999999994</v>
      </c>
      <c r="J61" s="17">
        <v>34.043480000000002</v>
      </c>
      <c r="K61" s="17">
        <v>54.450650000000003</v>
      </c>
      <c r="L61" s="17">
        <v>62.682969999999997</v>
      </c>
      <c r="M61" s="17">
        <v>66.346149999999994</v>
      </c>
      <c r="N61" s="17">
        <v>65.348119999999994</v>
      </c>
      <c r="O61" s="17">
        <v>66.84196</v>
      </c>
      <c r="P61" s="17">
        <v>69.247789999999995</v>
      </c>
      <c r="Q61" s="17">
        <v>72.510670000000005</v>
      </c>
      <c r="R61" s="17">
        <v>73.634379999999993</v>
      </c>
      <c r="S61" s="17">
        <v>72.389290000000003</v>
      </c>
      <c r="T61" s="17">
        <v>67.112660000000005</v>
      </c>
      <c r="U61" s="17">
        <v>56.775700000000001</v>
      </c>
      <c r="V61" s="17">
        <v>39.455379999999998</v>
      </c>
      <c r="W61" s="17">
        <v>23.84</v>
      </c>
      <c r="X61" s="17">
        <v>10.92564</v>
      </c>
      <c r="Y61" s="17">
        <v>4.5454499999999998</v>
      </c>
      <c r="Z61" s="17">
        <v>54.000720000000001</v>
      </c>
      <c r="AA61" s="17">
        <v>61.27299</v>
      </c>
      <c r="AB61" s="17">
        <v>51.04636</v>
      </c>
      <c r="AC61" s="17">
        <v>32.097119999999997</v>
      </c>
      <c r="AD61" s="17">
        <v>61.352789999999999</v>
      </c>
    </row>
    <row r="62" spans="1:30">
      <c r="A62" s="21" t="s">
        <v>240</v>
      </c>
      <c r="B62" s="21" t="s">
        <v>237</v>
      </c>
      <c r="C62" s="21" t="s">
        <v>265</v>
      </c>
      <c r="D62" s="21" t="s">
        <v>394</v>
      </c>
      <c r="E62" s="21" t="s">
        <v>214</v>
      </c>
      <c r="F62" s="21" t="s">
        <v>468</v>
      </c>
      <c r="G62" s="17">
        <v>11.53532</v>
      </c>
      <c r="H62" s="17">
        <v>0</v>
      </c>
      <c r="I62" s="17">
        <v>2.3439999999999999E-2</v>
      </c>
      <c r="J62" s="17">
        <v>6.522E-2</v>
      </c>
      <c r="K62" s="17">
        <v>0.20483999999999999</v>
      </c>
      <c r="L62" s="17">
        <v>0.38603999999999999</v>
      </c>
      <c r="M62" s="17">
        <v>0.53254000000000001</v>
      </c>
      <c r="N62" s="17">
        <v>0.84191000000000005</v>
      </c>
      <c r="O62" s="17">
        <v>1.2593399999999999</v>
      </c>
      <c r="P62" s="17">
        <v>3.0713200000000001</v>
      </c>
      <c r="Q62" s="17">
        <v>4.6586100000000004</v>
      </c>
      <c r="R62" s="17">
        <v>7.8971999999999998</v>
      </c>
      <c r="S62" s="17">
        <v>12.852729999999999</v>
      </c>
      <c r="T62" s="17">
        <v>23.25395</v>
      </c>
      <c r="U62" s="17">
        <v>36.479750000000003</v>
      </c>
      <c r="V62" s="17">
        <v>55.297159999999998</v>
      </c>
      <c r="W62" s="17">
        <v>71.44</v>
      </c>
      <c r="X62" s="17">
        <v>83.763279999999995</v>
      </c>
      <c r="Y62" s="17">
        <v>92.045450000000002</v>
      </c>
      <c r="Z62" s="17">
        <v>1.3448100000000001</v>
      </c>
      <c r="AA62" s="17">
        <v>27.20459</v>
      </c>
      <c r="AB62" s="17">
        <v>41.859099999999998</v>
      </c>
      <c r="AC62" s="17">
        <v>62.829189999999997</v>
      </c>
      <c r="AD62" s="17">
        <v>2.3901400000000002</v>
      </c>
    </row>
    <row r="63" spans="1:30">
      <c r="A63" s="21" t="s">
        <v>240</v>
      </c>
      <c r="B63" s="21" t="s">
        <v>237</v>
      </c>
      <c r="C63" s="21" t="s">
        <v>265</v>
      </c>
      <c r="D63" s="21" t="s">
        <v>394</v>
      </c>
      <c r="E63" s="21" t="s">
        <v>214</v>
      </c>
      <c r="F63" s="21" t="s">
        <v>469</v>
      </c>
      <c r="G63" s="17">
        <v>7.4524699999999999</v>
      </c>
      <c r="H63" s="17">
        <v>6.9459999999999994E-2</v>
      </c>
      <c r="I63" s="17">
        <v>0.91420999999999997</v>
      </c>
      <c r="J63" s="17">
        <v>3.28261</v>
      </c>
      <c r="K63" s="17">
        <v>5.7728099999999998</v>
      </c>
      <c r="L63" s="17">
        <v>8.0102899999999995</v>
      </c>
      <c r="M63" s="17">
        <v>9.61538</v>
      </c>
      <c r="N63" s="17">
        <v>11.4259</v>
      </c>
      <c r="O63" s="17">
        <v>12.49654</v>
      </c>
      <c r="P63" s="17">
        <v>11.881830000000001</v>
      </c>
      <c r="Q63" s="17">
        <v>10.929349999999999</v>
      </c>
      <c r="R63" s="17">
        <v>9.70763</v>
      </c>
      <c r="S63" s="17">
        <v>8.6714699999999993</v>
      </c>
      <c r="T63" s="17">
        <v>5.0976699999999999</v>
      </c>
      <c r="U63" s="17">
        <v>3.9875400000000001</v>
      </c>
      <c r="V63" s="17">
        <v>2.5243500000000001</v>
      </c>
      <c r="W63" s="17">
        <v>1.92</v>
      </c>
      <c r="X63" s="17">
        <v>1.9726900000000001</v>
      </c>
      <c r="Y63" s="17">
        <v>2.2727300000000001</v>
      </c>
      <c r="Z63" s="17">
        <v>8.2208699999999997</v>
      </c>
      <c r="AA63" s="17">
        <v>6.2709400000000004</v>
      </c>
      <c r="AB63" s="17">
        <v>3.72993</v>
      </c>
      <c r="AC63" s="17">
        <v>2.2952400000000002</v>
      </c>
      <c r="AD63" s="17">
        <v>9.1259800000000002</v>
      </c>
    </row>
    <row r="64" spans="1:30">
      <c r="A64" s="21" t="s">
        <v>240</v>
      </c>
      <c r="B64" s="21" t="s">
        <v>237</v>
      </c>
      <c r="C64" s="21" t="s">
        <v>265</v>
      </c>
      <c r="D64" s="21" t="s">
        <v>394</v>
      </c>
      <c r="E64" s="21" t="s">
        <v>215</v>
      </c>
      <c r="F64" s="21" t="s">
        <v>466</v>
      </c>
      <c r="G64" s="17">
        <v>28.414480000000001</v>
      </c>
      <c r="H64" s="17">
        <v>99.697069999999997</v>
      </c>
      <c r="I64" s="17">
        <v>91.373149999999995</v>
      </c>
      <c r="J64" s="17">
        <v>67.222989999999996</v>
      </c>
      <c r="K64" s="17">
        <v>46.679839999999999</v>
      </c>
      <c r="L64" s="17">
        <v>34.017209999999999</v>
      </c>
      <c r="M64" s="17">
        <v>28.464079999999999</v>
      </c>
      <c r="N64" s="17">
        <v>27.42024</v>
      </c>
      <c r="O64" s="17">
        <v>24.68535</v>
      </c>
      <c r="P64" s="17">
        <v>20.501750000000001</v>
      </c>
      <c r="Q64" s="17">
        <v>16.792960000000001</v>
      </c>
      <c r="R64" s="17">
        <v>11.83239</v>
      </c>
      <c r="S64" s="17">
        <v>7.31867</v>
      </c>
      <c r="T64" s="17">
        <v>4.1285800000000004</v>
      </c>
      <c r="U64" s="17">
        <v>1.3572900000000001</v>
      </c>
      <c r="V64" s="17">
        <v>1.0913299999999999</v>
      </c>
      <c r="W64" s="17">
        <v>0.43042000000000002</v>
      </c>
      <c r="X64" s="17">
        <v>0</v>
      </c>
      <c r="Y64" s="17">
        <v>0</v>
      </c>
      <c r="Z64" s="17">
        <v>40.992359999999998</v>
      </c>
      <c r="AA64" s="17">
        <v>6.12561</v>
      </c>
      <c r="AB64" s="17">
        <v>2.2699699999999998</v>
      </c>
      <c r="AC64" s="17">
        <v>0.85938000000000003</v>
      </c>
      <c r="AD64" s="17">
        <v>31.50226</v>
      </c>
    </row>
    <row r="65" spans="1:30">
      <c r="A65" s="21" t="s">
        <v>240</v>
      </c>
      <c r="B65" s="21" t="s">
        <v>237</v>
      </c>
      <c r="C65" s="21" t="s">
        <v>265</v>
      </c>
      <c r="D65" s="21" t="s">
        <v>394</v>
      </c>
      <c r="E65" s="21" t="s">
        <v>215</v>
      </c>
      <c r="F65" s="21" t="s">
        <v>467</v>
      </c>
      <c r="G65" s="17">
        <v>61.565040000000003</v>
      </c>
      <c r="H65" s="17">
        <v>0.30292999999999998</v>
      </c>
      <c r="I65" s="17">
        <v>8.2184799999999996</v>
      </c>
      <c r="J65" s="17">
        <v>31.20074</v>
      </c>
      <c r="K65" s="17">
        <v>49.446640000000002</v>
      </c>
      <c r="L65" s="17">
        <v>60.688290000000002</v>
      </c>
      <c r="M65" s="17">
        <v>65.704840000000004</v>
      </c>
      <c r="N65" s="17">
        <v>63.50385</v>
      </c>
      <c r="O65" s="17">
        <v>64.530889999999999</v>
      </c>
      <c r="P65" s="17">
        <v>68.519019999999998</v>
      </c>
      <c r="Q65" s="17">
        <v>71.767290000000003</v>
      </c>
      <c r="R65" s="17">
        <v>75.77073</v>
      </c>
      <c r="S65" s="17">
        <v>80.178610000000006</v>
      </c>
      <c r="T65" s="17">
        <v>82.886859999999999</v>
      </c>
      <c r="U65" s="17">
        <v>82.874250000000004</v>
      </c>
      <c r="V65" s="17">
        <v>72.027569999999997</v>
      </c>
      <c r="W65" s="17">
        <v>60.975610000000003</v>
      </c>
      <c r="X65" s="17">
        <v>35.714289999999998</v>
      </c>
      <c r="Y65" s="17">
        <v>40</v>
      </c>
      <c r="Z65" s="17">
        <v>52.288319999999999</v>
      </c>
      <c r="AA65" s="17">
        <v>78.004009999999994</v>
      </c>
      <c r="AB65" s="17">
        <v>78.040790000000001</v>
      </c>
      <c r="AC65" s="17">
        <v>67.304689999999994</v>
      </c>
      <c r="AD65" s="17">
        <v>60.360889999999998</v>
      </c>
    </row>
    <row r="66" spans="1:30">
      <c r="A66" s="21" t="s">
        <v>240</v>
      </c>
      <c r="B66" s="21" t="s">
        <v>237</v>
      </c>
      <c r="C66" s="21" t="s">
        <v>265</v>
      </c>
      <c r="D66" s="21" t="s">
        <v>394</v>
      </c>
      <c r="E66" s="21" t="s">
        <v>215</v>
      </c>
      <c r="F66" s="21" t="s">
        <v>468</v>
      </c>
      <c r="G66" s="17">
        <v>4.1215799999999998</v>
      </c>
      <c r="H66" s="17">
        <v>0</v>
      </c>
      <c r="I66" s="17">
        <v>0</v>
      </c>
      <c r="J66" s="17">
        <v>0</v>
      </c>
      <c r="K66" s="17">
        <v>0</v>
      </c>
      <c r="L66" s="17">
        <v>0.13236000000000001</v>
      </c>
      <c r="M66" s="17">
        <v>0.15029000000000001</v>
      </c>
      <c r="N66" s="17">
        <v>0.44003999999999999</v>
      </c>
      <c r="O66" s="17">
        <v>0.6865</v>
      </c>
      <c r="P66" s="17">
        <v>1.1869400000000001</v>
      </c>
      <c r="Q66" s="17">
        <v>2.0532900000000001</v>
      </c>
      <c r="R66" s="17">
        <v>3.8210999999999999</v>
      </c>
      <c r="S66" s="17">
        <v>5.5325600000000001</v>
      </c>
      <c r="T66" s="17">
        <v>8.9505199999999991</v>
      </c>
      <c r="U66" s="17">
        <v>12.734529999999999</v>
      </c>
      <c r="V66" s="17">
        <v>25.330269999999999</v>
      </c>
      <c r="W66" s="17">
        <v>37.876609999999999</v>
      </c>
      <c r="X66" s="17">
        <v>63.392859999999999</v>
      </c>
      <c r="Y66" s="17">
        <v>60</v>
      </c>
      <c r="Z66" s="17">
        <v>0.57289000000000001</v>
      </c>
      <c r="AA66" s="17">
        <v>10.41009</v>
      </c>
      <c r="AB66" s="17">
        <v>16.812329999999999</v>
      </c>
      <c r="AC66" s="17">
        <v>30.546880000000002</v>
      </c>
      <c r="AD66" s="17">
        <v>1.0851200000000001</v>
      </c>
    </row>
    <row r="67" spans="1:30">
      <c r="A67" s="21" t="s">
        <v>240</v>
      </c>
      <c r="B67" s="21" t="s">
        <v>237</v>
      </c>
      <c r="C67" s="21" t="s">
        <v>265</v>
      </c>
      <c r="D67" s="21" t="s">
        <v>394</v>
      </c>
      <c r="E67" s="21" t="s">
        <v>215</v>
      </c>
      <c r="F67" s="21" t="s">
        <v>469</v>
      </c>
      <c r="G67" s="17">
        <v>5.8989099999999999</v>
      </c>
      <c r="H67" s="17">
        <v>0</v>
      </c>
      <c r="I67" s="17">
        <v>0.40837000000000001</v>
      </c>
      <c r="J67" s="17">
        <v>1.57626</v>
      </c>
      <c r="K67" s="17">
        <v>3.8735200000000001</v>
      </c>
      <c r="L67" s="17">
        <v>5.16214</v>
      </c>
      <c r="M67" s="17">
        <v>5.68079</v>
      </c>
      <c r="N67" s="17">
        <v>8.6358599999999992</v>
      </c>
      <c r="O67" s="17">
        <v>10.097250000000001</v>
      </c>
      <c r="P67" s="17">
        <v>9.7922799999999999</v>
      </c>
      <c r="Q67" s="17">
        <v>9.3864599999999996</v>
      </c>
      <c r="R67" s="17">
        <v>8.5757700000000003</v>
      </c>
      <c r="S67" s="17">
        <v>6.9701599999999999</v>
      </c>
      <c r="T67" s="17">
        <v>4.0340400000000001</v>
      </c>
      <c r="U67" s="17">
        <v>3.0339299999999998</v>
      </c>
      <c r="V67" s="17">
        <v>1.5508299999999999</v>
      </c>
      <c r="W67" s="17">
        <v>0.71736</v>
      </c>
      <c r="X67" s="17">
        <v>0.89285999999999999</v>
      </c>
      <c r="Y67" s="17">
        <v>0</v>
      </c>
      <c r="Z67" s="17">
        <v>6.1464299999999996</v>
      </c>
      <c r="AA67" s="17">
        <v>5.46028</v>
      </c>
      <c r="AB67" s="17">
        <v>2.8769100000000001</v>
      </c>
      <c r="AC67" s="17">
        <v>1.2890600000000001</v>
      </c>
      <c r="AD67" s="17">
        <v>7.0517399999999997</v>
      </c>
    </row>
    <row r="68" spans="1:30">
      <c r="A68" s="21" t="s">
        <v>240</v>
      </c>
      <c r="B68" s="21" t="s">
        <v>237</v>
      </c>
      <c r="C68" s="21" t="s">
        <v>265</v>
      </c>
      <c r="D68" s="21" t="s">
        <v>394</v>
      </c>
      <c r="E68" s="21" t="s">
        <v>216</v>
      </c>
      <c r="F68" s="21" t="s">
        <v>466</v>
      </c>
      <c r="G68" s="17">
        <v>20.523849999999999</v>
      </c>
      <c r="H68" s="17">
        <v>99.354380000000006</v>
      </c>
      <c r="I68" s="17">
        <v>88.253140000000002</v>
      </c>
      <c r="J68" s="17">
        <v>58.534590000000001</v>
      </c>
      <c r="K68" s="17">
        <v>33.239440000000002</v>
      </c>
      <c r="L68" s="17">
        <v>24.100159999999999</v>
      </c>
      <c r="M68" s="17">
        <v>18.700839999999999</v>
      </c>
      <c r="N68" s="17">
        <v>17.624120000000001</v>
      </c>
      <c r="O68" s="17">
        <v>14.4504</v>
      </c>
      <c r="P68" s="17">
        <v>11.41564</v>
      </c>
      <c r="Q68" s="17">
        <v>7.2957400000000003</v>
      </c>
      <c r="R68" s="17">
        <v>5.9340700000000002</v>
      </c>
      <c r="S68" s="17">
        <v>4.9814400000000001</v>
      </c>
      <c r="T68" s="17">
        <v>4.8360799999999999</v>
      </c>
      <c r="U68" s="17">
        <v>3.6526200000000002</v>
      </c>
      <c r="V68" s="17">
        <v>3.58663</v>
      </c>
      <c r="W68" s="17">
        <v>3.7160299999999999</v>
      </c>
      <c r="X68" s="17">
        <v>4.0219399999999998</v>
      </c>
      <c r="Y68" s="17">
        <v>1.2820499999999999</v>
      </c>
      <c r="Z68" s="17">
        <v>32.153170000000003</v>
      </c>
      <c r="AA68" s="17">
        <v>4.6180099999999999</v>
      </c>
      <c r="AB68" s="17">
        <v>4.0117700000000003</v>
      </c>
      <c r="AC68" s="17">
        <v>3.6376400000000002</v>
      </c>
      <c r="AD68" s="17">
        <v>23.0824</v>
      </c>
    </row>
    <row r="69" spans="1:30">
      <c r="A69" s="21" t="s">
        <v>240</v>
      </c>
      <c r="B69" s="21" t="s">
        <v>237</v>
      </c>
      <c r="C69" s="21" t="s">
        <v>265</v>
      </c>
      <c r="D69" s="21" t="s">
        <v>394</v>
      </c>
      <c r="E69" s="21" t="s">
        <v>216</v>
      </c>
      <c r="F69" s="21" t="s">
        <v>467</v>
      </c>
      <c r="G69" s="17">
        <v>52.879939999999998</v>
      </c>
      <c r="H69" s="17">
        <v>0.50214999999999999</v>
      </c>
      <c r="I69" s="17">
        <v>10.359769999999999</v>
      </c>
      <c r="J69" s="17">
        <v>36.553420000000003</v>
      </c>
      <c r="K69" s="17">
        <v>58.908450000000002</v>
      </c>
      <c r="L69" s="17">
        <v>64.569640000000007</v>
      </c>
      <c r="M69" s="17">
        <v>66.967669999999998</v>
      </c>
      <c r="N69" s="17">
        <v>67.091239999999999</v>
      </c>
      <c r="O69" s="17">
        <v>69.008039999999994</v>
      </c>
      <c r="P69" s="17">
        <v>69.927080000000004</v>
      </c>
      <c r="Q69" s="17">
        <v>73.210589999999996</v>
      </c>
      <c r="R69" s="17">
        <v>71.668329999999997</v>
      </c>
      <c r="S69" s="17">
        <v>65.403400000000005</v>
      </c>
      <c r="T69" s="17">
        <v>55.475470000000001</v>
      </c>
      <c r="U69" s="17">
        <v>40.076630000000002</v>
      </c>
      <c r="V69" s="17">
        <v>22.21884</v>
      </c>
      <c r="W69" s="17">
        <v>9.4841899999999999</v>
      </c>
      <c r="X69" s="17">
        <v>5.8500899999999998</v>
      </c>
      <c r="Y69" s="17">
        <v>0</v>
      </c>
      <c r="Z69" s="17">
        <v>55.60857</v>
      </c>
      <c r="AA69" s="17">
        <v>49.147889999999997</v>
      </c>
      <c r="AB69" s="17">
        <v>35.086840000000002</v>
      </c>
      <c r="AC69" s="17">
        <v>16.334379999999999</v>
      </c>
      <c r="AD69" s="17">
        <v>62.271509999999999</v>
      </c>
    </row>
    <row r="70" spans="1:30">
      <c r="A70" s="21" t="s">
        <v>240</v>
      </c>
      <c r="B70" s="21" t="s">
        <v>237</v>
      </c>
      <c r="C70" s="21" t="s">
        <v>265</v>
      </c>
      <c r="D70" s="21" t="s">
        <v>394</v>
      </c>
      <c r="E70" s="21" t="s">
        <v>216</v>
      </c>
      <c r="F70" s="21" t="s">
        <v>468</v>
      </c>
      <c r="G70" s="17">
        <v>17.825610000000001</v>
      </c>
      <c r="H70" s="17">
        <v>0</v>
      </c>
      <c r="I70" s="17">
        <v>4.335E-2</v>
      </c>
      <c r="J70" s="17">
        <v>0.12280000000000001</v>
      </c>
      <c r="K70" s="17">
        <v>0.38732</v>
      </c>
      <c r="L70" s="17">
        <v>0.62597999999999998</v>
      </c>
      <c r="M70" s="17">
        <v>0.90300000000000002</v>
      </c>
      <c r="N70" s="17">
        <v>1.22173</v>
      </c>
      <c r="O70" s="17">
        <v>1.7962499999999999</v>
      </c>
      <c r="P70" s="17">
        <v>4.8277599999999996</v>
      </c>
      <c r="Q70" s="17">
        <v>7.1116200000000003</v>
      </c>
      <c r="R70" s="17">
        <v>11.648350000000001</v>
      </c>
      <c r="S70" s="17">
        <v>19.417860000000001</v>
      </c>
      <c r="T70" s="17">
        <v>33.806089999999998</v>
      </c>
      <c r="U70" s="17">
        <v>51.673050000000003</v>
      </c>
      <c r="V70" s="17">
        <v>71.155019999999993</v>
      </c>
      <c r="W70" s="17">
        <v>84.414860000000004</v>
      </c>
      <c r="X70" s="17">
        <v>87.934190000000001</v>
      </c>
      <c r="Y70" s="17">
        <v>96.153850000000006</v>
      </c>
      <c r="Z70" s="17">
        <v>2.0695899999999998</v>
      </c>
      <c r="AA70" s="17">
        <v>39.375680000000003</v>
      </c>
      <c r="AB70" s="17">
        <v>56.667149999999999</v>
      </c>
      <c r="AC70" s="17">
        <v>77.282269999999997</v>
      </c>
      <c r="AD70" s="17">
        <v>3.5988799999999999</v>
      </c>
    </row>
    <row r="71" spans="1:30">
      <c r="A71" s="21" t="s">
        <v>240</v>
      </c>
      <c r="B71" s="21" t="s">
        <v>237</v>
      </c>
      <c r="C71" s="21" t="s">
        <v>265</v>
      </c>
      <c r="D71" s="21" t="s">
        <v>394</v>
      </c>
      <c r="E71" s="21" t="s">
        <v>216</v>
      </c>
      <c r="F71" s="21" t="s">
        <v>469</v>
      </c>
      <c r="G71" s="17">
        <v>8.7706099999999996</v>
      </c>
      <c r="H71" s="17">
        <v>0.14346999999999999</v>
      </c>
      <c r="I71" s="17">
        <v>1.3437399999999999</v>
      </c>
      <c r="J71" s="17">
        <v>4.7891899999999996</v>
      </c>
      <c r="K71" s="17">
        <v>7.4647899999999998</v>
      </c>
      <c r="L71" s="17">
        <v>10.704230000000001</v>
      </c>
      <c r="M71" s="17">
        <v>13.42849</v>
      </c>
      <c r="N71" s="17">
        <v>14.06291</v>
      </c>
      <c r="O71" s="17">
        <v>14.74531</v>
      </c>
      <c r="P71" s="17">
        <v>13.82952</v>
      </c>
      <c r="Q71" s="17">
        <v>12.38205</v>
      </c>
      <c r="R71" s="17">
        <v>10.74925</v>
      </c>
      <c r="S71" s="17">
        <v>10.1973</v>
      </c>
      <c r="T71" s="17">
        <v>5.8823499999999997</v>
      </c>
      <c r="U71" s="17">
        <v>4.5976999999999997</v>
      </c>
      <c r="V71" s="17">
        <v>3.0395099999999999</v>
      </c>
      <c r="W71" s="17">
        <v>2.3849100000000001</v>
      </c>
      <c r="X71" s="17">
        <v>2.1937799999999998</v>
      </c>
      <c r="Y71" s="17">
        <v>2.5640999999999998</v>
      </c>
      <c r="Z71" s="17">
        <v>10.168670000000001</v>
      </c>
      <c r="AA71" s="17">
        <v>6.8584300000000002</v>
      </c>
      <c r="AB71" s="17">
        <v>4.2342500000000003</v>
      </c>
      <c r="AC71" s="17">
        <v>2.7457199999999999</v>
      </c>
      <c r="AD71" s="17">
        <v>11.04721</v>
      </c>
    </row>
    <row r="72" spans="1:30">
      <c r="A72" s="21" t="s">
        <v>240</v>
      </c>
      <c r="B72" s="21" t="s">
        <v>237</v>
      </c>
      <c r="C72" s="21" t="s">
        <v>265</v>
      </c>
      <c r="D72" s="21" t="s">
        <v>395</v>
      </c>
      <c r="E72" s="21" t="s">
        <v>214</v>
      </c>
      <c r="F72" s="21" t="s">
        <v>466</v>
      </c>
      <c r="G72" s="17">
        <v>23.53032</v>
      </c>
      <c r="H72" s="17">
        <v>99.544579999999996</v>
      </c>
      <c r="I72" s="17">
        <v>88.877009999999999</v>
      </c>
      <c r="J72" s="17">
        <v>61.525260000000003</v>
      </c>
      <c r="K72" s="17">
        <v>39.699190000000002</v>
      </c>
      <c r="L72" s="17">
        <v>29.18723</v>
      </c>
      <c r="M72" s="17">
        <v>23.7118</v>
      </c>
      <c r="N72" s="17">
        <v>22.58588</v>
      </c>
      <c r="O72" s="17">
        <v>19.542470000000002</v>
      </c>
      <c r="P72" s="17">
        <v>15.848560000000001</v>
      </c>
      <c r="Q72" s="17">
        <v>11.894590000000001</v>
      </c>
      <c r="R72" s="17">
        <v>8.7536500000000004</v>
      </c>
      <c r="S72" s="17">
        <v>6.0909000000000004</v>
      </c>
      <c r="T72" s="17">
        <v>4.5004</v>
      </c>
      <c r="U72" s="17">
        <v>2.75787</v>
      </c>
      <c r="V72" s="17">
        <v>2.7236600000000002</v>
      </c>
      <c r="W72" s="17">
        <v>2.8</v>
      </c>
      <c r="X72" s="17">
        <v>3.33839</v>
      </c>
      <c r="Y72" s="17">
        <v>1.13636</v>
      </c>
      <c r="Z72" s="17">
        <v>35.762569999999997</v>
      </c>
      <c r="AA72" s="17">
        <v>5.2436100000000003</v>
      </c>
      <c r="AB72" s="17">
        <v>3.3527399999999998</v>
      </c>
      <c r="AC72" s="17">
        <v>2.7787799999999998</v>
      </c>
      <c r="AD72" s="17">
        <v>26.299569999999999</v>
      </c>
    </row>
    <row r="73" spans="1:30">
      <c r="A73" s="21" t="s">
        <v>240</v>
      </c>
      <c r="B73" s="21" t="s">
        <v>237</v>
      </c>
      <c r="C73" s="21" t="s">
        <v>265</v>
      </c>
      <c r="D73" s="21" t="s">
        <v>395</v>
      </c>
      <c r="E73" s="21" t="s">
        <v>214</v>
      </c>
      <c r="F73" s="21" t="s">
        <v>467</v>
      </c>
      <c r="G73" s="17">
        <v>57.23939</v>
      </c>
      <c r="H73" s="17">
        <v>0.40287000000000001</v>
      </c>
      <c r="I73" s="17">
        <v>10.13369</v>
      </c>
      <c r="J73" s="17">
        <v>35.066209999999998</v>
      </c>
      <c r="K73" s="17">
        <v>54.244999999999997</v>
      </c>
      <c r="L73" s="17">
        <v>62.471209999999999</v>
      </c>
      <c r="M73" s="17">
        <v>66.162369999999996</v>
      </c>
      <c r="N73" s="17">
        <v>65.174469999999999</v>
      </c>
      <c r="O73" s="17">
        <v>66.759659999999997</v>
      </c>
      <c r="P73" s="17">
        <v>69.229770000000002</v>
      </c>
      <c r="Q73" s="17">
        <v>72.542739999999995</v>
      </c>
      <c r="R73" s="17">
        <v>73.645269999999996</v>
      </c>
      <c r="S73" s="17">
        <v>72.389979999999994</v>
      </c>
      <c r="T73" s="17">
        <v>67.130989999999997</v>
      </c>
      <c r="U73" s="17">
        <v>56.762230000000002</v>
      </c>
      <c r="V73" s="17">
        <v>39.46322</v>
      </c>
      <c r="W73" s="17">
        <v>23.84</v>
      </c>
      <c r="X73" s="17">
        <v>10.92564</v>
      </c>
      <c r="Y73" s="17">
        <v>4.5454499999999998</v>
      </c>
      <c r="Z73" s="17">
        <v>54.542520000000003</v>
      </c>
      <c r="AA73" s="17">
        <v>61.271099999999997</v>
      </c>
      <c r="AB73" s="17">
        <v>51.044629999999998</v>
      </c>
      <c r="AC73" s="17">
        <v>32.100999999999999</v>
      </c>
      <c r="AD73" s="17">
        <v>62.017980000000001</v>
      </c>
    </row>
    <row r="74" spans="1:30">
      <c r="A74" s="21" t="s">
        <v>240</v>
      </c>
      <c r="B74" s="21" t="s">
        <v>237</v>
      </c>
      <c r="C74" s="21" t="s">
        <v>265</v>
      </c>
      <c r="D74" s="21" t="s">
        <v>395</v>
      </c>
      <c r="E74" s="21" t="s">
        <v>214</v>
      </c>
      <c r="F74" s="21" t="s">
        <v>468</v>
      </c>
      <c r="G74" s="17">
        <v>11.72359</v>
      </c>
      <c r="H74" s="17">
        <v>0</v>
      </c>
      <c r="I74" s="17">
        <v>0</v>
      </c>
      <c r="J74" s="17">
        <v>4.904E-2</v>
      </c>
      <c r="K74" s="17">
        <v>0.17810999999999999</v>
      </c>
      <c r="L74" s="17">
        <v>0.34550999999999998</v>
      </c>
      <c r="M74" s="17">
        <v>0.50929000000000002</v>
      </c>
      <c r="N74" s="17">
        <v>0.82499</v>
      </c>
      <c r="O74" s="17">
        <v>1.2554099999999999</v>
      </c>
      <c r="P74" s="17">
        <v>3.0548299999999999</v>
      </c>
      <c r="Q74" s="17">
        <v>4.6652399999999998</v>
      </c>
      <c r="R74" s="17">
        <v>7.8782800000000002</v>
      </c>
      <c r="S74" s="17">
        <v>12.862</v>
      </c>
      <c r="T74" s="17">
        <v>23.265470000000001</v>
      </c>
      <c r="U74" s="17">
        <v>36.491120000000002</v>
      </c>
      <c r="V74" s="17">
        <v>55.288269999999997</v>
      </c>
      <c r="W74" s="17">
        <v>71.44</v>
      </c>
      <c r="X74" s="17">
        <v>83.763279999999995</v>
      </c>
      <c r="Y74" s="17">
        <v>92.045450000000002</v>
      </c>
      <c r="Z74" s="17">
        <v>1.36171</v>
      </c>
      <c r="AA74" s="17">
        <v>27.214179999999999</v>
      </c>
      <c r="AB74" s="17">
        <v>41.870849999999997</v>
      </c>
      <c r="AC74" s="17">
        <v>62.824689999999997</v>
      </c>
      <c r="AD74" s="17">
        <v>2.4291</v>
      </c>
    </row>
    <row r="75" spans="1:30">
      <c r="A75" s="21" t="s">
        <v>240</v>
      </c>
      <c r="B75" s="21" t="s">
        <v>237</v>
      </c>
      <c r="C75" s="21" t="s">
        <v>265</v>
      </c>
      <c r="D75" s="21" t="s">
        <v>395</v>
      </c>
      <c r="E75" s="21" t="s">
        <v>214</v>
      </c>
      <c r="F75" s="21" t="s">
        <v>469</v>
      </c>
      <c r="G75" s="17">
        <v>7.5066899999999999</v>
      </c>
      <c r="H75" s="17">
        <v>5.2549999999999999E-2</v>
      </c>
      <c r="I75" s="17">
        <v>0.98929999999999996</v>
      </c>
      <c r="J75" s="17">
        <v>3.3594900000000001</v>
      </c>
      <c r="K75" s="17">
        <v>5.8776999999999999</v>
      </c>
      <c r="L75" s="17">
        <v>7.9960500000000003</v>
      </c>
      <c r="M75" s="17">
        <v>9.6165400000000005</v>
      </c>
      <c r="N75" s="17">
        <v>11.41466</v>
      </c>
      <c r="O75" s="17">
        <v>12.442460000000001</v>
      </c>
      <c r="P75" s="17">
        <v>11.86684</v>
      </c>
      <c r="Q75" s="17">
        <v>10.89744</v>
      </c>
      <c r="R75" s="17">
        <v>9.7227999999999994</v>
      </c>
      <c r="S75" s="17">
        <v>8.6571200000000008</v>
      </c>
      <c r="T75" s="17">
        <v>5.1031300000000002</v>
      </c>
      <c r="U75" s="17">
        <v>3.9887800000000002</v>
      </c>
      <c r="V75" s="17">
        <v>2.5248499999999998</v>
      </c>
      <c r="W75" s="17">
        <v>1.92</v>
      </c>
      <c r="X75" s="17">
        <v>1.9726900000000001</v>
      </c>
      <c r="Y75" s="17">
        <v>2.2727300000000001</v>
      </c>
      <c r="Z75" s="17">
        <v>8.3331999999999997</v>
      </c>
      <c r="AA75" s="17">
        <v>6.2710999999999997</v>
      </c>
      <c r="AB75" s="17">
        <v>3.7317800000000001</v>
      </c>
      <c r="AC75" s="17">
        <v>2.2955199999999998</v>
      </c>
      <c r="AD75" s="17">
        <v>9.2533600000000007</v>
      </c>
    </row>
    <row r="76" spans="1:30">
      <c r="A76" s="21" t="s">
        <v>240</v>
      </c>
      <c r="B76" s="21" t="s">
        <v>237</v>
      </c>
      <c r="C76" s="21" t="s">
        <v>265</v>
      </c>
      <c r="D76" s="21" t="s">
        <v>395</v>
      </c>
      <c r="E76" s="21" t="s">
        <v>215</v>
      </c>
      <c r="F76" s="21" t="s">
        <v>466</v>
      </c>
      <c r="G76" s="17">
        <v>28.089040000000001</v>
      </c>
      <c r="H76" s="17">
        <v>99.695639999999997</v>
      </c>
      <c r="I76" s="17">
        <v>90.923910000000006</v>
      </c>
      <c r="J76" s="17">
        <v>66.617930000000001</v>
      </c>
      <c r="K76" s="17">
        <v>46.450299999999999</v>
      </c>
      <c r="L76" s="17">
        <v>34.099229999999999</v>
      </c>
      <c r="M76" s="17">
        <v>28.502559999999999</v>
      </c>
      <c r="N76" s="17">
        <v>27.45044</v>
      </c>
      <c r="O76" s="17">
        <v>24.72071</v>
      </c>
      <c r="P76" s="17">
        <v>20.501750000000001</v>
      </c>
      <c r="Q76" s="17">
        <v>16.817630000000001</v>
      </c>
      <c r="R76" s="17">
        <v>11.82352</v>
      </c>
      <c r="S76" s="17">
        <v>7.3234500000000002</v>
      </c>
      <c r="T76" s="17">
        <v>4.0983599999999996</v>
      </c>
      <c r="U76" s="17">
        <v>1.3578300000000001</v>
      </c>
      <c r="V76" s="17">
        <v>1.0913299999999999</v>
      </c>
      <c r="W76" s="17">
        <v>0.43042000000000002</v>
      </c>
      <c r="X76" s="17">
        <v>0</v>
      </c>
      <c r="Y76" s="17">
        <v>0</v>
      </c>
      <c r="Z76" s="17">
        <v>40.620600000000003</v>
      </c>
      <c r="AA76" s="17">
        <v>6.1176500000000003</v>
      </c>
      <c r="AB76" s="17">
        <v>2.2583799999999998</v>
      </c>
      <c r="AC76" s="17">
        <v>0.85938000000000003</v>
      </c>
      <c r="AD76" s="17">
        <v>31.079360000000001</v>
      </c>
    </row>
    <row r="77" spans="1:30">
      <c r="A77" s="21" t="s">
        <v>240</v>
      </c>
      <c r="B77" s="21" t="s">
        <v>237</v>
      </c>
      <c r="C77" s="21" t="s">
        <v>265</v>
      </c>
      <c r="D77" s="21" t="s">
        <v>395</v>
      </c>
      <c r="E77" s="21" t="s">
        <v>215</v>
      </c>
      <c r="F77" s="21" t="s">
        <v>467</v>
      </c>
      <c r="G77" s="17">
        <v>61.830919999999999</v>
      </c>
      <c r="H77" s="17">
        <v>0.30436000000000002</v>
      </c>
      <c r="I77" s="17">
        <v>8.6412999999999993</v>
      </c>
      <c r="J77" s="17">
        <v>31.773879999999998</v>
      </c>
      <c r="K77" s="17">
        <v>49.574039999999997</v>
      </c>
      <c r="L77" s="17">
        <v>60.572760000000002</v>
      </c>
      <c r="M77" s="17">
        <v>65.652299999999997</v>
      </c>
      <c r="N77" s="17">
        <v>63.491190000000003</v>
      </c>
      <c r="O77" s="17">
        <v>64.480090000000004</v>
      </c>
      <c r="P77" s="17">
        <v>68.519019999999998</v>
      </c>
      <c r="Q77" s="17">
        <v>71.799270000000007</v>
      </c>
      <c r="R77" s="17">
        <v>75.787869999999998</v>
      </c>
      <c r="S77" s="17">
        <v>80.187449999999998</v>
      </c>
      <c r="T77" s="17">
        <v>82.912989999999994</v>
      </c>
      <c r="U77" s="17">
        <v>82.867410000000007</v>
      </c>
      <c r="V77" s="17">
        <v>72.027569999999997</v>
      </c>
      <c r="W77" s="17">
        <v>60.975610000000003</v>
      </c>
      <c r="X77" s="17">
        <v>35.714289999999998</v>
      </c>
      <c r="Y77" s="17">
        <v>40</v>
      </c>
      <c r="Z77" s="17">
        <v>52.600569999999998</v>
      </c>
      <c r="AA77" s="17">
        <v>78.014349999999993</v>
      </c>
      <c r="AB77" s="17">
        <v>78.047600000000003</v>
      </c>
      <c r="AC77" s="17">
        <v>67.304689999999994</v>
      </c>
      <c r="AD77" s="17">
        <v>60.717500000000001</v>
      </c>
    </row>
    <row r="78" spans="1:30">
      <c r="A78" s="21" t="s">
        <v>240</v>
      </c>
      <c r="B78" s="21" t="s">
        <v>237</v>
      </c>
      <c r="C78" s="21" t="s">
        <v>265</v>
      </c>
      <c r="D78" s="21" t="s">
        <v>395</v>
      </c>
      <c r="E78" s="21" t="s">
        <v>215</v>
      </c>
      <c r="F78" s="21" t="s">
        <v>468</v>
      </c>
      <c r="G78" s="17">
        <v>4.1499899999999998</v>
      </c>
      <c r="H78" s="17">
        <v>0</v>
      </c>
      <c r="I78" s="17">
        <v>0</v>
      </c>
      <c r="J78" s="17">
        <v>0</v>
      </c>
      <c r="K78" s="17">
        <v>0</v>
      </c>
      <c r="L78" s="17">
        <v>0.13320000000000001</v>
      </c>
      <c r="M78" s="17">
        <v>0.15065000000000001</v>
      </c>
      <c r="N78" s="17">
        <v>0.44052999999999998</v>
      </c>
      <c r="O78" s="17">
        <v>0.68747999999999998</v>
      </c>
      <c r="P78" s="17">
        <v>1.1869400000000001</v>
      </c>
      <c r="Q78" s="17">
        <v>2.0562999999999998</v>
      </c>
      <c r="R78" s="17">
        <v>3.8035199999999998</v>
      </c>
      <c r="S78" s="17">
        <v>5.5361799999999999</v>
      </c>
      <c r="T78" s="17">
        <v>8.9533400000000007</v>
      </c>
      <c r="U78" s="17">
        <v>12.73962</v>
      </c>
      <c r="V78" s="17">
        <v>25.330269999999999</v>
      </c>
      <c r="W78" s="17">
        <v>37.876609999999999</v>
      </c>
      <c r="X78" s="17">
        <v>63.392859999999999</v>
      </c>
      <c r="Y78" s="17">
        <v>60</v>
      </c>
      <c r="Z78" s="17">
        <v>0.57935999999999999</v>
      </c>
      <c r="AA78" s="17">
        <v>10.41033</v>
      </c>
      <c r="AB78" s="17">
        <v>16.816420000000001</v>
      </c>
      <c r="AC78" s="17">
        <v>30.546880000000002</v>
      </c>
      <c r="AD78" s="17">
        <v>1.09334</v>
      </c>
    </row>
    <row r="79" spans="1:30">
      <c r="A79" s="21" t="s">
        <v>240</v>
      </c>
      <c r="B79" s="21" t="s">
        <v>237</v>
      </c>
      <c r="C79" s="21" t="s">
        <v>265</v>
      </c>
      <c r="D79" s="21" t="s">
        <v>395</v>
      </c>
      <c r="E79" s="21" t="s">
        <v>215</v>
      </c>
      <c r="F79" s="21" t="s">
        <v>469</v>
      </c>
      <c r="G79" s="17">
        <v>5.9300499999999996</v>
      </c>
      <c r="H79" s="17">
        <v>0</v>
      </c>
      <c r="I79" s="17">
        <v>0.43478</v>
      </c>
      <c r="J79" s="17">
        <v>1.60819</v>
      </c>
      <c r="K79" s="17">
        <v>3.97566</v>
      </c>
      <c r="L79" s="17">
        <v>5.1948100000000004</v>
      </c>
      <c r="M79" s="17">
        <v>5.6944900000000001</v>
      </c>
      <c r="N79" s="17">
        <v>8.6178399999999993</v>
      </c>
      <c r="O79" s="17">
        <v>10.11172</v>
      </c>
      <c r="P79" s="17">
        <v>9.7922799999999999</v>
      </c>
      <c r="Q79" s="17">
        <v>9.32681</v>
      </c>
      <c r="R79" s="17">
        <v>8.5850899999999992</v>
      </c>
      <c r="S79" s="17">
        <v>6.9529199999999998</v>
      </c>
      <c r="T79" s="17">
        <v>4.03531</v>
      </c>
      <c r="U79" s="17">
        <v>3.0351400000000002</v>
      </c>
      <c r="V79" s="17">
        <v>1.5508299999999999</v>
      </c>
      <c r="W79" s="17">
        <v>0.71736</v>
      </c>
      <c r="X79" s="17">
        <v>0.89285999999999999</v>
      </c>
      <c r="Y79" s="17">
        <v>0</v>
      </c>
      <c r="Z79" s="17">
        <v>6.1994699999999998</v>
      </c>
      <c r="AA79" s="17">
        <v>5.4576799999999999</v>
      </c>
      <c r="AB79" s="17">
        <v>2.8776099999999998</v>
      </c>
      <c r="AC79" s="17">
        <v>1.2890600000000001</v>
      </c>
      <c r="AD79" s="17">
        <v>7.1097999999999999</v>
      </c>
    </row>
    <row r="80" spans="1:30">
      <c r="A80" s="21" t="s">
        <v>240</v>
      </c>
      <c r="B80" s="21" t="s">
        <v>237</v>
      </c>
      <c r="C80" s="21" t="s">
        <v>265</v>
      </c>
      <c r="D80" s="21" t="s">
        <v>395</v>
      </c>
      <c r="E80" s="21" t="s">
        <v>216</v>
      </c>
      <c r="F80" s="21" t="s">
        <v>466</v>
      </c>
      <c r="G80" s="17">
        <v>19.587129999999998</v>
      </c>
      <c r="H80" s="17">
        <v>99.382270000000005</v>
      </c>
      <c r="I80" s="17">
        <v>86.894739999999999</v>
      </c>
      <c r="J80" s="17">
        <v>56.367229999999999</v>
      </c>
      <c r="K80" s="17">
        <v>33.268929999999997</v>
      </c>
      <c r="L80" s="17">
        <v>24.390239999999999</v>
      </c>
      <c r="M80" s="17">
        <v>18.975280000000001</v>
      </c>
      <c r="N80" s="17">
        <v>17.889420000000001</v>
      </c>
      <c r="O80" s="17">
        <v>14.627509999999999</v>
      </c>
      <c r="P80" s="17">
        <v>11.48495</v>
      </c>
      <c r="Q80" s="17">
        <v>7.2597399999999999</v>
      </c>
      <c r="R80" s="17">
        <v>5.9259300000000001</v>
      </c>
      <c r="S80" s="17">
        <v>4.9853399999999999</v>
      </c>
      <c r="T80" s="17">
        <v>4.79739</v>
      </c>
      <c r="U80" s="17">
        <v>3.6535500000000001</v>
      </c>
      <c r="V80" s="17">
        <v>3.58772</v>
      </c>
      <c r="W80" s="17">
        <v>3.7160299999999999</v>
      </c>
      <c r="X80" s="17">
        <v>4.0219399999999998</v>
      </c>
      <c r="Y80" s="17">
        <v>1.2820499999999999</v>
      </c>
      <c r="Z80" s="17">
        <v>31.040410000000001</v>
      </c>
      <c r="AA80" s="17">
        <v>4.6099399999999999</v>
      </c>
      <c r="AB80" s="17">
        <v>4</v>
      </c>
      <c r="AC80" s="17">
        <v>3.6382699999999999</v>
      </c>
      <c r="AD80" s="17">
        <v>21.729579999999999</v>
      </c>
    </row>
    <row r="81" spans="1:30">
      <c r="A81" s="21" t="s">
        <v>240</v>
      </c>
      <c r="B81" s="21" t="s">
        <v>237</v>
      </c>
      <c r="C81" s="21" t="s">
        <v>265</v>
      </c>
      <c r="D81" s="21" t="s">
        <v>395</v>
      </c>
      <c r="E81" s="21" t="s">
        <v>216</v>
      </c>
      <c r="F81" s="21" t="s">
        <v>467</v>
      </c>
      <c r="G81" s="17">
        <v>53.267829999999996</v>
      </c>
      <c r="H81" s="17">
        <v>0.50871999999999995</v>
      </c>
      <c r="I81" s="17">
        <v>11.578950000000001</v>
      </c>
      <c r="J81" s="17">
        <v>38.400790000000001</v>
      </c>
      <c r="K81" s="17">
        <v>58.69397</v>
      </c>
      <c r="L81" s="17">
        <v>64.325199999999995</v>
      </c>
      <c r="M81" s="17">
        <v>66.666669999999996</v>
      </c>
      <c r="N81" s="17">
        <v>66.799570000000003</v>
      </c>
      <c r="O81" s="17">
        <v>68.923330000000007</v>
      </c>
      <c r="P81" s="17">
        <v>69.896280000000004</v>
      </c>
      <c r="Q81" s="17">
        <v>73.242679999999993</v>
      </c>
      <c r="R81" s="17">
        <v>71.671670000000006</v>
      </c>
      <c r="S81" s="17">
        <v>65.395889999999994</v>
      </c>
      <c r="T81" s="17">
        <v>55.472749999999998</v>
      </c>
      <c r="U81" s="17">
        <v>40.061320000000002</v>
      </c>
      <c r="V81" s="17">
        <v>22.2256</v>
      </c>
      <c r="W81" s="17">
        <v>9.4841899999999999</v>
      </c>
      <c r="X81" s="17">
        <v>5.8500899999999998</v>
      </c>
      <c r="Y81" s="17">
        <v>0</v>
      </c>
      <c r="Z81" s="17">
        <v>56.430160000000001</v>
      </c>
      <c r="AA81" s="17">
        <v>49.13252</v>
      </c>
      <c r="AB81" s="17">
        <v>35.073610000000002</v>
      </c>
      <c r="AC81" s="17">
        <v>16.337240000000001</v>
      </c>
      <c r="AD81" s="17">
        <v>63.261369999999999</v>
      </c>
    </row>
    <row r="82" spans="1:30">
      <c r="A82" s="21" t="s">
        <v>240</v>
      </c>
      <c r="B82" s="21" t="s">
        <v>237</v>
      </c>
      <c r="C82" s="21" t="s">
        <v>265</v>
      </c>
      <c r="D82" s="21" t="s">
        <v>395</v>
      </c>
      <c r="E82" s="21" t="s">
        <v>216</v>
      </c>
      <c r="F82" s="21" t="s">
        <v>468</v>
      </c>
      <c r="G82" s="17">
        <v>18.27459</v>
      </c>
      <c r="H82" s="17">
        <v>0</v>
      </c>
      <c r="I82" s="17">
        <v>0</v>
      </c>
      <c r="J82" s="17">
        <v>9.8720000000000002E-2</v>
      </c>
      <c r="K82" s="17">
        <v>0.34776000000000001</v>
      </c>
      <c r="L82" s="17">
        <v>0.55284999999999995</v>
      </c>
      <c r="M82" s="17">
        <v>0.86387000000000003</v>
      </c>
      <c r="N82" s="17">
        <v>1.19617</v>
      </c>
      <c r="O82" s="17">
        <v>1.7944500000000001</v>
      </c>
      <c r="P82" s="17">
        <v>4.8064799999999996</v>
      </c>
      <c r="Q82" s="17">
        <v>7.1214599999999999</v>
      </c>
      <c r="R82" s="17">
        <v>11.631629999999999</v>
      </c>
      <c r="S82" s="17">
        <v>19.433039999999998</v>
      </c>
      <c r="T82" s="17">
        <v>33.837910000000001</v>
      </c>
      <c r="U82" s="17">
        <v>51.686250000000001</v>
      </c>
      <c r="V82" s="17">
        <v>71.146249999999995</v>
      </c>
      <c r="W82" s="17">
        <v>84.414860000000004</v>
      </c>
      <c r="X82" s="17">
        <v>87.934190000000001</v>
      </c>
      <c r="Y82" s="17">
        <v>96.153850000000006</v>
      </c>
      <c r="Z82" s="17">
        <v>2.1221800000000002</v>
      </c>
      <c r="AA82" s="17">
        <v>39.396709999999999</v>
      </c>
      <c r="AB82" s="17">
        <v>56.689410000000002</v>
      </c>
      <c r="AC82" s="17">
        <v>77.278289999999998</v>
      </c>
      <c r="AD82" s="17">
        <v>3.7062300000000001</v>
      </c>
    </row>
    <row r="83" spans="1:30">
      <c r="A83" s="21" t="s">
        <v>240</v>
      </c>
      <c r="B83" s="21" t="s">
        <v>237</v>
      </c>
      <c r="C83" s="21" t="s">
        <v>265</v>
      </c>
      <c r="D83" s="21" t="s">
        <v>395</v>
      </c>
      <c r="E83" s="21" t="s">
        <v>216</v>
      </c>
      <c r="F83" s="21" t="s">
        <v>469</v>
      </c>
      <c r="G83" s="17">
        <v>8.8704599999999996</v>
      </c>
      <c r="H83" s="17">
        <v>0.10901</v>
      </c>
      <c r="I83" s="17">
        <v>1.5263199999999999</v>
      </c>
      <c r="J83" s="17">
        <v>5.1332700000000004</v>
      </c>
      <c r="K83" s="17">
        <v>7.6893399999999996</v>
      </c>
      <c r="L83" s="17">
        <v>10.73171</v>
      </c>
      <c r="M83" s="17">
        <v>13.49419</v>
      </c>
      <c r="N83" s="17">
        <v>14.11483</v>
      </c>
      <c r="O83" s="17">
        <v>14.6547</v>
      </c>
      <c r="P83" s="17">
        <v>13.812290000000001</v>
      </c>
      <c r="Q83" s="17">
        <v>12.37612</v>
      </c>
      <c r="R83" s="17">
        <v>10.770770000000001</v>
      </c>
      <c r="S83" s="17">
        <v>10.18573</v>
      </c>
      <c r="T83" s="17">
        <v>5.89194</v>
      </c>
      <c r="U83" s="17">
        <v>4.5988800000000003</v>
      </c>
      <c r="V83" s="17">
        <v>3.0404399999999998</v>
      </c>
      <c r="W83" s="17">
        <v>2.3849100000000001</v>
      </c>
      <c r="X83" s="17">
        <v>2.1937799999999998</v>
      </c>
      <c r="Y83" s="17">
        <v>2.5640999999999998</v>
      </c>
      <c r="Z83" s="17">
        <v>10.407249999999999</v>
      </c>
      <c r="AA83" s="17">
        <v>6.86083</v>
      </c>
      <c r="AB83" s="17">
        <v>4.23698</v>
      </c>
      <c r="AC83" s="17">
        <v>2.7462</v>
      </c>
      <c r="AD83" s="17">
        <v>11.302820000000001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C052745-5179-4720-8DB6-41ABE545F5B0}">
  <sheetPr>
    <pageSetUpPr fitToPage="1"/>
  </sheetPr>
  <dimension ref="A1:AE120"/>
  <sheetViews>
    <sheetView zoomScaleNormal="100" workbookViewId="0">
      <pane xSplit="6" ySplit="12" topLeftCell="G13" activePane="bottomRight" state="frozen"/>
      <selection pane="topRight" activeCell="Z1" sqref="Z1"/>
      <selection pane="bottomLeft" activeCell="A23" sqref="A23"/>
      <selection pane="bottomRight" activeCell="B10" sqref="B10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21.875" style="20" bestFit="1" customWidth="1"/>
    <col min="4" max="4" width="16.25" style="20" customWidth="1"/>
    <col min="5" max="5" width="12.625" style="20"/>
    <col min="6" max="6" width="18" style="20" bestFit="1" customWidth="1"/>
    <col min="7" max="16384" width="12.625" style="20"/>
  </cols>
  <sheetData>
    <row r="1" spans="1:31" s="11" customFormat="1">
      <c r="A1" s="11" t="s">
        <v>192</v>
      </c>
    </row>
    <row r="2" spans="1:31" s="11" customFormat="1">
      <c r="A2" s="11" t="s">
        <v>477</v>
      </c>
    </row>
    <row r="3" spans="1:31" s="11" customFormat="1"/>
    <row r="4" spans="1:31" s="11" customFormat="1" outlineLevel="1">
      <c r="A4" s="11" t="s">
        <v>442</v>
      </c>
    </row>
    <row r="5" spans="1:31" s="11" customFormat="1" outlineLevel="1">
      <c r="A5" s="11" t="s">
        <v>278</v>
      </c>
    </row>
    <row r="6" spans="1:31" s="11" customFormat="1" outlineLevel="1">
      <c r="A6" s="11" t="s">
        <v>397</v>
      </c>
    </row>
    <row r="7" spans="1:31" s="11" customFormat="1">
      <c r="G7" s="12" t="s">
        <v>200</v>
      </c>
      <c r="H7" s="12" t="s">
        <v>200</v>
      </c>
      <c r="I7" s="12" t="s">
        <v>200</v>
      </c>
      <c r="J7" s="12" t="s">
        <v>200</v>
      </c>
      <c r="K7" s="12" t="s">
        <v>200</v>
      </c>
      <c r="L7" s="12" t="s">
        <v>200</v>
      </c>
      <c r="M7" s="12" t="s">
        <v>200</v>
      </c>
      <c r="N7" s="12" t="s">
        <v>200</v>
      </c>
      <c r="O7" s="12" t="s">
        <v>200</v>
      </c>
      <c r="P7" s="12" t="s">
        <v>200</v>
      </c>
      <c r="Q7" s="12" t="s">
        <v>200</v>
      </c>
      <c r="R7" s="12" t="s">
        <v>200</v>
      </c>
      <c r="S7" s="12" t="s">
        <v>200</v>
      </c>
      <c r="T7" s="12" t="s">
        <v>200</v>
      </c>
      <c r="U7" s="12" t="s">
        <v>200</v>
      </c>
      <c r="V7" s="12" t="s">
        <v>200</v>
      </c>
      <c r="W7" s="12" t="s">
        <v>200</v>
      </c>
      <c r="X7" s="12" t="s">
        <v>200</v>
      </c>
      <c r="Y7" s="12" t="s">
        <v>200</v>
      </c>
      <c r="Z7" s="12" t="s">
        <v>200</v>
      </c>
      <c r="AA7" s="12" t="s">
        <v>200</v>
      </c>
      <c r="AB7" s="12" t="s">
        <v>200</v>
      </c>
      <c r="AC7" s="12" t="s">
        <v>200</v>
      </c>
      <c r="AD7" s="12" t="s">
        <v>200</v>
      </c>
      <c r="AE7" s="12" t="s">
        <v>280</v>
      </c>
    </row>
    <row r="8" spans="1:31" s="11" customFormat="1">
      <c r="G8" s="12" t="s">
        <v>282</v>
      </c>
      <c r="H8" s="12" t="s">
        <v>282</v>
      </c>
      <c r="I8" s="12" t="s">
        <v>282</v>
      </c>
      <c r="J8" s="12" t="s">
        <v>282</v>
      </c>
      <c r="K8" s="12" t="s">
        <v>282</v>
      </c>
      <c r="L8" s="12" t="s">
        <v>282</v>
      </c>
      <c r="M8" s="12" t="s">
        <v>282</v>
      </c>
      <c r="N8" s="12" t="s">
        <v>282</v>
      </c>
      <c r="O8" s="12" t="s">
        <v>282</v>
      </c>
      <c r="P8" s="12" t="s">
        <v>282</v>
      </c>
      <c r="Q8" s="12" t="s">
        <v>282</v>
      </c>
      <c r="R8" s="12" t="s">
        <v>282</v>
      </c>
      <c r="S8" s="12" t="s">
        <v>282</v>
      </c>
      <c r="T8" s="12" t="s">
        <v>282</v>
      </c>
      <c r="U8" s="12" t="s">
        <v>282</v>
      </c>
      <c r="V8" s="12" t="s">
        <v>282</v>
      </c>
      <c r="W8" s="12" t="s">
        <v>282</v>
      </c>
      <c r="X8" s="12" t="s">
        <v>282</v>
      </c>
      <c r="Y8" s="12" t="s">
        <v>282</v>
      </c>
      <c r="Z8" s="12" t="s">
        <v>282</v>
      </c>
      <c r="AA8" s="12" t="s">
        <v>282</v>
      </c>
      <c r="AB8" s="12" t="s">
        <v>282</v>
      </c>
      <c r="AC8" s="12" t="s">
        <v>282</v>
      </c>
      <c r="AD8" s="12" t="s">
        <v>282</v>
      </c>
      <c r="AE8" s="12"/>
    </row>
    <row r="9" spans="1:31" s="11" customFormat="1">
      <c r="G9" s="12">
        <v>1</v>
      </c>
      <c r="H9" s="12">
        <v>1</v>
      </c>
      <c r="I9" s="12">
        <v>1</v>
      </c>
      <c r="J9" s="12">
        <v>1</v>
      </c>
      <c r="K9" s="12">
        <v>1</v>
      </c>
      <c r="L9" s="12">
        <v>1</v>
      </c>
      <c r="M9" s="12">
        <v>1</v>
      </c>
      <c r="N9" s="12">
        <v>1</v>
      </c>
      <c r="O9" s="12">
        <v>1</v>
      </c>
      <c r="P9" s="12">
        <v>1</v>
      </c>
      <c r="Q9" s="12">
        <v>1</v>
      </c>
      <c r="R9" s="12">
        <v>1</v>
      </c>
      <c r="S9" s="12">
        <v>1</v>
      </c>
      <c r="T9" s="12">
        <v>1</v>
      </c>
      <c r="U9" s="12">
        <v>1</v>
      </c>
      <c r="V9" s="12">
        <v>1</v>
      </c>
      <c r="W9" s="12">
        <v>1</v>
      </c>
      <c r="X9" s="12">
        <v>1</v>
      </c>
      <c r="Y9" s="12">
        <v>1</v>
      </c>
      <c r="Z9" s="12">
        <v>1</v>
      </c>
      <c r="AA9" s="12">
        <v>1</v>
      </c>
      <c r="AB9" s="12">
        <v>1</v>
      </c>
      <c r="AC9" s="12">
        <v>1</v>
      </c>
      <c r="AD9" s="12">
        <v>1</v>
      </c>
      <c r="AE9" s="12"/>
    </row>
    <row r="10" spans="1:31" s="11" customFormat="1" ht="24">
      <c r="G10" s="12" t="s">
        <v>401</v>
      </c>
      <c r="H10" s="12" t="s">
        <v>443</v>
      </c>
      <c r="I10" s="12" t="s">
        <v>444</v>
      </c>
      <c r="J10" s="12" t="s">
        <v>445</v>
      </c>
      <c r="K10" s="12" t="s">
        <v>446</v>
      </c>
      <c r="L10" s="12" t="s">
        <v>447</v>
      </c>
      <c r="M10" s="12" t="s">
        <v>448</v>
      </c>
      <c r="N10" s="12" t="s">
        <v>449</v>
      </c>
      <c r="O10" s="12" t="s">
        <v>450</v>
      </c>
      <c r="P10" s="12" t="s">
        <v>451</v>
      </c>
      <c r="Q10" s="12" t="s">
        <v>452</v>
      </c>
      <c r="R10" s="12" t="s">
        <v>453</v>
      </c>
      <c r="S10" s="12" t="s">
        <v>454</v>
      </c>
      <c r="T10" s="12" t="s">
        <v>455</v>
      </c>
      <c r="U10" s="12" t="s">
        <v>456</v>
      </c>
      <c r="V10" s="12" t="s">
        <v>457</v>
      </c>
      <c r="W10" s="12" t="s">
        <v>458</v>
      </c>
      <c r="X10" s="12" t="s">
        <v>459</v>
      </c>
      <c r="Y10" s="12" t="s">
        <v>460</v>
      </c>
      <c r="Z10" s="12" t="s">
        <v>461</v>
      </c>
      <c r="AA10" s="12" t="s">
        <v>462</v>
      </c>
      <c r="AB10" s="12" t="s">
        <v>463</v>
      </c>
      <c r="AC10" s="12" t="s">
        <v>464</v>
      </c>
      <c r="AD10" s="12" t="s">
        <v>431</v>
      </c>
      <c r="AE10" s="12"/>
    </row>
    <row r="11" spans="1:31" s="11" customFormat="1">
      <c r="G11" s="13" t="s">
        <v>219</v>
      </c>
      <c r="H11" s="13" t="s">
        <v>219</v>
      </c>
      <c r="I11" s="13" t="s">
        <v>219</v>
      </c>
      <c r="J11" s="13" t="s">
        <v>219</v>
      </c>
      <c r="K11" s="13" t="s">
        <v>219</v>
      </c>
      <c r="L11" s="13" t="s">
        <v>219</v>
      </c>
      <c r="M11" s="13" t="s">
        <v>219</v>
      </c>
      <c r="N11" s="13" t="s">
        <v>219</v>
      </c>
      <c r="O11" s="13" t="s">
        <v>219</v>
      </c>
      <c r="P11" s="13" t="s">
        <v>219</v>
      </c>
      <c r="Q11" s="13" t="s">
        <v>219</v>
      </c>
      <c r="R11" s="13" t="s">
        <v>219</v>
      </c>
      <c r="S11" s="13" t="s">
        <v>219</v>
      </c>
      <c r="T11" s="13" t="s">
        <v>219</v>
      </c>
      <c r="U11" s="13" t="s">
        <v>219</v>
      </c>
      <c r="V11" s="13" t="s">
        <v>219</v>
      </c>
      <c r="W11" s="13" t="s">
        <v>219</v>
      </c>
      <c r="X11" s="13" t="s">
        <v>219</v>
      </c>
      <c r="Y11" s="13" t="s">
        <v>219</v>
      </c>
      <c r="Z11" s="13" t="s">
        <v>219</v>
      </c>
      <c r="AA11" s="13" t="s">
        <v>219</v>
      </c>
      <c r="AB11" s="13" t="s">
        <v>219</v>
      </c>
      <c r="AC11" s="13" t="s">
        <v>219</v>
      </c>
      <c r="AD11" s="13" t="s">
        <v>219</v>
      </c>
      <c r="AE11" s="13" t="s">
        <v>392</v>
      </c>
    </row>
    <row r="12" spans="1:31" s="11" customFormat="1">
      <c r="A12" s="14" t="s">
        <v>224</v>
      </c>
      <c r="B12" s="14" t="s">
        <v>259</v>
      </c>
      <c r="C12" s="14" t="s">
        <v>260</v>
      </c>
      <c r="D12" s="14" t="s">
        <v>393</v>
      </c>
      <c r="E12" s="14" t="s">
        <v>212</v>
      </c>
      <c r="F12" s="14" t="s">
        <v>465</v>
      </c>
      <c r="G12" s="14" t="s">
        <v>231</v>
      </c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S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E12" s="14"/>
    </row>
    <row r="13" spans="1:31">
      <c r="A13" s="15" t="s">
        <v>232</v>
      </c>
      <c r="B13" s="15" t="s">
        <v>233</v>
      </c>
      <c r="C13" s="15" t="s">
        <v>262</v>
      </c>
      <c r="D13" s="15" t="s">
        <v>394</v>
      </c>
      <c r="E13" s="15" t="s">
        <v>214</v>
      </c>
      <c r="F13" s="15" t="s">
        <v>214</v>
      </c>
      <c r="G13" s="16">
        <v>75069522</v>
      </c>
      <c r="H13" s="16">
        <v>3973139</v>
      </c>
      <c r="I13" s="16">
        <v>4542266</v>
      </c>
      <c r="J13" s="16">
        <v>4637686</v>
      </c>
      <c r="K13" s="16">
        <v>4861469</v>
      </c>
      <c r="L13" s="16">
        <v>5365617</v>
      </c>
      <c r="M13" s="16">
        <v>6024226</v>
      </c>
      <c r="N13" s="16">
        <v>7056057</v>
      </c>
      <c r="O13" s="16">
        <v>6229185</v>
      </c>
      <c r="P13" s="16">
        <v>5422520</v>
      </c>
      <c r="Q13" s="16">
        <v>4724151</v>
      </c>
      <c r="R13" s="16">
        <v>5046796</v>
      </c>
      <c r="S13" s="16">
        <v>5786980</v>
      </c>
      <c r="T13" s="16">
        <v>4549961</v>
      </c>
      <c r="U13" s="16">
        <v>3370406</v>
      </c>
      <c r="V13" s="16">
        <v>2202466</v>
      </c>
      <c r="W13" s="16">
        <v>983383</v>
      </c>
      <c r="X13" s="16">
        <v>253476</v>
      </c>
      <c r="Y13" s="16">
        <v>39738</v>
      </c>
      <c r="Z13" s="16">
        <v>52836316</v>
      </c>
      <c r="AA13" s="16">
        <v>22233206</v>
      </c>
      <c r="AB13" s="16">
        <v>11399430</v>
      </c>
      <c r="AC13" s="16">
        <v>3479063</v>
      </c>
      <c r="AD13" s="16">
        <v>53909973</v>
      </c>
      <c r="AE13" s="17">
        <v>51.751530000000002</v>
      </c>
    </row>
    <row r="14" spans="1:31">
      <c r="A14" s="21" t="s">
        <v>232</v>
      </c>
      <c r="B14" s="21" t="s">
        <v>233</v>
      </c>
      <c r="C14" s="21" t="s">
        <v>262</v>
      </c>
      <c r="D14" s="21" t="s">
        <v>394</v>
      </c>
      <c r="E14" s="21" t="s">
        <v>214</v>
      </c>
      <c r="F14" s="21" t="s">
        <v>466</v>
      </c>
      <c r="G14" s="16">
        <v>20616956</v>
      </c>
      <c r="H14" s="16">
        <v>3932592</v>
      </c>
      <c r="I14" s="16">
        <v>3943793</v>
      </c>
      <c r="J14" s="16">
        <v>2806702</v>
      </c>
      <c r="K14" s="16">
        <v>1824428</v>
      </c>
      <c r="L14" s="16">
        <v>1434356</v>
      </c>
      <c r="M14" s="16">
        <v>1358938</v>
      </c>
      <c r="N14" s="16">
        <v>1491242</v>
      </c>
      <c r="O14" s="16">
        <v>1172392</v>
      </c>
      <c r="P14" s="16">
        <v>822366</v>
      </c>
      <c r="Q14" s="16">
        <v>549950</v>
      </c>
      <c r="R14" s="16">
        <v>464346</v>
      </c>
      <c r="S14" s="16">
        <v>393033</v>
      </c>
      <c r="T14" s="16">
        <v>200327</v>
      </c>
      <c r="U14" s="16">
        <v>112339</v>
      </c>
      <c r="V14" s="16">
        <v>69147</v>
      </c>
      <c r="W14" s="16">
        <v>32445</v>
      </c>
      <c r="X14" s="16">
        <v>7580</v>
      </c>
      <c r="Y14" s="16">
        <v>980</v>
      </c>
      <c r="Z14" s="16">
        <v>19336759</v>
      </c>
      <c r="AA14" s="16">
        <v>1280197</v>
      </c>
      <c r="AB14" s="16">
        <v>422818</v>
      </c>
      <c r="AC14" s="16">
        <v>110152</v>
      </c>
      <c r="AD14" s="16">
        <v>15868513</v>
      </c>
      <c r="AE14" s="17">
        <v>34.561129999999999</v>
      </c>
    </row>
    <row r="15" spans="1:31">
      <c r="A15" s="21" t="s">
        <v>232</v>
      </c>
      <c r="B15" s="21" t="s">
        <v>233</v>
      </c>
      <c r="C15" s="21" t="s">
        <v>262</v>
      </c>
      <c r="D15" s="21" t="s">
        <v>394</v>
      </c>
      <c r="E15" s="21" t="s">
        <v>214</v>
      </c>
      <c r="F15" s="21" t="s">
        <v>467</v>
      </c>
      <c r="G15" s="16">
        <v>41134880</v>
      </c>
      <c r="H15" s="16">
        <v>11061</v>
      </c>
      <c r="I15" s="16">
        <v>230644</v>
      </c>
      <c r="J15" s="16">
        <v>1291551</v>
      </c>
      <c r="K15" s="16">
        <v>2539571</v>
      </c>
      <c r="L15" s="16">
        <v>3391470</v>
      </c>
      <c r="M15" s="16">
        <v>4025304</v>
      </c>
      <c r="N15" s="16">
        <v>4691742</v>
      </c>
      <c r="O15" s="16">
        <v>4167634</v>
      </c>
      <c r="P15" s="16">
        <v>3761809</v>
      </c>
      <c r="Q15" s="16">
        <v>3389822</v>
      </c>
      <c r="R15" s="16">
        <v>3617045</v>
      </c>
      <c r="S15" s="16">
        <v>4049737</v>
      </c>
      <c r="T15" s="16">
        <v>2975215</v>
      </c>
      <c r="U15" s="16">
        <v>1860545</v>
      </c>
      <c r="V15" s="16">
        <v>875925</v>
      </c>
      <c r="W15" s="16">
        <v>227713</v>
      </c>
      <c r="X15" s="16">
        <v>26328</v>
      </c>
      <c r="Y15" s="16">
        <v>1764</v>
      </c>
      <c r="Z15" s="16">
        <v>27500608</v>
      </c>
      <c r="AA15" s="16">
        <v>13634272</v>
      </c>
      <c r="AB15" s="16">
        <v>5967490</v>
      </c>
      <c r="AC15" s="16">
        <v>1131730</v>
      </c>
      <c r="AD15" s="16">
        <v>31106592</v>
      </c>
      <c r="AE15" s="17">
        <v>56.236579999999996</v>
      </c>
    </row>
    <row r="16" spans="1:31">
      <c r="A16" s="21" t="s">
        <v>232</v>
      </c>
      <c r="B16" s="21" t="s">
        <v>233</v>
      </c>
      <c r="C16" s="21" t="s">
        <v>262</v>
      </c>
      <c r="D16" s="21" t="s">
        <v>394</v>
      </c>
      <c r="E16" s="21" t="s">
        <v>214</v>
      </c>
      <c r="F16" s="21" t="s">
        <v>468</v>
      </c>
      <c r="G16" s="16">
        <v>5373739</v>
      </c>
      <c r="H16" s="16">
        <v>279</v>
      </c>
      <c r="I16" s="16">
        <v>847</v>
      </c>
      <c r="J16" s="16">
        <v>1174</v>
      </c>
      <c r="K16" s="16">
        <v>2707</v>
      </c>
      <c r="L16" s="16">
        <v>7194</v>
      </c>
      <c r="M16" s="16">
        <v>17125</v>
      </c>
      <c r="N16" s="16">
        <v>41260</v>
      </c>
      <c r="O16" s="16">
        <v>70520</v>
      </c>
      <c r="P16" s="16">
        <v>119430</v>
      </c>
      <c r="Q16" s="16">
        <v>193419</v>
      </c>
      <c r="R16" s="16">
        <v>368234</v>
      </c>
      <c r="S16" s="16">
        <v>699166</v>
      </c>
      <c r="T16" s="16">
        <v>924604</v>
      </c>
      <c r="U16" s="16">
        <v>1071246</v>
      </c>
      <c r="V16" s="16">
        <v>1028910</v>
      </c>
      <c r="W16" s="16">
        <v>608399</v>
      </c>
      <c r="X16" s="16">
        <v>187850</v>
      </c>
      <c r="Y16" s="16">
        <v>31375</v>
      </c>
      <c r="Z16" s="16">
        <v>453955</v>
      </c>
      <c r="AA16" s="16">
        <v>4919784</v>
      </c>
      <c r="AB16" s="16">
        <v>3852384</v>
      </c>
      <c r="AC16" s="16">
        <v>1856534</v>
      </c>
      <c r="AD16" s="16">
        <v>821910</v>
      </c>
      <c r="AE16" s="17">
        <v>79.876270000000005</v>
      </c>
    </row>
    <row r="17" spans="1:31">
      <c r="A17" s="21" t="s">
        <v>232</v>
      </c>
      <c r="B17" s="21" t="s">
        <v>233</v>
      </c>
      <c r="C17" s="21" t="s">
        <v>262</v>
      </c>
      <c r="D17" s="21" t="s">
        <v>394</v>
      </c>
      <c r="E17" s="21" t="s">
        <v>214</v>
      </c>
      <c r="F17" s="21" t="s">
        <v>469</v>
      </c>
      <c r="G17" s="16">
        <v>3878107</v>
      </c>
      <c r="H17" s="16">
        <v>881</v>
      </c>
      <c r="I17" s="16">
        <v>12528</v>
      </c>
      <c r="J17" s="16">
        <v>50968</v>
      </c>
      <c r="K17" s="16">
        <v>115755</v>
      </c>
      <c r="L17" s="16">
        <v>197472</v>
      </c>
      <c r="M17" s="16">
        <v>301137</v>
      </c>
      <c r="N17" s="16">
        <v>469304</v>
      </c>
      <c r="O17" s="16">
        <v>502833</v>
      </c>
      <c r="P17" s="16">
        <v>481280</v>
      </c>
      <c r="Q17" s="16">
        <v>413937</v>
      </c>
      <c r="R17" s="16">
        <v>417022</v>
      </c>
      <c r="S17" s="16">
        <v>427838</v>
      </c>
      <c r="T17" s="16">
        <v>253431</v>
      </c>
      <c r="U17" s="16">
        <v>137134</v>
      </c>
      <c r="V17" s="16">
        <v>65742</v>
      </c>
      <c r="W17" s="16">
        <v>24426</v>
      </c>
      <c r="X17" s="16">
        <v>5750</v>
      </c>
      <c r="Y17" s="16">
        <v>669</v>
      </c>
      <c r="Z17" s="16">
        <v>2546095</v>
      </c>
      <c r="AA17" s="16">
        <v>1332012</v>
      </c>
      <c r="AB17" s="16">
        <v>487152</v>
      </c>
      <c r="AC17" s="16">
        <v>96587</v>
      </c>
      <c r="AD17" s="16">
        <v>2962236</v>
      </c>
      <c r="AE17" s="17">
        <v>58.429639999999999</v>
      </c>
    </row>
    <row r="18" spans="1:31">
      <c r="A18" s="21" t="s">
        <v>232</v>
      </c>
      <c r="B18" s="21" t="s">
        <v>233</v>
      </c>
      <c r="C18" s="21" t="s">
        <v>262</v>
      </c>
      <c r="D18" s="21" t="s">
        <v>394</v>
      </c>
      <c r="E18" s="21" t="s">
        <v>214</v>
      </c>
      <c r="F18" s="21" t="s">
        <v>470</v>
      </c>
      <c r="G18" s="16">
        <v>4065840</v>
      </c>
      <c r="H18" s="16">
        <v>28326</v>
      </c>
      <c r="I18" s="16">
        <v>354454</v>
      </c>
      <c r="J18" s="16">
        <v>487291</v>
      </c>
      <c r="K18" s="16">
        <v>379008</v>
      </c>
      <c r="L18" s="16">
        <v>335125</v>
      </c>
      <c r="M18" s="16">
        <v>321722</v>
      </c>
      <c r="N18" s="16">
        <v>362509</v>
      </c>
      <c r="O18" s="16">
        <v>315806</v>
      </c>
      <c r="P18" s="16">
        <v>237635</v>
      </c>
      <c r="Q18" s="16">
        <v>177023</v>
      </c>
      <c r="R18" s="16">
        <v>180149</v>
      </c>
      <c r="S18" s="16">
        <v>217206</v>
      </c>
      <c r="T18" s="16">
        <v>196384</v>
      </c>
      <c r="U18" s="16">
        <v>189142</v>
      </c>
      <c r="V18" s="16">
        <v>162742</v>
      </c>
      <c r="W18" s="16">
        <v>90400</v>
      </c>
      <c r="X18" s="16">
        <v>25968</v>
      </c>
      <c r="Y18" s="16">
        <v>4950</v>
      </c>
      <c r="Z18" s="16">
        <v>2998899</v>
      </c>
      <c r="AA18" s="16">
        <v>1066941</v>
      </c>
      <c r="AB18" s="16">
        <v>669586</v>
      </c>
      <c r="AC18" s="16">
        <v>284060</v>
      </c>
      <c r="AD18" s="16">
        <v>3150722</v>
      </c>
      <c r="AE18" s="17">
        <v>50.002459999999999</v>
      </c>
    </row>
    <row r="19" spans="1:31">
      <c r="A19" s="21" t="s">
        <v>232</v>
      </c>
      <c r="B19" s="21" t="s">
        <v>233</v>
      </c>
      <c r="C19" s="21" t="s">
        <v>262</v>
      </c>
      <c r="D19" s="21" t="s">
        <v>394</v>
      </c>
      <c r="E19" s="21" t="s">
        <v>215</v>
      </c>
      <c r="F19" s="21" t="s">
        <v>214</v>
      </c>
      <c r="G19" s="16">
        <v>36140346</v>
      </c>
      <c r="H19" s="16">
        <v>2025156</v>
      </c>
      <c r="I19" s="16">
        <v>2291005</v>
      </c>
      <c r="J19" s="16">
        <v>2337208</v>
      </c>
      <c r="K19" s="16">
        <v>2454389</v>
      </c>
      <c r="L19" s="16">
        <v>2697285</v>
      </c>
      <c r="M19" s="16">
        <v>3020633</v>
      </c>
      <c r="N19" s="16">
        <v>3531177</v>
      </c>
      <c r="O19" s="16">
        <v>3116160</v>
      </c>
      <c r="P19" s="16">
        <v>2704275</v>
      </c>
      <c r="Q19" s="16">
        <v>2323739</v>
      </c>
      <c r="R19" s="16">
        <v>2418826</v>
      </c>
      <c r="S19" s="16">
        <v>2681509</v>
      </c>
      <c r="T19" s="16">
        <v>2010222</v>
      </c>
      <c r="U19" s="16">
        <v>1397965</v>
      </c>
      <c r="V19" s="16">
        <v>794910</v>
      </c>
      <c r="W19" s="16">
        <v>280661</v>
      </c>
      <c r="X19" s="16">
        <v>50084</v>
      </c>
      <c r="Y19" s="16">
        <v>5142</v>
      </c>
      <c r="Z19" s="16">
        <v>26501027</v>
      </c>
      <c r="AA19" s="16">
        <v>9639319</v>
      </c>
      <c r="AB19" s="16">
        <v>4538984</v>
      </c>
      <c r="AC19" s="16">
        <v>1130797</v>
      </c>
      <c r="AD19" s="16">
        <v>26894697</v>
      </c>
      <c r="AE19" s="17">
        <v>50.393639999999998</v>
      </c>
    </row>
    <row r="20" spans="1:31">
      <c r="A20" s="21" t="s">
        <v>232</v>
      </c>
      <c r="B20" s="21" t="s">
        <v>233</v>
      </c>
      <c r="C20" s="21" t="s">
        <v>262</v>
      </c>
      <c r="D20" s="21" t="s">
        <v>394</v>
      </c>
      <c r="E20" s="21" t="s">
        <v>215</v>
      </c>
      <c r="F20" s="21" t="s">
        <v>466</v>
      </c>
      <c r="G20" s="16">
        <v>11176527</v>
      </c>
      <c r="H20" s="16">
        <v>2004105</v>
      </c>
      <c r="I20" s="16">
        <v>1998652</v>
      </c>
      <c r="J20" s="16">
        <v>1478537</v>
      </c>
      <c r="K20" s="16">
        <v>1020508</v>
      </c>
      <c r="L20" s="16">
        <v>827152</v>
      </c>
      <c r="M20" s="16">
        <v>790513</v>
      </c>
      <c r="N20" s="16">
        <v>878343</v>
      </c>
      <c r="O20" s="16">
        <v>694351</v>
      </c>
      <c r="P20" s="16">
        <v>495740</v>
      </c>
      <c r="Q20" s="16">
        <v>338922</v>
      </c>
      <c r="R20" s="16">
        <v>289979</v>
      </c>
      <c r="S20" s="16">
        <v>220971</v>
      </c>
      <c r="T20" s="16">
        <v>87548</v>
      </c>
      <c r="U20" s="16">
        <v>34800</v>
      </c>
      <c r="V20" s="16">
        <v>12572</v>
      </c>
      <c r="W20" s="16">
        <v>3287</v>
      </c>
      <c r="X20" s="16">
        <v>461</v>
      </c>
      <c r="Y20" s="16">
        <v>86</v>
      </c>
      <c r="Z20" s="16">
        <v>10526823</v>
      </c>
      <c r="AA20" s="16">
        <v>649704</v>
      </c>
      <c r="AB20" s="16">
        <v>138754</v>
      </c>
      <c r="AC20" s="16">
        <v>16406</v>
      </c>
      <c r="AD20" s="16">
        <v>8812697</v>
      </c>
      <c r="AE20" s="17">
        <v>35.093330000000002</v>
      </c>
    </row>
    <row r="21" spans="1:31">
      <c r="A21" s="21" t="s">
        <v>232</v>
      </c>
      <c r="B21" s="21" t="s">
        <v>233</v>
      </c>
      <c r="C21" s="21" t="s">
        <v>262</v>
      </c>
      <c r="D21" s="21" t="s">
        <v>394</v>
      </c>
      <c r="E21" s="21" t="s">
        <v>215</v>
      </c>
      <c r="F21" s="21" t="s">
        <v>467</v>
      </c>
      <c r="G21" s="16">
        <v>20476322</v>
      </c>
      <c r="H21" s="16">
        <v>4576</v>
      </c>
      <c r="I21" s="16">
        <v>89677</v>
      </c>
      <c r="J21" s="16">
        <v>547554</v>
      </c>
      <c r="K21" s="16">
        <v>1160279</v>
      </c>
      <c r="L21" s="16">
        <v>1594536</v>
      </c>
      <c r="M21" s="16">
        <v>1929430</v>
      </c>
      <c r="N21" s="16">
        <v>2268520</v>
      </c>
      <c r="O21" s="16">
        <v>2039416</v>
      </c>
      <c r="P21" s="16">
        <v>1862282</v>
      </c>
      <c r="Q21" s="16">
        <v>1678239</v>
      </c>
      <c r="R21" s="16">
        <v>1789965</v>
      </c>
      <c r="S21" s="16">
        <v>2059400</v>
      </c>
      <c r="T21" s="16">
        <v>1601610</v>
      </c>
      <c r="U21" s="16">
        <v>1094217</v>
      </c>
      <c r="V21" s="16">
        <v>570720</v>
      </c>
      <c r="W21" s="16">
        <v>164344</v>
      </c>
      <c r="X21" s="16">
        <v>20326</v>
      </c>
      <c r="Y21" s="16">
        <v>1231</v>
      </c>
      <c r="Z21" s="16">
        <v>13174509</v>
      </c>
      <c r="AA21" s="16">
        <v>7301813</v>
      </c>
      <c r="AB21" s="16">
        <v>3452448</v>
      </c>
      <c r="AC21" s="16">
        <v>756621</v>
      </c>
      <c r="AD21" s="16">
        <v>14959898</v>
      </c>
      <c r="AE21" s="17">
        <v>57.383470000000003</v>
      </c>
    </row>
    <row r="22" spans="1:31">
      <c r="A22" s="21" t="s">
        <v>232</v>
      </c>
      <c r="B22" s="21" t="s">
        <v>233</v>
      </c>
      <c r="C22" s="21" t="s">
        <v>262</v>
      </c>
      <c r="D22" s="21" t="s">
        <v>394</v>
      </c>
      <c r="E22" s="21" t="s">
        <v>215</v>
      </c>
      <c r="F22" s="21" t="s">
        <v>468</v>
      </c>
      <c r="G22" s="16">
        <v>933823</v>
      </c>
      <c r="H22" s="16">
        <v>121</v>
      </c>
      <c r="I22" s="16">
        <v>283</v>
      </c>
      <c r="J22" s="16">
        <v>324</v>
      </c>
      <c r="K22" s="16">
        <v>715</v>
      </c>
      <c r="L22" s="16">
        <v>1953</v>
      </c>
      <c r="M22" s="16">
        <v>4489</v>
      </c>
      <c r="N22" s="16">
        <v>10678</v>
      </c>
      <c r="O22" s="16">
        <v>17094</v>
      </c>
      <c r="P22" s="16">
        <v>27198</v>
      </c>
      <c r="Q22" s="16">
        <v>42093</v>
      </c>
      <c r="R22" s="16">
        <v>76793</v>
      </c>
      <c r="S22" s="16">
        <v>136572</v>
      </c>
      <c r="T22" s="16">
        <v>160601</v>
      </c>
      <c r="U22" s="16">
        <v>173108</v>
      </c>
      <c r="V22" s="16">
        <v>160219</v>
      </c>
      <c r="W22" s="16">
        <v>92957</v>
      </c>
      <c r="X22" s="16">
        <v>25322</v>
      </c>
      <c r="Y22" s="16">
        <v>3303</v>
      </c>
      <c r="Z22" s="16">
        <v>104948</v>
      </c>
      <c r="AA22" s="16">
        <v>828875</v>
      </c>
      <c r="AB22" s="16">
        <v>615510</v>
      </c>
      <c r="AC22" s="16">
        <v>281801</v>
      </c>
      <c r="AD22" s="16">
        <v>181620</v>
      </c>
      <c r="AE22" s="17">
        <v>78.330290000000005</v>
      </c>
    </row>
    <row r="23" spans="1:31">
      <c r="A23" s="21" t="s">
        <v>232</v>
      </c>
      <c r="B23" s="21" t="s">
        <v>233</v>
      </c>
      <c r="C23" s="21" t="s">
        <v>262</v>
      </c>
      <c r="D23" s="21" t="s">
        <v>394</v>
      </c>
      <c r="E23" s="21" t="s">
        <v>215</v>
      </c>
      <c r="F23" s="21" t="s">
        <v>469</v>
      </c>
      <c r="G23" s="16">
        <v>1328252</v>
      </c>
      <c r="H23" s="16">
        <v>370</v>
      </c>
      <c r="I23" s="16">
        <v>3574</v>
      </c>
      <c r="J23" s="16">
        <v>14703</v>
      </c>
      <c r="K23" s="16">
        <v>35745</v>
      </c>
      <c r="L23" s="16">
        <v>62379</v>
      </c>
      <c r="M23" s="16">
        <v>96866</v>
      </c>
      <c r="N23" s="16">
        <v>153398</v>
      </c>
      <c r="O23" s="16">
        <v>172916</v>
      </c>
      <c r="P23" s="16">
        <v>174239</v>
      </c>
      <c r="Q23" s="16">
        <v>157340</v>
      </c>
      <c r="R23" s="16">
        <v>157102</v>
      </c>
      <c r="S23" s="16">
        <v>155087</v>
      </c>
      <c r="T23" s="16">
        <v>84854</v>
      </c>
      <c r="U23" s="16">
        <v>40947</v>
      </c>
      <c r="V23" s="16">
        <v>14903</v>
      </c>
      <c r="W23" s="16">
        <v>3339</v>
      </c>
      <c r="X23" s="16">
        <v>447</v>
      </c>
      <c r="Y23" s="16">
        <v>43</v>
      </c>
      <c r="Z23" s="16">
        <v>871530</v>
      </c>
      <c r="AA23" s="16">
        <v>456722</v>
      </c>
      <c r="AB23" s="16">
        <v>144533</v>
      </c>
      <c r="AC23" s="16">
        <v>18732</v>
      </c>
      <c r="AD23" s="16">
        <v>1028262</v>
      </c>
      <c r="AE23" s="17">
        <v>58.5473</v>
      </c>
    </row>
    <row r="24" spans="1:31">
      <c r="A24" s="21" t="s">
        <v>232</v>
      </c>
      <c r="B24" s="21" t="s">
        <v>233</v>
      </c>
      <c r="C24" s="21" t="s">
        <v>262</v>
      </c>
      <c r="D24" s="21" t="s">
        <v>394</v>
      </c>
      <c r="E24" s="21" t="s">
        <v>215</v>
      </c>
      <c r="F24" s="21" t="s">
        <v>470</v>
      </c>
      <c r="G24" s="16">
        <v>2225422</v>
      </c>
      <c r="H24" s="16">
        <v>15984</v>
      </c>
      <c r="I24" s="16">
        <v>198819</v>
      </c>
      <c r="J24" s="16">
        <v>296090</v>
      </c>
      <c r="K24" s="16">
        <v>237142</v>
      </c>
      <c r="L24" s="16">
        <v>211265</v>
      </c>
      <c r="M24" s="16">
        <v>199335</v>
      </c>
      <c r="N24" s="16">
        <v>220238</v>
      </c>
      <c r="O24" s="16">
        <v>192383</v>
      </c>
      <c r="P24" s="16">
        <v>144816</v>
      </c>
      <c r="Q24" s="16">
        <v>107145</v>
      </c>
      <c r="R24" s="16">
        <v>104987</v>
      </c>
      <c r="S24" s="16">
        <v>109479</v>
      </c>
      <c r="T24" s="16">
        <v>75609</v>
      </c>
      <c r="U24" s="16">
        <v>54893</v>
      </c>
      <c r="V24" s="16">
        <v>36496</v>
      </c>
      <c r="W24" s="16">
        <v>16734</v>
      </c>
      <c r="X24" s="16">
        <v>3528</v>
      </c>
      <c r="Y24" s="16">
        <v>479</v>
      </c>
      <c r="Z24" s="16">
        <v>1823217</v>
      </c>
      <c r="AA24" s="16">
        <v>402205</v>
      </c>
      <c r="AB24" s="16">
        <v>187739</v>
      </c>
      <c r="AC24" s="16">
        <v>57237</v>
      </c>
      <c r="AD24" s="16">
        <v>1912220</v>
      </c>
      <c r="AE24" s="17">
        <v>46.331679999999999</v>
      </c>
    </row>
    <row r="25" spans="1:31">
      <c r="A25" s="21" t="s">
        <v>232</v>
      </c>
      <c r="B25" s="21" t="s">
        <v>233</v>
      </c>
      <c r="C25" s="21" t="s">
        <v>262</v>
      </c>
      <c r="D25" s="21" t="s">
        <v>394</v>
      </c>
      <c r="E25" s="21" t="s">
        <v>216</v>
      </c>
      <c r="F25" s="21" t="s">
        <v>214</v>
      </c>
      <c r="G25" s="16">
        <v>38929176</v>
      </c>
      <c r="H25" s="16">
        <v>1947983</v>
      </c>
      <c r="I25" s="16">
        <v>2251261</v>
      </c>
      <c r="J25" s="16">
        <v>2300478</v>
      </c>
      <c r="K25" s="16">
        <v>2407080</v>
      </c>
      <c r="L25" s="16">
        <v>2668332</v>
      </c>
      <c r="M25" s="16">
        <v>3003593</v>
      </c>
      <c r="N25" s="16">
        <v>3524880</v>
      </c>
      <c r="O25" s="16">
        <v>3113025</v>
      </c>
      <c r="P25" s="16">
        <v>2718245</v>
      </c>
      <c r="Q25" s="16">
        <v>2400412</v>
      </c>
      <c r="R25" s="16">
        <v>2627970</v>
      </c>
      <c r="S25" s="16">
        <v>3105471</v>
      </c>
      <c r="T25" s="16">
        <v>2539739</v>
      </c>
      <c r="U25" s="16">
        <v>1972441</v>
      </c>
      <c r="V25" s="16">
        <v>1407556</v>
      </c>
      <c r="W25" s="16">
        <v>702722</v>
      </c>
      <c r="X25" s="16">
        <v>203392</v>
      </c>
      <c r="Y25" s="16">
        <v>34596</v>
      </c>
      <c r="Z25" s="16">
        <v>26335289</v>
      </c>
      <c r="AA25" s="16">
        <v>12593887</v>
      </c>
      <c r="AB25" s="16">
        <v>6860446</v>
      </c>
      <c r="AC25" s="16">
        <v>2348266</v>
      </c>
      <c r="AD25" s="16">
        <v>27015276</v>
      </c>
      <c r="AE25" s="17">
        <v>53.012149999999998</v>
      </c>
    </row>
    <row r="26" spans="1:31">
      <c r="A26" s="21" t="s">
        <v>232</v>
      </c>
      <c r="B26" s="21" t="s">
        <v>233</v>
      </c>
      <c r="C26" s="21" t="s">
        <v>262</v>
      </c>
      <c r="D26" s="21" t="s">
        <v>394</v>
      </c>
      <c r="E26" s="21" t="s">
        <v>216</v>
      </c>
      <c r="F26" s="21" t="s">
        <v>466</v>
      </c>
      <c r="G26" s="16">
        <v>9440429</v>
      </c>
      <c r="H26" s="16">
        <v>1928487</v>
      </c>
      <c r="I26" s="16">
        <v>1945141</v>
      </c>
      <c r="J26" s="16">
        <v>1328165</v>
      </c>
      <c r="K26" s="16">
        <v>803920</v>
      </c>
      <c r="L26" s="16">
        <v>607204</v>
      </c>
      <c r="M26" s="16">
        <v>568425</v>
      </c>
      <c r="N26" s="16">
        <v>612899</v>
      </c>
      <c r="O26" s="16">
        <v>478041</v>
      </c>
      <c r="P26" s="16">
        <v>326626</v>
      </c>
      <c r="Q26" s="16">
        <v>211028</v>
      </c>
      <c r="R26" s="16">
        <v>174367</v>
      </c>
      <c r="S26" s="16">
        <v>172062</v>
      </c>
      <c r="T26" s="16">
        <v>112779</v>
      </c>
      <c r="U26" s="16">
        <v>77539</v>
      </c>
      <c r="V26" s="16">
        <v>56575</v>
      </c>
      <c r="W26" s="16">
        <v>29158</v>
      </c>
      <c r="X26" s="16">
        <v>7119</v>
      </c>
      <c r="Y26" s="16">
        <v>894</v>
      </c>
      <c r="Z26" s="16">
        <v>8809936</v>
      </c>
      <c r="AA26" s="16">
        <v>630493</v>
      </c>
      <c r="AB26" s="16">
        <v>284064</v>
      </c>
      <c r="AC26" s="16">
        <v>93746</v>
      </c>
      <c r="AD26" s="16">
        <v>7055816</v>
      </c>
      <c r="AE26" s="17">
        <v>33.931069999999998</v>
      </c>
    </row>
    <row r="27" spans="1:31">
      <c r="A27" s="21" t="s">
        <v>232</v>
      </c>
      <c r="B27" s="21" t="s">
        <v>233</v>
      </c>
      <c r="C27" s="21" t="s">
        <v>262</v>
      </c>
      <c r="D27" s="21" t="s">
        <v>394</v>
      </c>
      <c r="E27" s="21" t="s">
        <v>216</v>
      </c>
      <c r="F27" s="21" t="s">
        <v>467</v>
      </c>
      <c r="G27" s="16">
        <v>20658558</v>
      </c>
      <c r="H27" s="16">
        <v>6485</v>
      </c>
      <c r="I27" s="16">
        <v>140967</v>
      </c>
      <c r="J27" s="16">
        <v>743997</v>
      </c>
      <c r="K27" s="16">
        <v>1379292</v>
      </c>
      <c r="L27" s="16">
        <v>1796934</v>
      </c>
      <c r="M27" s="16">
        <v>2095874</v>
      </c>
      <c r="N27" s="16">
        <v>2423222</v>
      </c>
      <c r="O27" s="16">
        <v>2128218</v>
      </c>
      <c r="P27" s="16">
        <v>1899527</v>
      </c>
      <c r="Q27" s="16">
        <v>1711583</v>
      </c>
      <c r="R27" s="16">
        <v>1827080</v>
      </c>
      <c r="S27" s="16">
        <v>1990337</v>
      </c>
      <c r="T27" s="16">
        <v>1373605</v>
      </c>
      <c r="U27" s="16">
        <v>766328</v>
      </c>
      <c r="V27" s="16">
        <v>305205</v>
      </c>
      <c r="W27" s="16">
        <v>63369</v>
      </c>
      <c r="X27" s="16">
        <v>6002</v>
      </c>
      <c r="Y27" s="16">
        <v>533</v>
      </c>
      <c r="Z27" s="16">
        <v>14326099</v>
      </c>
      <c r="AA27" s="16">
        <v>6332459</v>
      </c>
      <c r="AB27" s="16">
        <v>2515042</v>
      </c>
      <c r="AC27" s="16">
        <v>375109</v>
      </c>
      <c r="AD27" s="16">
        <v>16146694</v>
      </c>
      <c r="AE27" s="17">
        <v>55.099809999999998</v>
      </c>
    </row>
    <row r="28" spans="1:31">
      <c r="A28" s="21" t="s">
        <v>232</v>
      </c>
      <c r="B28" s="21" t="s">
        <v>233</v>
      </c>
      <c r="C28" s="21" t="s">
        <v>262</v>
      </c>
      <c r="D28" s="21" t="s">
        <v>394</v>
      </c>
      <c r="E28" s="21" t="s">
        <v>216</v>
      </c>
      <c r="F28" s="21" t="s">
        <v>468</v>
      </c>
      <c r="G28" s="16">
        <v>4439916</v>
      </c>
      <c r="H28" s="16">
        <v>158</v>
      </c>
      <c r="I28" s="16">
        <v>564</v>
      </c>
      <c r="J28" s="16">
        <v>850</v>
      </c>
      <c r="K28" s="16">
        <v>1992</v>
      </c>
      <c r="L28" s="16">
        <v>5241</v>
      </c>
      <c r="M28" s="16">
        <v>12636</v>
      </c>
      <c r="N28" s="16">
        <v>30582</v>
      </c>
      <c r="O28" s="16">
        <v>53426</v>
      </c>
      <c r="P28" s="16">
        <v>92232</v>
      </c>
      <c r="Q28" s="16">
        <v>151326</v>
      </c>
      <c r="R28" s="16">
        <v>291441</v>
      </c>
      <c r="S28" s="16">
        <v>562594</v>
      </c>
      <c r="T28" s="16">
        <v>764003</v>
      </c>
      <c r="U28" s="16">
        <v>898138</v>
      </c>
      <c r="V28" s="16">
        <v>868691</v>
      </c>
      <c r="W28" s="16">
        <v>515442</v>
      </c>
      <c r="X28" s="16">
        <v>162528</v>
      </c>
      <c r="Y28" s="16">
        <v>28072</v>
      </c>
      <c r="Z28" s="16">
        <v>349007</v>
      </c>
      <c r="AA28" s="16">
        <v>4090909</v>
      </c>
      <c r="AB28" s="16">
        <v>3236874</v>
      </c>
      <c r="AC28" s="16">
        <v>1574733</v>
      </c>
      <c r="AD28" s="16">
        <v>640290</v>
      </c>
      <c r="AE28" s="17">
        <v>80.201430000000002</v>
      </c>
    </row>
    <row r="29" spans="1:31">
      <c r="A29" s="21" t="s">
        <v>232</v>
      </c>
      <c r="B29" s="21" t="s">
        <v>233</v>
      </c>
      <c r="C29" s="21" t="s">
        <v>262</v>
      </c>
      <c r="D29" s="21" t="s">
        <v>394</v>
      </c>
      <c r="E29" s="21" t="s">
        <v>216</v>
      </c>
      <c r="F29" s="21" t="s">
        <v>469</v>
      </c>
      <c r="G29" s="16">
        <v>2549855</v>
      </c>
      <c r="H29" s="16">
        <v>511</v>
      </c>
      <c r="I29" s="16">
        <v>8954</v>
      </c>
      <c r="J29" s="16">
        <v>36265</v>
      </c>
      <c r="K29" s="16">
        <v>80010</v>
      </c>
      <c r="L29" s="16">
        <v>135093</v>
      </c>
      <c r="M29" s="16">
        <v>204271</v>
      </c>
      <c r="N29" s="16">
        <v>315906</v>
      </c>
      <c r="O29" s="16">
        <v>329917</v>
      </c>
      <c r="P29" s="16">
        <v>307041</v>
      </c>
      <c r="Q29" s="16">
        <v>256597</v>
      </c>
      <c r="R29" s="16">
        <v>259920</v>
      </c>
      <c r="S29" s="16">
        <v>272751</v>
      </c>
      <c r="T29" s="16">
        <v>168577</v>
      </c>
      <c r="U29" s="16">
        <v>96187</v>
      </c>
      <c r="V29" s="16">
        <v>50839</v>
      </c>
      <c r="W29" s="16">
        <v>21087</v>
      </c>
      <c r="X29" s="16">
        <v>5303</v>
      </c>
      <c r="Y29" s="16">
        <v>626</v>
      </c>
      <c r="Z29" s="16">
        <v>1674565</v>
      </c>
      <c r="AA29" s="16">
        <v>875290</v>
      </c>
      <c r="AB29" s="16">
        <v>342619</v>
      </c>
      <c r="AC29" s="16">
        <v>77855</v>
      </c>
      <c r="AD29" s="16">
        <v>1933974</v>
      </c>
      <c r="AE29" s="17">
        <v>58.36835</v>
      </c>
    </row>
    <row r="30" spans="1:31">
      <c r="A30" s="21" t="s">
        <v>232</v>
      </c>
      <c r="B30" s="21" t="s">
        <v>233</v>
      </c>
      <c r="C30" s="21" t="s">
        <v>262</v>
      </c>
      <c r="D30" s="21" t="s">
        <v>394</v>
      </c>
      <c r="E30" s="21" t="s">
        <v>216</v>
      </c>
      <c r="F30" s="21" t="s">
        <v>470</v>
      </c>
      <c r="G30" s="16">
        <v>1840418</v>
      </c>
      <c r="H30" s="16">
        <v>12342</v>
      </c>
      <c r="I30" s="16">
        <v>155635</v>
      </c>
      <c r="J30" s="16">
        <v>191201</v>
      </c>
      <c r="K30" s="16">
        <v>141866</v>
      </c>
      <c r="L30" s="16">
        <v>123860</v>
      </c>
      <c r="M30" s="16">
        <v>122387</v>
      </c>
      <c r="N30" s="16">
        <v>142271</v>
      </c>
      <c r="O30" s="16">
        <v>123423</v>
      </c>
      <c r="P30" s="16">
        <v>92819</v>
      </c>
      <c r="Q30" s="16">
        <v>69878</v>
      </c>
      <c r="R30" s="16">
        <v>75162</v>
      </c>
      <c r="S30" s="16">
        <v>107727</v>
      </c>
      <c r="T30" s="16">
        <v>120775</v>
      </c>
      <c r="U30" s="16">
        <v>134249</v>
      </c>
      <c r="V30" s="16">
        <v>126246</v>
      </c>
      <c r="W30" s="16">
        <v>73666</v>
      </c>
      <c r="X30" s="16">
        <v>22440</v>
      </c>
      <c r="Y30" s="16">
        <v>4471</v>
      </c>
      <c r="Z30" s="16">
        <v>1175682</v>
      </c>
      <c r="AA30" s="16">
        <v>664736</v>
      </c>
      <c r="AB30" s="16">
        <v>481847</v>
      </c>
      <c r="AC30" s="16">
        <v>226823</v>
      </c>
      <c r="AD30" s="16">
        <v>1238502</v>
      </c>
      <c r="AE30" s="17">
        <v>54.441130000000001</v>
      </c>
    </row>
    <row r="31" spans="1:31">
      <c r="A31" s="21" t="s">
        <v>232</v>
      </c>
      <c r="B31" s="21" t="s">
        <v>233</v>
      </c>
      <c r="C31" s="21" t="s">
        <v>262</v>
      </c>
      <c r="D31" s="21" t="s">
        <v>395</v>
      </c>
      <c r="E31" s="21" t="s">
        <v>214</v>
      </c>
      <c r="F31" s="21" t="s">
        <v>214</v>
      </c>
      <c r="G31" s="16">
        <v>73273219</v>
      </c>
      <c r="H31" s="16">
        <v>3901743</v>
      </c>
      <c r="I31" s="16">
        <v>4290069</v>
      </c>
      <c r="J31" s="16">
        <v>4355899</v>
      </c>
      <c r="K31" s="16">
        <v>4618104</v>
      </c>
      <c r="L31" s="16">
        <v>5167007</v>
      </c>
      <c r="M31" s="16">
        <v>5862966</v>
      </c>
      <c r="N31" s="16">
        <v>6914097</v>
      </c>
      <c r="O31" s="16">
        <v>6103219</v>
      </c>
      <c r="P31" s="16">
        <v>5325014</v>
      </c>
      <c r="Q31" s="16">
        <v>4655964</v>
      </c>
      <c r="R31" s="16">
        <v>4994996</v>
      </c>
      <c r="S31" s="16">
        <v>5747558</v>
      </c>
      <c r="T31" s="16">
        <v>4521985</v>
      </c>
      <c r="U31" s="16">
        <v>3351678</v>
      </c>
      <c r="V31" s="16">
        <v>2191946</v>
      </c>
      <c r="W31" s="16">
        <v>978985</v>
      </c>
      <c r="X31" s="16">
        <v>252420</v>
      </c>
      <c r="Y31" s="16">
        <v>39569</v>
      </c>
      <c r="Z31" s="16">
        <v>51194082</v>
      </c>
      <c r="AA31" s="16">
        <v>22079137</v>
      </c>
      <c r="AB31" s="16">
        <v>11336583</v>
      </c>
      <c r="AC31" s="16">
        <v>3462920</v>
      </c>
      <c r="AD31" s="16">
        <v>52287335</v>
      </c>
      <c r="AE31" s="17">
        <v>52.043550000000003</v>
      </c>
    </row>
    <row r="32" spans="1:31">
      <c r="A32" s="21" t="s">
        <v>232</v>
      </c>
      <c r="B32" s="21" t="s">
        <v>233</v>
      </c>
      <c r="C32" s="21" t="s">
        <v>262</v>
      </c>
      <c r="D32" s="21" t="s">
        <v>395</v>
      </c>
      <c r="E32" s="21" t="s">
        <v>214</v>
      </c>
      <c r="F32" s="21" t="s">
        <v>466</v>
      </c>
      <c r="G32" s="16">
        <v>20090494</v>
      </c>
      <c r="H32" s="16">
        <v>3867945</v>
      </c>
      <c r="I32" s="16">
        <v>3779281</v>
      </c>
      <c r="J32" s="16">
        <v>2671995</v>
      </c>
      <c r="K32" s="16">
        <v>1762158</v>
      </c>
      <c r="L32" s="16">
        <v>1406042</v>
      </c>
      <c r="M32" s="16">
        <v>1340999</v>
      </c>
      <c r="N32" s="16">
        <v>1476001</v>
      </c>
      <c r="O32" s="16">
        <v>1159925</v>
      </c>
      <c r="P32" s="16">
        <v>813137</v>
      </c>
      <c r="Q32" s="16">
        <v>543527</v>
      </c>
      <c r="R32" s="16">
        <v>459664</v>
      </c>
      <c r="S32" s="16">
        <v>389948</v>
      </c>
      <c r="T32" s="16">
        <v>198721</v>
      </c>
      <c r="U32" s="16">
        <v>111523</v>
      </c>
      <c r="V32" s="16">
        <v>68812</v>
      </c>
      <c r="W32" s="16">
        <v>32308</v>
      </c>
      <c r="X32" s="16">
        <v>7541</v>
      </c>
      <c r="Y32" s="16">
        <v>967</v>
      </c>
      <c r="Z32" s="16">
        <v>18821010</v>
      </c>
      <c r="AA32" s="16">
        <v>1269484</v>
      </c>
      <c r="AB32" s="16">
        <v>419872</v>
      </c>
      <c r="AC32" s="16">
        <v>109628</v>
      </c>
      <c r="AD32" s="16">
        <v>15412729</v>
      </c>
      <c r="AE32" s="17">
        <v>34.69838</v>
      </c>
    </row>
    <row r="33" spans="1:31">
      <c r="A33" s="21" t="s">
        <v>232</v>
      </c>
      <c r="B33" s="21" t="s">
        <v>233</v>
      </c>
      <c r="C33" s="21" t="s">
        <v>262</v>
      </c>
      <c r="D33" s="21" t="s">
        <v>395</v>
      </c>
      <c r="E33" s="21" t="s">
        <v>214</v>
      </c>
      <c r="F33" s="21" t="s">
        <v>467</v>
      </c>
      <c r="G33" s="16">
        <v>40266909</v>
      </c>
      <c r="H33" s="16">
        <v>10518</v>
      </c>
      <c r="I33" s="16">
        <v>214489</v>
      </c>
      <c r="J33" s="16">
        <v>1218513</v>
      </c>
      <c r="K33" s="16">
        <v>2404721</v>
      </c>
      <c r="L33" s="16">
        <v>3250351</v>
      </c>
      <c r="M33" s="16">
        <v>3905872</v>
      </c>
      <c r="N33" s="16">
        <v>4589299</v>
      </c>
      <c r="O33" s="16">
        <v>4079569</v>
      </c>
      <c r="P33" s="16">
        <v>3695237</v>
      </c>
      <c r="Q33" s="16">
        <v>3345103</v>
      </c>
      <c r="R33" s="16">
        <v>3584596</v>
      </c>
      <c r="S33" s="16">
        <v>4026895</v>
      </c>
      <c r="T33" s="16">
        <v>2960880</v>
      </c>
      <c r="U33" s="16">
        <v>1852963</v>
      </c>
      <c r="V33" s="16">
        <v>873043</v>
      </c>
      <c r="W33" s="16">
        <v>226923</v>
      </c>
      <c r="X33" s="16">
        <v>26183</v>
      </c>
      <c r="Y33" s="16">
        <v>1754</v>
      </c>
      <c r="Z33" s="16">
        <v>26713672</v>
      </c>
      <c r="AA33" s="16">
        <v>13553237</v>
      </c>
      <c r="AB33" s="16">
        <v>5941746</v>
      </c>
      <c r="AC33" s="16">
        <v>1127903</v>
      </c>
      <c r="AD33" s="16">
        <v>30287750</v>
      </c>
      <c r="AE33" s="17">
        <v>56.476320000000001</v>
      </c>
    </row>
    <row r="34" spans="1:31">
      <c r="A34" s="21" t="s">
        <v>232</v>
      </c>
      <c r="B34" s="21" t="s">
        <v>233</v>
      </c>
      <c r="C34" s="21" t="s">
        <v>262</v>
      </c>
      <c r="D34" s="21" t="s">
        <v>395</v>
      </c>
      <c r="E34" s="21" t="s">
        <v>214</v>
      </c>
      <c r="F34" s="21" t="s">
        <v>468</v>
      </c>
      <c r="G34" s="16">
        <v>5338690</v>
      </c>
      <c r="H34" s="16">
        <v>264</v>
      </c>
      <c r="I34" s="16">
        <v>792</v>
      </c>
      <c r="J34" s="16">
        <v>1046</v>
      </c>
      <c r="K34" s="16">
        <v>2507</v>
      </c>
      <c r="L34" s="16">
        <v>6728</v>
      </c>
      <c r="M34" s="16">
        <v>16321</v>
      </c>
      <c r="N34" s="16">
        <v>39944</v>
      </c>
      <c r="O34" s="16">
        <v>68283</v>
      </c>
      <c r="P34" s="16">
        <v>116793</v>
      </c>
      <c r="Q34" s="16">
        <v>190477</v>
      </c>
      <c r="R34" s="16">
        <v>364751</v>
      </c>
      <c r="S34" s="16">
        <v>694796</v>
      </c>
      <c r="T34" s="16">
        <v>919352</v>
      </c>
      <c r="U34" s="16">
        <v>1066078</v>
      </c>
      <c r="V34" s="16">
        <v>1025221</v>
      </c>
      <c r="W34" s="16">
        <v>606761</v>
      </c>
      <c r="X34" s="16">
        <v>187304</v>
      </c>
      <c r="Y34" s="16">
        <v>31272</v>
      </c>
      <c r="Z34" s="16">
        <v>443155</v>
      </c>
      <c r="AA34" s="16">
        <v>4895535</v>
      </c>
      <c r="AB34" s="16">
        <v>3835988</v>
      </c>
      <c r="AC34" s="16">
        <v>1850558</v>
      </c>
      <c r="AD34" s="16">
        <v>807642</v>
      </c>
      <c r="AE34" s="17">
        <v>79.932069999999996</v>
      </c>
    </row>
    <row r="35" spans="1:31">
      <c r="A35" s="21" t="s">
        <v>232</v>
      </c>
      <c r="B35" s="21" t="s">
        <v>233</v>
      </c>
      <c r="C35" s="21" t="s">
        <v>262</v>
      </c>
      <c r="D35" s="21" t="s">
        <v>395</v>
      </c>
      <c r="E35" s="21" t="s">
        <v>214</v>
      </c>
      <c r="F35" s="21" t="s">
        <v>469</v>
      </c>
      <c r="G35" s="16">
        <v>3816257</v>
      </c>
      <c r="H35" s="16">
        <v>846</v>
      </c>
      <c r="I35" s="16">
        <v>12095</v>
      </c>
      <c r="J35" s="16">
        <v>49526</v>
      </c>
      <c r="K35" s="16">
        <v>112432</v>
      </c>
      <c r="L35" s="16">
        <v>191920</v>
      </c>
      <c r="M35" s="16">
        <v>294288</v>
      </c>
      <c r="N35" s="16">
        <v>460977</v>
      </c>
      <c r="O35" s="16">
        <v>493788</v>
      </c>
      <c r="P35" s="16">
        <v>473637</v>
      </c>
      <c r="Q35" s="16">
        <v>407937</v>
      </c>
      <c r="R35" s="16">
        <v>412084</v>
      </c>
      <c r="S35" s="16">
        <v>423840</v>
      </c>
      <c r="T35" s="16">
        <v>250979</v>
      </c>
      <c r="U35" s="16">
        <v>135904</v>
      </c>
      <c r="V35" s="16">
        <v>65307</v>
      </c>
      <c r="W35" s="16">
        <v>24303</v>
      </c>
      <c r="X35" s="16">
        <v>5729</v>
      </c>
      <c r="Y35" s="16">
        <v>665</v>
      </c>
      <c r="Z35" s="16">
        <v>2497446</v>
      </c>
      <c r="AA35" s="16">
        <v>1318811</v>
      </c>
      <c r="AB35" s="16">
        <v>482887</v>
      </c>
      <c r="AC35" s="16">
        <v>96004</v>
      </c>
      <c r="AD35" s="16">
        <v>2908684</v>
      </c>
      <c r="AE35" s="17">
        <v>58.509790000000002</v>
      </c>
    </row>
    <row r="36" spans="1:31">
      <c r="A36" s="21" t="s">
        <v>232</v>
      </c>
      <c r="B36" s="21" t="s">
        <v>233</v>
      </c>
      <c r="C36" s="21" t="s">
        <v>262</v>
      </c>
      <c r="D36" s="21" t="s">
        <v>395</v>
      </c>
      <c r="E36" s="21" t="s">
        <v>214</v>
      </c>
      <c r="F36" s="21" t="s">
        <v>470</v>
      </c>
      <c r="G36" s="16">
        <v>3760869</v>
      </c>
      <c r="H36" s="16">
        <v>22170</v>
      </c>
      <c r="I36" s="16">
        <v>283412</v>
      </c>
      <c r="J36" s="16">
        <v>414819</v>
      </c>
      <c r="K36" s="16">
        <v>336286</v>
      </c>
      <c r="L36" s="16">
        <v>311966</v>
      </c>
      <c r="M36" s="16">
        <v>305486</v>
      </c>
      <c r="N36" s="16">
        <v>347876</v>
      </c>
      <c r="O36" s="16">
        <v>301654</v>
      </c>
      <c r="P36" s="16">
        <v>226210</v>
      </c>
      <c r="Q36" s="16">
        <v>168920</v>
      </c>
      <c r="R36" s="16">
        <v>173901</v>
      </c>
      <c r="S36" s="16">
        <v>212079</v>
      </c>
      <c r="T36" s="16">
        <v>192053</v>
      </c>
      <c r="U36" s="16">
        <v>185210</v>
      </c>
      <c r="V36" s="16">
        <v>159563</v>
      </c>
      <c r="W36" s="16">
        <v>88690</v>
      </c>
      <c r="X36" s="16">
        <v>25663</v>
      </c>
      <c r="Y36" s="16">
        <v>4911</v>
      </c>
      <c r="Z36" s="16">
        <v>2718799</v>
      </c>
      <c r="AA36" s="16">
        <v>1042070</v>
      </c>
      <c r="AB36" s="16">
        <v>656090</v>
      </c>
      <c r="AC36" s="16">
        <v>278827</v>
      </c>
      <c r="AD36" s="16">
        <v>2870530</v>
      </c>
      <c r="AE36" s="17">
        <v>51.090089999999996</v>
      </c>
    </row>
    <row r="37" spans="1:31">
      <c r="A37" s="21" t="s">
        <v>232</v>
      </c>
      <c r="B37" s="21" t="s">
        <v>233</v>
      </c>
      <c r="C37" s="21" t="s">
        <v>262</v>
      </c>
      <c r="D37" s="21" t="s">
        <v>395</v>
      </c>
      <c r="E37" s="21" t="s">
        <v>215</v>
      </c>
      <c r="F37" s="21" t="s">
        <v>214</v>
      </c>
      <c r="G37" s="16">
        <v>35284678</v>
      </c>
      <c r="H37" s="16">
        <v>1988490</v>
      </c>
      <c r="I37" s="16">
        <v>2156632</v>
      </c>
      <c r="J37" s="16">
        <v>2185903</v>
      </c>
      <c r="K37" s="16">
        <v>2328672</v>
      </c>
      <c r="L37" s="16">
        <v>2603604</v>
      </c>
      <c r="M37" s="16">
        <v>2949703</v>
      </c>
      <c r="N37" s="16">
        <v>3471831</v>
      </c>
      <c r="O37" s="16">
        <v>3066166</v>
      </c>
      <c r="P37" s="16">
        <v>2664118</v>
      </c>
      <c r="Q37" s="16">
        <v>2294995</v>
      </c>
      <c r="R37" s="16">
        <v>2396014</v>
      </c>
      <c r="S37" s="16">
        <v>2663542</v>
      </c>
      <c r="T37" s="16">
        <v>1998623</v>
      </c>
      <c r="U37" s="16">
        <v>1390843</v>
      </c>
      <c r="V37" s="16">
        <v>791397</v>
      </c>
      <c r="W37" s="16">
        <v>279225</v>
      </c>
      <c r="X37" s="16">
        <v>49819</v>
      </c>
      <c r="Y37" s="16">
        <v>5101</v>
      </c>
      <c r="Z37" s="16">
        <v>25710114</v>
      </c>
      <c r="AA37" s="16">
        <v>9574564</v>
      </c>
      <c r="AB37" s="16">
        <v>4515008</v>
      </c>
      <c r="AC37" s="16">
        <v>1125542</v>
      </c>
      <c r="AD37" s="16">
        <v>26117638</v>
      </c>
      <c r="AE37" s="17">
        <v>50.68723</v>
      </c>
    </row>
    <row r="38" spans="1:31">
      <c r="A38" s="21" t="s">
        <v>232</v>
      </c>
      <c r="B38" s="21" t="s">
        <v>233</v>
      </c>
      <c r="C38" s="21" t="s">
        <v>262</v>
      </c>
      <c r="D38" s="21" t="s">
        <v>395</v>
      </c>
      <c r="E38" s="21" t="s">
        <v>215</v>
      </c>
      <c r="F38" s="21" t="s">
        <v>466</v>
      </c>
      <c r="G38" s="16">
        <v>10894680</v>
      </c>
      <c r="H38" s="16">
        <v>1971081</v>
      </c>
      <c r="I38" s="16">
        <v>1912514</v>
      </c>
      <c r="J38" s="16">
        <v>1403585</v>
      </c>
      <c r="K38" s="16">
        <v>985670</v>
      </c>
      <c r="L38" s="16">
        <v>811621</v>
      </c>
      <c r="M38" s="16">
        <v>780994</v>
      </c>
      <c r="N38" s="16">
        <v>870239</v>
      </c>
      <c r="O38" s="16">
        <v>688017</v>
      </c>
      <c r="P38" s="16">
        <v>491014</v>
      </c>
      <c r="Q38" s="16">
        <v>335576</v>
      </c>
      <c r="R38" s="16">
        <v>287535</v>
      </c>
      <c r="S38" s="16">
        <v>219347</v>
      </c>
      <c r="T38" s="16">
        <v>86825</v>
      </c>
      <c r="U38" s="16">
        <v>34459</v>
      </c>
      <c r="V38" s="16">
        <v>12451</v>
      </c>
      <c r="W38" s="16">
        <v>3225</v>
      </c>
      <c r="X38" s="16">
        <v>447</v>
      </c>
      <c r="Y38" s="16">
        <v>80</v>
      </c>
      <c r="Z38" s="16">
        <v>10250311</v>
      </c>
      <c r="AA38" s="16">
        <v>644369</v>
      </c>
      <c r="AB38" s="16">
        <v>137487</v>
      </c>
      <c r="AC38" s="16">
        <v>16203</v>
      </c>
      <c r="AD38" s="16">
        <v>8566765</v>
      </c>
      <c r="AE38" s="17">
        <v>35.242800000000003</v>
      </c>
    </row>
    <row r="39" spans="1:31">
      <c r="A39" s="21" t="s">
        <v>232</v>
      </c>
      <c r="B39" s="21" t="s">
        <v>233</v>
      </c>
      <c r="C39" s="21" t="s">
        <v>262</v>
      </c>
      <c r="D39" s="21" t="s">
        <v>395</v>
      </c>
      <c r="E39" s="21" t="s">
        <v>215</v>
      </c>
      <c r="F39" s="21" t="s">
        <v>467</v>
      </c>
      <c r="G39" s="16">
        <v>20096607</v>
      </c>
      <c r="H39" s="16">
        <v>4405</v>
      </c>
      <c r="I39" s="16">
        <v>84539</v>
      </c>
      <c r="J39" s="16">
        <v>517194</v>
      </c>
      <c r="K39" s="16">
        <v>1097271</v>
      </c>
      <c r="L39" s="16">
        <v>1531296</v>
      </c>
      <c r="M39" s="16">
        <v>1878168</v>
      </c>
      <c r="N39" s="16">
        <v>2226294</v>
      </c>
      <c r="O39" s="16">
        <v>2004336</v>
      </c>
      <c r="P39" s="16">
        <v>1834334</v>
      </c>
      <c r="Q39" s="16">
        <v>1658769</v>
      </c>
      <c r="R39" s="16">
        <v>1774826</v>
      </c>
      <c r="S39" s="16">
        <v>2047634</v>
      </c>
      <c r="T39" s="16">
        <v>1593928</v>
      </c>
      <c r="U39" s="16">
        <v>1089657</v>
      </c>
      <c r="V39" s="16">
        <v>568763</v>
      </c>
      <c r="W39" s="16">
        <v>163758</v>
      </c>
      <c r="X39" s="16">
        <v>20211</v>
      </c>
      <c r="Y39" s="16">
        <v>1224</v>
      </c>
      <c r="Z39" s="16">
        <v>12836606</v>
      </c>
      <c r="AA39" s="16">
        <v>7260001</v>
      </c>
      <c r="AB39" s="16">
        <v>3437541</v>
      </c>
      <c r="AC39" s="16">
        <v>753956</v>
      </c>
      <c r="AD39" s="16">
        <v>14607027</v>
      </c>
      <c r="AE39" s="17">
        <v>57.60669</v>
      </c>
    </row>
    <row r="40" spans="1:31">
      <c r="A40" s="21" t="s">
        <v>232</v>
      </c>
      <c r="B40" s="21" t="s">
        <v>233</v>
      </c>
      <c r="C40" s="21" t="s">
        <v>262</v>
      </c>
      <c r="D40" s="21" t="s">
        <v>395</v>
      </c>
      <c r="E40" s="21" t="s">
        <v>215</v>
      </c>
      <c r="F40" s="21" t="s">
        <v>468</v>
      </c>
      <c r="G40" s="16">
        <v>929201</v>
      </c>
      <c r="H40" s="16">
        <v>111</v>
      </c>
      <c r="I40" s="16">
        <v>250</v>
      </c>
      <c r="J40" s="16">
        <v>269</v>
      </c>
      <c r="K40" s="16">
        <v>669</v>
      </c>
      <c r="L40" s="16">
        <v>1899</v>
      </c>
      <c r="M40" s="16">
        <v>4423</v>
      </c>
      <c r="N40" s="16">
        <v>10530</v>
      </c>
      <c r="O40" s="16">
        <v>16928</v>
      </c>
      <c r="P40" s="16">
        <v>26944</v>
      </c>
      <c r="Q40" s="16">
        <v>41757</v>
      </c>
      <c r="R40" s="16">
        <v>76253</v>
      </c>
      <c r="S40" s="16">
        <v>135831</v>
      </c>
      <c r="T40" s="16">
        <v>159868</v>
      </c>
      <c r="U40" s="16">
        <v>172439</v>
      </c>
      <c r="V40" s="16">
        <v>159777</v>
      </c>
      <c r="W40" s="16">
        <v>92718</v>
      </c>
      <c r="X40" s="16">
        <v>25247</v>
      </c>
      <c r="Y40" s="16">
        <v>3288</v>
      </c>
      <c r="Z40" s="16">
        <v>103780</v>
      </c>
      <c r="AA40" s="16">
        <v>825421</v>
      </c>
      <c r="AB40" s="16">
        <v>613337</v>
      </c>
      <c r="AC40" s="16">
        <v>281030</v>
      </c>
      <c r="AD40" s="16">
        <v>179922</v>
      </c>
      <c r="AE40" s="17">
        <v>78.362660000000005</v>
      </c>
    </row>
    <row r="41" spans="1:31">
      <c r="A41" s="21" t="s">
        <v>232</v>
      </c>
      <c r="B41" s="21" t="s">
        <v>233</v>
      </c>
      <c r="C41" s="21" t="s">
        <v>262</v>
      </c>
      <c r="D41" s="21" t="s">
        <v>395</v>
      </c>
      <c r="E41" s="21" t="s">
        <v>215</v>
      </c>
      <c r="F41" s="21" t="s">
        <v>469</v>
      </c>
      <c r="G41" s="16">
        <v>1310058</v>
      </c>
      <c r="H41" s="16">
        <v>356</v>
      </c>
      <c r="I41" s="16">
        <v>3417</v>
      </c>
      <c r="J41" s="16">
        <v>14233</v>
      </c>
      <c r="K41" s="16">
        <v>34748</v>
      </c>
      <c r="L41" s="16">
        <v>61014</v>
      </c>
      <c r="M41" s="16">
        <v>95316</v>
      </c>
      <c r="N41" s="16">
        <v>151406</v>
      </c>
      <c r="O41" s="16">
        <v>170708</v>
      </c>
      <c r="P41" s="16">
        <v>171979</v>
      </c>
      <c r="Q41" s="16">
        <v>155231</v>
      </c>
      <c r="R41" s="16">
        <v>155197</v>
      </c>
      <c r="S41" s="16">
        <v>153461</v>
      </c>
      <c r="T41" s="16">
        <v>83925</v>
      </c>
      <c r="U41" s="16">
        <v>40498</v>
      </c>
      <c r="V41" s="16">
        <v>14783</v>
      </c>
      <c r="W41" s="16">
        <v>3300</v>
      </c>
      <c r="X41" s="16">
        <v>444</v>
      </c>
      <c r="Y41" s="16">
        <v>42</v>
      </c>
      <c r="Z41" s="16">
        <v>858408</v>
      </c>
      <c r="AA41" s="16">
        <v>451650</v>
      </c>
      <c r="AB41" s="16">
        <v>142992</v>
      </c>
      <c r="AC41" s="16">
        <v>18569</v>
      </c>
      <c r="AD41" s="16">
        <v>1013249</v>
      </c>
      <c r="AE41" s="17">
        <v>58.590719999999997</v>
      </c>
    </row>
    <row r="42" spans="1:31">
      <c r="A42" s="21" t="s">
        <v>232</v>
      </c>
      <c r="B42" s="21" t="s">
        <v>233</v>
      </c>
      <c r="C42" s="21" t="s">
        <v>262</v>
      </c>
      <c r="D42" s="21" t="s">
        <v>395</v>
      </c>
      <c r="E42" s="21" t="s">
        <v>215</v>
      </c>
      <c r="F42" s="21" t="s">
        <v>470</v>
      </c>
      <c r="G42" s="16">
        <v>2054132</v>
      </c>
      <c r="H42" s="16">
        <v>12537</v>
      </c>
      <c r="I42" s="16">
        <v>155912</v>
      </c>
      <c r="J42" s="16">
        <v>250622</v>
      </c>
      <c r="K42" s="16">
        <v>210314</v>
      </c>
      <c r="L42" s="16">
        <v>197774</v>
      </c>
      <c r="M42" s="16">
        <v>190802</v>
      </c>
      <c r="N42" s="16">
        <v>213362</v>
      </c>
      <c r="O42" s="16">
        <v>186177</v>
      </c>
      <c r="P42" s="16">
        <v>139847</v>
      </c>
      <c r="Q42" s="16">
        <v>103662</v>
      </c>
      <c r="R42" s="16">
        <v>102203</v>
      </c>
      <c r="S42" s="16">
        <v>107269</v>
      </c>
      <c r="T42" s="16">
        <v>74077</v>
      </c>
      <c r="U42" s="16">
        <v>53790</v>
      </c>
      <c r="V42" s="16">
        <v>35623</v>
      </c>
      <c r="W42" s="16">
        <v>16224</v>
      </c>
      <c r="X42" s="16">
        <v>3470</v>
      </c>
      <c r="Y42" s="16">
        <v>467</v>
      </c>
      <c r="Z42" s="16">
        <v>1661009</v>
      </c>
      <c r="AA42" s="16">
        <v>393123</v>
      </c>
      <c r="AB42" s="16">
        <v>183651</v>
      </c>
      <c r="AC42" s="16">
        <v>55784</v>
      </c>
      <c r="AD42" s="16">
        <v>1750675</v>
      </c>
      <c r="AE42" s="17">
        <v>47.344900000000003</v>
      </c>
    </row>
    <row r="43" spans="1:31">
      <c r="A43" s="21" t="s">
        <v>232</v>
      </c>
      <c r="B43" s="21" t="s">
        <v>233</v>
      </c>
      <c r="C43" s="21" t="s">
        <v>262</v>
      </c>
      <c r="D43" s="21" t="s">
        <v>395</v>
      </c>
      <c r="E43" s="21" t="s">
        <v>216</v>
      </c>
      <c r="F43" s="21" t="s">
        <v>214</v>
      </c>
      <c r="G43" s="16">
        <v>37988541</v>
      </c>
      <c r="H43" s="16">
        <v>1913253</v>
      </c>
      <c r="I43" s="16">
        <v>2133437</v>
      </c>
      <c r="J43" s="16">
        <v>2169996</v>
      </c>
      <c r="K43" s="16">
        <v>2289432</v>
      </c>
      <c r="L43" s="16">
        <v>2563403</v>
      </c>
      <c r="M43" s="16">
        <v>2913263</v>
      </c>
      <c r="N43" s="16">
        <v>3442266</v>
      </c>
      <c r="O43" s="16">
        <v>3037053</v>
      </c>
      <c r="P43" s="16">
        <v>2660896</v>
      </c>
      <c r="Q43" s="16">
        <v>2360969</v>
      </c>
      <c r="R43" s="16">
        <v>2598982</v>
      </c>
      <c r="S43" s="16">
        <v>3084016</v>
      </c>
      <c r="T43" s="16">
        <v>2523362</v>
      </c>
      <c r="U43" s="16">
        <v>1960835</v>
      </c>
      <c r="V43" s="16">
        <v>1400549</v>
      </c>
      <c r="W43" s="16">
        <v>699760</v>
      </c>
      <c r="X43" s="16">
        <v>202601</v>
      </c>
      <c r="Y43" s="16">
        <v>34468</v>
      </c>
      <c r="Z43" s="16">
        <v>25483968</v>
      </c>
      <c r="AA43" s="16">
        <v>12504573</v>
      </c>
      <c r="AB43" s="16">
        <v>6821575</v>
      </c>
      <c r="AC43" s="16">
        <v>2337378</v>
      </c>
      <c r="AD43" s="16">
        <v>26169697</v>
      </c>
      <c r="AE43" s="17">
        <v>53.303330000000003</v>
      </c>
    </row>
    <row r="44" spans="1:31">
      <c r="A44" s="21" t="s">
        <v>232</v>
      </c>
      <c r="B44" s="21" t="s">
        <v>233</v>
      </c>
      <c r="C44" s="21" t="s">
        <v>262</v>
      </c>
      <c r="D44" s="21" t="s">
        <v>395</v>
      </c>
      <c r="E44" s="21" t="s">
        <v>216</v>
      </c>
      <c r="F44" s="21" t="s">
        <v>466</v>
      </c>
      <c r="G44" s="16">
        <v>9195814</v>
      </c>
      <c r="H44" s="16">
        <v>1896864</v>
      </c>
      <c r="I44" s="16">
        <v>1866767</v>
      </c>
      <c r="J44" s="16">
        <v>1268410</v>
      </c>
      <c r="K44" s="16">
        <v>776488</v>
      </c>
      <c r="L44" s="16">
        <v>594421</v>
      </c>
      <c r="M44" s="16">
        <v>560005</v>
      </c>
      <c r="N44" s="16">
        <v>605762</v>
      </c>
      <c r="O44" s="16">
        <v>471908</v>
      </c>
      <c r="P44" s="16">
        <v>322123</v>
      </c>
      <c r="Q44" s="16">
        <v>207951</v>
      </c>
      <c r="R44" s="16">
        <v>172129</v>
      </c>
      <c r="S44" s="16">
        <v>170601</v>
      </c>
      <c r="T44" s="16">
        <v>111896</v>
      </c>
      <c r="U44" s="16">
        <v>77064</v>
      </c>
      <c r="V44" s="16">
        <v>56361</v>
      </c>
      <c r="W44" s="16">
        <v>29083</v>
      </c>
      <c r="X44" s="16">
        <v>7094</v>
      </c>
      <c r="Y44" s="16">
        <v>887</v>
      </c>
      <c r="Z44" s="16">
        <v>8570699</v>
      </c>
      <c r="AA44" s="16">
        <v>625115</v>
      </c>
      <c r="AB44" s="16">
        <v>282385</v>
      </c>
      <c r="AC44" s="16">
        <v>93425</v>
      </c>
      <c r="AD44" s="16">
        <v>6845964</v>
      </c>
      <c r="AE44" s="17">
        <v>34.053379999999997</v>
      </c>
    </row>
    <row r="45" spans="1:31">
      <c r="A45" s="21" t="s">
        <v>232</v>
      </c>
      <c r="B45" s="21" t="s">
        <v>233</v>
      </c>
      <c r="C45" s="21" t="s">
        <v>262</v>
      </c>
      <c r="D45" s="21" t="s">
        <v>395</v>
      </c>
      <c r="E45" s="21" t="s">
        <v>216</v>
      </c>
      <c r="F45" s="21" t="s">
        <v>467</v>
      </c>
      <c r="G45" s="16">
        <v>20170302</v>
      </c>
      <c r="H45" s="16">
        <v>6113</v>
      </c>
      <c r="I45" s="16">
        <v>129950</v>
      </c>
      <c r="J45" s="16">
        <v>701319</v>
      </c>
      <c r="K45" s="16">
        <v>1307450</v>
      </c>
      <c r="L45" s="16">
        <v>1719055</v>
      </c>
      <c r="M45" s="16">
        <v>2027704</v>
      </c>
      <c r="N45" s="16">
        <v>2363005</v>
      </c>
      <c r="O45" s="16">
        <v>2075233</v>
      </c>
      <c r="P45" s="16">
        <v>1860903</v>
      </c>
      <c r="Q45" s="16">
        <v>1686334</v>
      </c>
      <c r="R45" s="16">
        <v>1809770</v>
      </c>
      <c r="S45" s="16">
        <v>1979261</v>
      </c>
      <c r="T45" s="16">
        <v>1366952</v>
      </c>
      <c r="U45" s="16">
        <v>763306</v>
      </c>
      <c r="V45" s="16">
        <v>304280</v>
      </c>
      <c r="W45" s="16">
        <v>63165</v>
      </c>
      <c r="X45" s="16">
        <v>5972</v>
      </c>
      <c r="Y45" s="16">
        <v>530</v>
      </c>
      <c r="Z45" s="16">
        <v>13877066</v>
      </c>
      <c r="AA45" s="16">
        <v>6293236</v>
      </c>
      <c r="AB45" s="16">
        <v>2504205</v>
      </c>
      <c r="AC45" s="16">
        <v>373947</v>
      </c>
      <c r="AD45" s="16">
        <v>15680723</v>
      </c>
      <c r="AE45" s="17">
        <v>55.350079999999998</v>
      </c>
    </row>
    <row r="46" spans="1:31">
      <c r="A46" s="21" t="s">
        <v>232</v>
      </c>
      <c r="B46" s="21" t="s">
        <v>233</v>
      </c>
      <c r="C46" s="21" t="s">
        <v>262</v>
      </c>
      <c r="D46" s="21" t="s">
        <v>395</v>
      </c>
      <c r="E46" s="21" t="s">
        <v>216</v>
      </c>
      <c r="F46" s="21" t="s">
        <v>468</v>
      </c>
      <c r="G46" s="16">
        <v>4409489</v>
      </c>
      <c r="H46" s="16">
        <v>153</v>
      </c>
      <c r="I46" s="16">
        <v>542</v>
      </c>
      <c r="J46" s="16">
        <v>777</v>
      </c>
      <c r="K46" s="16">
        <v>1838</v>
      </c>
      <c r="L46" s="16">
        <v>4829</v>
      </c>
      <c r="M46" s="16">
        <v>11898</v>
      </c>
      <c r="N46" s="16">
        <v>29414</v>
      </c>
      <c r="O46" s="16">
        <v>51355</v>
      </c>
      <c r="P46" s="16">
        <v>89849</v>
      </c>
      <c r="Q46" s="16">
        <v>148720</v>
      </c>
      <c r="R46" s="16">
        <v>288498</v>
      </c>
      <c r="S46" s="16">
        <v>558965</v>
      </c>
      <c r="T46" s="16">
        <v>759484</v>
      </c>
      <c r="U46" s="16">
        <v>893639</v>
      </c>
      <c r="V46" s="16">
        <v>865444</v>
      </c>
      <c r="W46" s="16">
        <v>514043</v>
      </c>
      <c r="X46" s="16">
        <v>162057</v>
      </c>
      <c r="Y46" s="16">
        <v>27984</v>
      </c>
      <c r="Z46" s="16">
        <v>339375</v>
      </c>
      <c r="AA46" s="16">
        <v>4070114</v>
      </c>
      <c r="AB46" s="16">
        <v>3222651</v>
      </c>
      <c r="AC46" s="16">
        <v>1569528</v>
      </c>
      <c r="AD46" s="16">
        <v>627720</v>
      </c>
      <c r="AE46" s="17">
        <v>80.262789999999995</v>
      </c>
    </row>
    <row r="47" spans="1:31">
      <c r="A47" s="21" t="s">
        <v>232</v>
      </c>
      <c r="B47" s="21" t="s">
        <v>233</v>
      </c>
      <c r="C47" s="21" t="s">
        <v>262</v>
      </c>
      <c r="D47" s="21" t="s">
        <v>395</v>
      </c>
      <c r="E47" s="21" t="s">
        <v>216</v>
      </c>
      <c r="F47" s="21" t="s">
        <v>469</v>
      </c>
      <c r="G47" s="16">
        <v>2506199</v>
      </c>
      <c r="H47" s="16">
        <v>490</v>
      </c>
      <c r="I47" s="16">
        <v>8678</v>
      </c>
      <c r="J47" s="16">
        <v>35293</v>
      </c>
      <c r="K47" s="16">
        <v>77684</v>
      </c>
      <c r="L47" s="16">
        <v>130906</v>
      </c>
      <c r="M47" s="16">
        <v>198972</v>
      </c>
      <c r="N47" s="16">
        <v>309571</v>
      </c>
      <c r="O47" s="16">
        <v>323080</v>
      </c>
      <c r="P47" s="16">
        <v>301658</v>
      </c>
      <c r="Q47" s="16">
        <v>252706</v>
      </c>
      <c r="R47" s="16">
        <v>256887</v>
      </c>
      <c r="S47" s="16">
        <v>270379</v>
      </c>
      <c r="T47" s="16">
        <v>167054</v>
      </c>
      <c r="U47" s="16">
        <v>95406</v>
      </c>
      <c r="V47" s="16">
        <v>50524</v>
      </c>
      <c r="W47" s="16">
        <v>21003</v>
      </c>
      <c r="X47" s="16">
        <v>5285</v>
      </c>
      <c r="Y47" s="16">
        <v>623</v>
      </c>
      <c r="Z47" s="16">
        <v>1639038</v>
      </c>
      <c r="AA47" s="16">
        <v>867161</v>
      </c>
      <c r="AB47" s="16">
        <v>339895</v>
      </c>
      <c r="AC47" s="16">
        <v>77435</v>
      </c>
      <c r="AD47" s="16">
        <v>1895435</v>
      </c>
      <c r="AE47" s="17">
        <v>58.467480000000002</v>
      </c>
    </row>
    <row r="48" spans="1:31">
      <c r="A48" s="21" t="s">
        <v>232</v>
      </c>
      <c r="B48" s="21" t="s">
        <v>233</v>
      </c>
      <c r="C48" s="21" t="s">
        <v>262</v>
      </c>
      <c r="D48" s="21" t="s">
        <v>395</v>
      </c>
      <c r="E48" s="21" t="s">
        <v>216</v>
      </c>
      <c r="F48" s="21" t="s">
        <v>470</v>
      </c>
      <c r="G48" s="16">
        <v>1706737</v>
      </c>
      <c r="H48" s="16">
        <v>9633</v>
      </c>
      <c r="I48" s="16">
        <v>127500</v>
      </c>
      <c r="J48" s="16">
        <v>164197</v>
      </c>
      <c r="K48" s="16">
        <v>125972</v>
      </c>
      <c r="L48" s="16">
        <v>114192</v>
      </c>
      <c r="M48" s="16">
        <v>114684</v>
      </c>
      <c r="N48" s="16">
        <v>134514</v>
      </c>
      <c r="O48" s="16">
        <v>115477</v>
      </c>
      <c r="P48" s="16">
        <v>86363</v>
      </c>
      <c r="Q48" s="16">
        <v>65258</v>
      </c>
      <c r="R48" s="16">
        <v>71698</v>
      </c>
      <c r="S48" s="16">
        <v>104810</v>
      </c>
      <c r="T48" s="16">
        <v>117976</v>
      </c>
      <c r="U48" s="16">
        <v>131420</v>
      </c>
      <c r="V48" s="16">
        <v>123940</v>
      </c>
      <c r="W48" s="16">
        <v>72466</v>
      </c>
      <c r="X48" s="16">
        <v>22193</v>
      </c>
      <c r="Y48" s="16">
        <v>4444</v>
      </c>
      <c r="Z48" s="16">
        <v>1057790</v>
      </c>
      <c r="AA48" s="16">
        <v>648947</v>
      </c>
      <c r="AB48" s="16">
        <v>472439</v>
      </c>
      <c r="AC48" s="16">
        <v>223043</v>
      </c>
      <c r="AD48" s="16">
        <v>1119855</v>
      </c>
      <c r="AE48" s="17">
        <v>55.597569999999997</v>
      </c>
    </row>
    <row r="49" spans="1:31">
      <c r="A49" s="21" t="s">
        <v>232</v>
      </c>
      <c r="B49" s="21" t="s">
        <v>237</v>
      </c>
      <c r="C49" s="21" t="s">
        <v>264</v>
      </c>
      <c r="D49" s="21" t="s">
        <v>394</v>
      </c>
      <c r="E49" s="21" t="s">
        <v>214</v>
      </c>
      <c r="F49" s="21" t="s">
        <v>214</v>
      </c>
      <c r="G49" s="16">
        <v>725556</v>
      </c>
      <c r="H49" s="16">
        <v>45165</v>
      </c>
      <c r="I49" s="16">
        <v>42753</v>
      </c>
      <c r="J49" s="16">
        <v>41542</v>
      </c>
      <c r="K49" s="16">
        <v>45540</v>
      </c>
      <c r="L49" s="16">
        <v>51957</v>
      </c>
      <c r="M49" s="16">
        <v>57889</v>
      </c>
      <c r="N49" s="16">
        <v>62793</v>
      </c>
      <c r="O49" s="16">
        <v>54628</v>
      </c>
      <c r="P49" s="16">
        <v>52198</v>
      </c>
      <c r="Q49" s="16">
        <v>51360</v>
      </c>
      <c r="R49" s="16">
        <v>54026</v>
      </c>
      <c r="S49" s="16">
        <v>54947</v>
      </c>
      <c r="T49" s="16">
        <v>39627</v>
      </c>
      <c r="U49" s="16">
        <v>31984</v>
      </c>
      <c r="V49" s="16">
        <v>23454</v>
      </c>
      <c r="W49" s="16">
        <v>11778</v>
      </c>
      <c r="X49" s="16">
        <v>3373</v>
      </c>
      <c r="Y49" s="16">
        <v>542</v>
      </c>
      <c r="Z49" s="16">
        <v>505825</v>
      </c>
      <c r="AA49" s="16">
        <v>219731</v>
      </c>
      <c r="AB49" s="16">
        <v>110758</v>
      </c>
      <c r="AC49" s="16">
        <v>39147</v>
      </c>
      <c r="AD49" s="16">
        <v>514686</v>
      </c>
      <c r="AE49" s="17">
        <v>51.946210000000001</v>
      </c>
    </row>
    <row r="50" spans="1:31">
      <c r="A50" s="21" t="s">
        <v>232</v>
      </c>
      <c r="B50" s="21" t="s">
        <v>237</v>
      </c>
      <c r="C50" s="21" t="s">
        <v>264</v>
      </c>
      <c r="D50" s="21" t="s">
        <v>394</v>
      </c>
      <c r="E50" s="21" t="s">
        <v>214</v>
      </c>
      <c r="F50" s="21" t="s">
        <v>466</v>
      </c>
      <c r="G50" s="16">
        <v>198121</v>
      </c>
      <c r="H50" s="16">
        <v>44812</v>
      </c>
      <c r="I50" s="16">
        <v>37921</v>
      </c>
      <c r="J50" s="16">
        <v>24835</v>
      </c>
      <c r="K50" s="16">
        <v>16507</v>
      </c>
      <c r="L50" s="16">
        <v>13414</v>
      </c>
      <c r="M50" s="16">
        <v>12172</v>
      </c>
      <c r="N50" s="16">
        <v>12258</v>
      </c>
      <c r="O50" s="16">
        <v>9645</v>
      </c>
      <c r="P50" s="16">
        <v>7474</v>
      </c>
      <c r="Q50" s="16">
        <v>5673</v>
      </c>
      <c r="R50" s="16">
        <v>4805</v>
      </c>
      <c r="S50" s="16">
        <v>3818</v>
      </c>
      <c r="T50" s="16">
        <v>2014</v>
      </c>
      <c r="U50" s="16">
        <v>1318</v>
      </c>
      <c r="V50" s="16">
        <v>831</v>
      </c>
      <c r="W50" s="16">
        <v>462</v>
      </c>
      <c r="X50" s="16">
        <v>147</v>
      </c>
      <c r="Y50" s="16">
        <v>15</v>
      </c>
      <c r="Z50" s="16">
        <v>184711</v>
      </c>
      <c r="AA50" s="16">
        <v>13410</v>
      </c>
      <c r="AB50" s="16">
        <v>4787</v>
      </c>
      <c r="AC50" s="16">
        <v>1455</v>
      </c>
      <c r="AD50" s="16">
        <v>144704</v>
      </c>
      <c r="AE50" s="17">
        <v>33.969529999999999</v>
      </c>
    </row>
    <row r="51" spans="1:31">
      <c r="A51" s="21" t="s">
        <v>232</v>
      </c>
      <c r="B51" s="21" t="s">
        <v>237</v>
      </c>
      <c r="C51" s="21" t="s">
        <v>264</v>
      </c>
      <c r="D51" s="21" t="s">
        <v>394</v>
      </c>
      <c r="E51" s="21" t="s">
        <v>214</v>
      </c>
      <c r="F51" s="21" t="s">
        <v>467</v>
      </c>
      <c r="G51" s="16">
        <v>399356</v>
      </c>
      <c r="H51" s="16">
        <v>144</v>
      </c>
      <c r="I51" s="16">
        <v>2810</v>
      </c>
      <c r="J51" s="16">
        <v>13619</v>
      </c>
      <c r="K51" s="16">
        <v>25502</v>
      </c>
      <c r="L51" s="16">
        <v>33768</v>
      </c>
      <c r="M51" s="16">
        <v>39351</v>
      </c>
      <c r="N51" s="16">
        <v>42394</v>
      </c>
      <c r="O51" s="16">
        <v>36842</v>
      </c>
      <c r="P51" s="16">
        <v>36422</v>
      </c>
      <c r="Q51" s="16">
        <v>36600</v>
      </c>
      <c r="R51" s="16">
        <v>38271</v>
      </c>
      <c r="S51" s="16">
        <v>37941</v>
      </c>
      <c r="T51" s="16">
        <v>25698</v>
      </c>
      <c r="U51" s="16">
        <v>17443</v>
      </c>
      <c r="V51" s="16">
        <v>9395</v>
      </c>
      <c r="W51" s="16">
        <v>2786</v>
      </c>
      <c r="X51" s="16">
        <v>343</v>
      </c>
      <c r="Y51" s="16">
        <v>27</v>
      </c>
      <c r="Z51" s="16">
        <v>267452</v>
      </c>
      <c r="AA51" s="16">
        <v>131904</v>
      </c>
      <c r="AB51" s="16">
        <v>55692</v>
      </c>
      <c r="AC51" s="16">
        <v>12551</v>
      </c>
      <c r="AD51" s="16">
        <v>305579</v>
      </c>
      <c r="AE51" s="17">
        <v>56.123570000000001</v>
      </c>
    </row>
    <row r="52" spans="1:31">
      <c r="A52" s="21" t="s">
        <v>232</v>
      </c>
      <c r="B52" s="21" t="s">
        <v>237</v>
      </c>
      <c r="C52" s="21" t="s">
        <v>264</v>
      </c>
      <c r="D52" s="21" t="s">
        <v>394</v>
      </c>
      <c r="E52" s="21" t="s">
        <v>214</v>
      </c>
      <c r="F52" s="21" t="s">
        <v>468</v>
      </c>
      <c r="G52" s="16">
        <v>53836</v>
      </c>
      <c r="H52" s="16">
        <v>5</v>
      </c>
      <c r="I52" s="16">
        <v>18</v>
      </c>
      <c r="J52" s="16">
        <v>12</v>
      </c>
      <c r="K52" s="16">
        <v>40</v>
      </c>
      <c r="L52" s="16">
        <v>103</v>
      </c>
      <c r="M52" s="16">
        <v>206</v>
      </c>
      <c r="N52" s="16">
        <v>439</v>
      </c>
      <c r="O52" s="16">
        <v>697</v>
      </c>
      <c r="P52" s="16">
        <v>1146</v>
      </c>
      <c r="Q52" s="16">
        <v>2058</v>
      </c>
      <c r="R52" s="16">
        <v>3746</v>
      </c>
      <c r="S52" s="16">
        <v>6339</v>
      </c>
      <c r="T52" s="16">
        <v>7834</v>
      </c>
      <c r="U52" s="16">
        <v>10186</v>
      </c>
      <c r="V52" s="16">
        <v>10971</v>
      </c>
      <c r="W52" s="16">
        <v>7152</v>
      </c>
      <c r="X52" s="16">
        <v>2466</v>
      </c>
      <c r="Y52" s="16">
        <v>418</v>
      </c>
      <c r="Z52" s="16">
        <v>4724</v>
      </c>
      <c r="AA52" s="16">
        <v>49112</v>
      </c>
      <c r="AB52" s="16">
        <v>39027</v>
      </c>
      <c r="AC52" s="16">
        <v>21007</v>
      </c>
      <c r="AD52" s="16">
        <v>8465</v>
      </c>
      <c r="AE52" s="17">
        <v>80.468869999999995</v>
      </c>
    </row>
    <row r="53" spans="1:31">
      <c r="A53" s="21" t="s">
        <v>232</v>
      </c>
      <c r="B53" s="21" t="s">
        <v>237</v>
      </c>
      <c r="C53" s="21" t="s">
        <v>264</v>
      </c>
      <c r="D53" s="21" t="s">
        <v>394</v>
      </c>
      <c r="E53" s="21" t="s">
        <v>214</v>
      </c>
      <c r="F53" s="21" t="s">
        <v>469</v>
      </c>
      <c r="G53" s="16">
        <v>49191</v>
      </c>
      <c r="H53" s="16">
        <v>14</v>
      </c>
      <c r="I53" s="16">
        <v>192</v>
      </c>
      <c r="J53" s="16">
        <v>757</v>
      </c>
      <c r="K53" s="16">
        <v>1634</v>
      </c>
      <c r="L53" s="16">
        <v>2764</v>
      </c>
      <c r="M53" s="16">
        <v>4175</v>
      </c>
      <c r="N53" s="16">
        <v>5613</v>
      </c>
      <c r="O53" s="16">
        <v>5731</v>
      </c>
      <c r="P53" s="16">
        <v>5730</v>
      </c>
      <c r="Q53" s="16">
        <v>5711</v>
      </c>
      <c r="R53" s="16">
        <v>5843</v>
      </c>
      <c r="S53" s="16">
        <v>5320</v>
      </c>
      <c r="T53" s="16">
        <v>2817</v>
      </c>
      <c r="U53" s="16">
        <v>1612</v>
      </c>
      <c r="V53" s="16">
        <v>838</v>
      </c>
      <c r="W53" s="16">
        <v>343</v>
      </c>
      <c r="X53" s="16">
        <v>88</v>
      </c>
      <c r="Y53" s="16">
        <v>9</v>
      </c>
      <c r="Z53" s="16">
        <v>32321</v>
      </c>
      <c r="AA53" s="16">
        <v>16870</v>
      </c>
      <c r="AB53" s="16">
        <v>5707</v>
      </c>
      <c r="AC53" s="16">
        <v>1278</v>
      </c>
      <c r="AD53" s="16">
        <v>38150</v>
      </c>
      <c r="AE53" s="17">
        <v>58.118729999999999</v>
      </c>
    </row>
    <row r="54" spans="1:31">
      <c r="A54" s="21" t="s">
        <v>232</v>
      </c>
      <c r="B54" s="21" t="s">
        <v>237</v>
      </c>
      <c r="C54" s="21" t="s">
        <v>264</v>
      </c>
      <c r="D54" s="21" t="s">
        <v>394</v>
      </c>
      <c r="E54" s="21" t="s">
        <v>214</v>
      </c>
      <c r="F54" s="21" t="s">
        <v>470</v>
      </c>
      <c r="G54" s="16">
        <v>25052</v>
      </c>
      <c r="H54" s="16">
        <v>190</v>
      </c>
      <c r="I54" s="16">
        <v>1812</v>
      </c>
      <c r="J54" s="16">
        <v>2319</v>
      </c>
      <c r="K54" s="16">
        <v>1857</v>
      </c>
      <c r="L54" s="16">
        <v>1908</v>
      </c>
      <c r="M54" s="16">
        <v>1985</v>
      </c>
      <c r="N54" s="16">
        <v>2089</v>
      </c>
      <c r="O54" s="16">
        <v>1713</v>
      </c>
      <c r="P54" s="16">
        <v>1426</v>
      </c>
      <c r="Q54" s="16">
        <v>1318</v>
      </c>
      <c r="R54" s="16">
        <v>1361</v>
      </c>
      <c r="S54" s="16">
        <v>1529</v>
      </c>
      <c r="T54" s="16">
        <v>1264</v>
      </c>
      <c r="U54" s="16">
        <v>1425</v>
      </c>
      <c r="V54" s="16">
        <v>1419</v>
      </c>
      <c r="W54" s="16">
        <v>1035</v>
      </c>
      <c r="X54" s="16">
        <v>329</v>
      </c>
      <c r="Y54" s="16">
        <v>73</v>
      </c>
      <c r="Z54" s="16">
        <v>16617</v>
      </c>
      <c r="AA54" s="16">
        <v>8435</v>
      </c>
      <c r="AB54" s="16">
        <v>5545</v>
      </c>
      <c r="AC54" s="16">
        <v>2856</v>
      </c>
      <c r="AD54" s="16">
        <v>17788</v>
      </c>
      <c r="AE54" s="17">
        <v>54.106619999999999</v>
      </c>
    </row>
    <row r="55" spans="1:31">
      <c r="A55" s="21" t="s">
        <v>232</v>
      </c>
      <c r="B55" s="21" t="s">
        <v>237</v>
      </c>
      <c r="C55" s="21" t="s">
        <v>264</v>
      </c>
      <c r="D55" s="21" t="s">
        <v>394</v>
      </c>
      <c r="E55" s="21" t="s">
        <v>215</v>
      </c>
      <c r="F55" s="21" t="s">
        <v>214</v>
      </c>
      <c r="G55" s="16">
        <v>336885</v>
      </c>
      <c r="H55" s="16">
        <v>23179</v>
      </c>
      <c r="I55" s="16">
        <v>21387</v>
      </c>
      <c r="J55" s="16">
        <v>20161</v>
      </c>
      <c r="K55" s="16">
        <v>22221</v>
      </c>
      <c r="L55" s="16">
        <v>25202</v>
      </c>
      <c r="M55" s="16">
        <v>27981</v>
      </c>
      <c r="N55" s="16">
        <v>30223</v>
      </c>
      <c r="O55" s="16">
        <v>25690</v>
      </c>
      <c r="P55" s="16">
        <v>24609</v>
      </c>
      <c r="Q55" s="16">
        <v>24433</v>
      </c>
      <c r="R55" s="16">
        <v>25362</v>
      </c>
      <c r="S55" s="16">
        <v>24913</v>
      </c>
      <c r="T55" s="16">
        <v>16756</v>
      </c>
      <c r="U55" s="16">
        <v>12562</v>
      </c>
      <c r="V55" s="16">
        <v>8206</v>
      </c>
      <c r="W55" s="16">
        <v>3288</v>
      </c>
      <c r="X55" s="16">
        <v>647</v>
      </c>
      <c r="Y55" s="16">
        <v>65</v>
      </c>
      <c r="Z55" s="16">
        <v>245086</v>
      </c>
      <c r="AA55" s="16">
        <v>91799</v>
      </c>
      <c r="AB55" s="16">
        <v>41524</v>
      </c>
      <c r="AC55" s="16">
        <v>12206</v>
      </c>
      <c r="AD55" s="16">
        <v>247269</v>
      </c>
      <c r="AE55" s="17">
        <v>50.337859999999999</v>
      </c>
    </row>
    <row r="56" spans="1:31">
      <c r="A56" s="21" t="s">
        <v>232</v>
      </c>
      <c r="B56" s="21" t="s">
        <v>237</v>
      </c>
      <c r="C56" s="21" t="s">
        <v>264</v>
      </c>
      <c r="D56" s="21" t="s">
        <v>394</v>
      </c>
      <c r="E56" s="21" t="s">
        <v>215</v>
      </c>
      <c r="F56" s="21" t="s">
        <v>466</v>
      </c>
      <c r="G56" s="16">
        <v>100998</v>
      </c>
      <c r="H56" s="16">
        <v>23009</v>
      </c>
      <c r="I56" s="16">
        <v>19078</v>
      </c>
      <c r="J56" s="16">
        <v>12546</v>
      </c>
      <c r="K56" s="16">
        <v>8765</v>
      </c>
      <c r="L56" s="16">
        <v>7260</v>
      </c>
      <c r="M56" s="16">
        <v>6514</v>
      </c>
      <c r="N56" s="16">
        <v>6550</v>
      </c>
      <c r="O56" s="16">
        <v>5014</v>
      </c>
      <c r="P56" s="16">
        <v>3911</v>
      </c>
      <c r="Q56" s="16">
        <v>3119</v>
      </c>
      <c r="R56" s="16">
        <v>2506</v>
      </c>
      <c r="S56" s="16">
        <v>1679</v>
      </c>
      <c r="T56" s="16">
        <v>626</v>
      </c>
      <c r="U56" s="16">
        <v>275</v>
      </c>
      <c r="V56" s="16">
        <v>106</v>
      </c>
      <c r="W56" s="16">
        <v>33</v>
      </c>
      <c r="X56" s="16">
        <v>5</v>
      </c>
      <c r="Y56" s="16">
        <v>2</v>
      </c>
      <c r="Z56" s="16">
        <v>95766</v>
      </c>
      <c r="AA56" s="16">
        <v>5232</v>
      </c>
      <c r="AB56" s="16">
        <v>1047</v>
      </c>
      <c r="AC56" s="16">
        <v>146</v>
      </c>
      <c r="AD56" s="16">
        <v>75263</v>
      </c>
      <c r="AE56" s="17">
        <v>33.374789999999997</v>
      </c>
    </row>
    <row r="57" spans="1:31">
      <c r="A57" s="21" t="s">
        <v>232</v>
      </c>
      <c r="B57" s="21" t="s">
        <v>237</v>
      </c>
      <c r="C57" s="21" t="s">
        <v>264</v>
      </c>
      <c r="D57" s="21" t="s">
        <v>394</v>
      </c>
      <c r="E57" s="21" t="s">
        <v>215</v>
      </c>
      <c r="F57" s="21" t="s">
        <v>467</v>
      </c>
      <c r="G57" s="16">
        <v>198698</v>
      </c>
      <c r="H57" s="16">
        <v>62</v>
      </c>
      <c r="I57" s="16">
        <v>1171</v>
      </c>
      <c r="J57" s="16">
        <v>5994</v>
      </c>
      <c r="K57" s="16">
        <v>11809</v>
      </c>
      <c r="L57" s="16">
        <v>15917</v>
      </c>
      <c r="M57" s="16">
        <v>19031</v>
      </c>
      <c r="N57" s="16">
        <v>20699</v>
      </c>
      <c r="O57" s="16">
        <v>17652</v>
      </c>
      <c r="P57" s="16">
        <v>17700</v>
      </c>
      <c r="Q57" s="16">
        <v>18152</v>
      </c>
      <c r="R57" s="16">
        <v>19194</v>
      </c>
      <c r="S57" s="16">
        <v>19527</v>
      </c>
      <c r="T57" s="16">
        <v>13577</v>
      </c>
      <c r="U57" s="16">
        <v>9983</v>
      </c>
      <c r="V57" s="16">
        <v>5962</v>
      </c>
      <c r="W57" s="16">
        <v>1993</v>
      </c>
      <c r="X57" s="16">
        <v>256</v>
      </c>
      <c r="Y57" s="16">
        <v>19</v>
      </c>
      <c r="Z57" s="16">
        <v>128187</v>
      </c>
      <c r="AA57" s="16">
        <v>70511</v>
      </c>
      <c r="AB57" s="16">
        <v>31790</v>
      </c>
      <c r="AC57" s="16">
        <v>8230</v>
      </c>
      <c r="AD57" s="16">
        <v>147319</v>
      </c>
      <c r="AE57" s="17">
        <v>57.184609999999999</v>
      </c>
    </row>
    <row r="58" spans="1:31">
      <c r="A58" s="21" t="s">
        <v>232</v>
      </c>
      <c r="B58" s="21" t="s">
        <v>237</v>
      </c>
      <c r="C58" s="21" t="s">
        <v>264</v>
      </c>
      <c r="D58" s="21" t="s">
        <v>394</v>
      </c>
      <c r="E58" s="21" t="s">
        <v>215</v>
      </c>
      <c r="F58" s="21" t="s">
        <v>468</v>
      </c>
      <c r="G58" s="16">
        <v>8896</v>
      </c>
      <c r="H58" s="16">
        <v>2</v>
      </c>
      <c r="I58" s="16">
        <v>5</v>
      </c>
      <c r="J58" s="16">
        <v>2</v>
      </c>
      <c r="K58" s="16">
        <v>8</v>
      </c>
      <c r="L58" s="16">
        <v>27</v>
      </c>
      <c r="M58" s="16">
        <v>53</v>
      </c>
      <c r="N58" s="16">
        <v>103</v>
      </c>
      <c r="O58" s="16">
        <v>164</v>
      </c>
      <c r="P58" s="16">
        <v>247</v>
      </c>
      <c r="Q58" s="16">
        <v>467</v>
      </c>
      <c r="R58" s="16">
        <v>818</v>
      </c>
      <c r="S58" s="16">
        <v>1224</v>
      </c>
      <c r="T58" s="16">
        <v>1264</v>
      </c>
      <c r="U58" s="16">
        <v>1484</v>
      </c>
      <c r="V58" s="16">
        <v>1627</v>
      </c>
      <c r="W58" s="16">
        <v>1040</v>
      </c>
      <c r="X58" s="16">
        <v>325</v>
      </c>
      <c r="Y58" s="16">
        <v>36</v>
      </c>
      <c r="Z58" s="16">
        <v>1078</v>
      </c>
      <c r="AA58" s="16">
        <v>7818</v>
      </c>
      <c r="AB58" s="16">
        <v>5776</v>
      </c>
      <c r="AC58" s="16">
        <v>3028</v>
      </c>
      <c r="AD58" s="16">
        <v>1894</v>
      </c>
      <c r="AE58" s="17">
        <v>78.577340000000007</v>
      </c>
    </row>
    <row r="59" spans="1:31">
      <c r="A59" s="21" t="s">
        <v>232</v>
      </c>
      <c r="B59" s="21" t="s">
        <v>237</v>
      </c>
      <c r="C59" s="21" t="s">
        <v>264</v>
      </c>
      <c r="D59" s="21" t="s">
        <v>394</v>
      </c>
      <c r="E59" s="21" t="s">
        <v>215</v>
      </c>
      <c r="F59" s="21" t="s">
        <v>469</v>
      </c>
      <c r="G59" s="16">
        <v>15513</v>
      </c>
      <c r="H59" s="16">
        <v>5</v>
      </c>
      <c r="I59" s="16">
        <v>39</v>
      </c>
      <c r="J59" s="16">
        <v>192</v>
      </c>
      <c r="K59" s="16">
        <v>477</v>
      </c>
      <c r="L59" s="16">
        <v>844</v>
      </c>
      <c r="M59" s="16">
        <v>1249</v>
      </c>
      <c r="N59" s="16">
        <v>1646</v>
      </c>
      <c r="O59" s="16">
        <v>1819</v>
      </c>
      <c r="P59" s="16">
        <v>1944</v>
      </c>
      <c r="Q59" s="16">
        <v>1931</v>
      </c>
      <c r="R59" s="16">
        <v>2121</v>
      </c>
      <c r="S59" s="16">
        <v>1759</v>
      </c>
      <c r="T59" s="16">
        <v>846</v>
      </c>
      <c r="U59" s="16">
        <v>427</v>
      </c>
      <c r="V59" s="16">
        <v>168</v>
      </c>
      <c r="W59" s="16">
        <v>39</v>
      </c>
      <c r="X59" s="16">
        <v>7</v>
      </c>
      <c r="Y59" s="22" t="s">
        <v>268</v>
      </c>
      <c r="Z59" s="16">
        <v>10146</v>
      </c>
      <c r="AA59" s="16">
        <v>5367</v>
      </c>
      <c r="AB59" s="16">
        <v>1487</v>
      </c>
      <c r="AC59" s="16">
        <v>214</v>
      </c>
      <c r="AD59" s="16">
        <v>12262</v>
      </c>
      <c r="AE59" s="17">
        <v>58.201729999999998</v>
      </c>
    </row>
    <row r="60" spans="1:31">
      <c r="A60" s="21" t="s">
        <v>232</v>
      </c>
      <c r="B60" s="21" t="s">
        <v>237</v>
      </c>
      <c r="C60" s="21" t="s">
        <v>264</v>
      </c>
      <c r="D60" s="21" t="s">
        <v>394</v>
      </c>
      <c r="E60" s="21" t="s">
        <v>215</v>
      </c>
      <c r="F60" s="21" t="s">
        <v>470</v>
      </c>
      <c r="G60" s="16">
        <v>12780</v>
      </c>
      <c r="H60" s="16">
        <v>101</v>
      </c>
      <c r="I60" s="16">
        <v>1094</v>
      </c>
      <c r="J60" s="16">
        <v>1427</v>
      </c>
      <c r="K60" s="16">
        <v>1162</v>
      </c>
      <c r="L60" s="16">
        <v>1154</v>
      </c>
      <c r="M60" s="16">
        <v>1134</v>
      </c>
      <c r="N60" s="16">
        <v>1225</v>
      </c>
      <c r="O60" s="16">
        <v>1041</v>
      </c>
      <c r="P60" s="16">
        <v>807</v>
      </c>
      <c r="Q60" s="16">
        <v>764</v>
      </c>
      <c r="R60" s="16">
        <v>723</v>
      </c>
      <c r="S60" s="16">
        <v>724</v>
      </c>
      <c r="T60" s="16">
        <v>443</v>
      </c>
      <c r="U60" s="16">
        <v>393</v>
      </c>
      <c r="V60" s="16">
        <v>343</v>
      </c>
      <c r="W60" s="16">
        <v>183</v>
      </c>
      <c r="X60" s="16">
        <v>54</v>
      </c>
      <c r="Y60" s="16">
        <v>8</v>
      </c>
      <c r="Z60" s="16">
        <v>9909</v>
      </c>
      <c r="AA60" s="16">
        <v>2871</v>
      </c>
      <c r="AB60" s="16">
        <v>1424</v>
      </c>
      <c r="AC60" s="16">
        <v>588</v>
      </c>
      <c r="AD60" s="16">
        <v>10531</v>
      </c>
      <c r="AE60" s="17">
        <v>48.740920000000003</v>
      </c>
    </row>
    <row r="61" spans="1:31">
      <c r="A61" s="21" t="s">
        <v>232</v>
      </c>
      <c r="B61" s="21" t="s">
        <v>237</v>
      </c>
      <c r="C61" s="21" t="s">
        <v>264</v>
      </c>
      <c r="D61" s="21" t="s">
        <v>394</v>
      </c>
      <c r="E61" s="21" t="s">
        <v>216</v>
      </c>
      <c r="F61" s="21" t="s">
        <v>214</v>
      </c>
      <c r="G61" s="16">
        <v>388671</v>
      </c>
      <c r="H61" s="16">
        <v>21986</v>
      </c>
      <c r="I61" s="16">
        <v>21366</v>
      </c>
      <c r="J61" s="16">
        <v>21381</v>
      </c>
      <c r="K61" s="16">
        <v>23319</v>
      </c>
      <c r="L61" s="16">
        <v>26755</v>
      </c>
      <c r="M61" s="16">
        <v>29908</v>
      </c>
      <c r="N61" s="16">
        <v>32570</v>
      </c>
      <c r="O61" s="16">
        <v>28938</v>
      </c>
      <c r="P61" s="16">
        <v>27589</v>
      </c>
      <c r="Q61" s="16">
        <v>26927</v>
      </c>
      <c r="R61" s="16">
        <v>28664</v>
      </c>
      <c r="S61" s="16">
        <v>30034</v>
      </c>
      <c r="T61" s="16">
        <v>22871</v>
      </c>
      <c r="U61" s="16">
        <v>19422</v>
      </c>
      <c r="V61" s="16">
        <v>15248</v>
      </c>
      <c r="W61" s="16">
        <v>8490</v>
      </c>
      <c r="X61" s="16">
        <v>2726</v>
      </c>
      <c r="Y61" s="16">
        <v>477</v>
      </c>
      <c r="Z61" s="16">
        <v>260739</v>
      </c>
      <c r="AA61" s="16">
        <v>127932</v>
      </c>
      <c r="AB61" s="16">
        <v>69234</v>
      </c>
      <c r="AC61" s="16">
        <v>26941</v>
      </c>
      <c r="AD61" s="16">
        <v>267417</v>
      </c>
      <c r="AE61" s="17">
        <v>53.340260000000001</v>
      </c>
    </row>
    <row r="62" spans="1:31">
      <c r="A62" s="21" t="s">
        <v>232</v>
      </c>
      <c r="B62" s="21" t="s">
        <v>237</v>
      </c>
      <c r="C62" s="21" t="s">
        <v>264</v>
      </c>
      <c r="D62" s="21" t="s">
        <v>394</v>
      </c>
      <c r="E62" s="21" t="s">
        <v>216</v>
      </c>
      <c r="F62" s="21" t="s">
        <v>466</v>
      </c>
      <c r="G62" s="16">
        <v>97123</v>
      </c>
      <c r="H62" s="16">
        <v>21803</v>
      </c>
      <c r="I62" s="16">
        <v>18843</v>
      </c>
      <c r="J62" s="16">
        <v>12289</v>
      </c>
      <c r="K62" s="16">
        <v>7742</v>
      </c>
      <c r="L62" s="16">
        <v>6154</v>
      </c>
      <c r="M62" s="16">
        <v>5658</v>
      </c>
      <c r="N62" s="16">
        <v>5708</v>
      </c>
      <c r="O62" s="16">
        <v>4631</v>
      </c>
      <c r="P62" s="16">
        <v>3563</v>
      </c>
      <c r="Q62" s="16">
        <v>2554</v>
      </c>
      <c r="R62" s="16">
        <v>2299</v>
      </c>
      <c r="S62" s="16">
        <v>2139</v>
      </c>
      <c r="T62" s="16">
        <v>1388</v>
      </c>
      <c r="U62" s="16">
        <v>1043</v>
      </c>
      <c r="V62" s="16">
        <v>725</v>
      </c>
      <c r="W62" s="16">
        <v>429</v>
      </c>
      <c r="X62" s="16">
        <v>142</v>
      </c>
      <c r="Y62" s="16">
        <v>13</v>
      </c>
      <c r="Z62" s="16">
        <v>88945</v>
      </c>
      <c r="AA62" s="16">
        <v>8178</v>
      </c>
      <c r="AB62" s="16">
        <v>3740</v>
      </c>
      <c r="AC62" s="16">
        <v>1309</v>
      </c>
      <c r="AD62" s="16">
        <v>69441</v>
      </c>
      <c r="AE62" s="17">
        <v>34.588000000000001</v>
      </c>
    </row>
    <row r="63" spans="1:31">
      <c r="A63" s="21" t="s">
        <v>232</v>
      </c>
      <c r="B63" s="21" t="s">
        <v>237</v>
      </c>
      <c r="C63" s="21" t="s">
        <v>264</v>
      </c>
      <c r="D63" s="21" t="s">
        <v>394</v>
      </c>
      <c r="E63" s="21" t="s">
        <v>216</v>
      </c>
      <c r="F63" s="21" t="s">
        <v>467</v>
      </c>
      <c r="G63" s="16">
        <v>200658</v>
      </c>
      <c r="H63" s="16">
        <v>82</v>
      </c>
      <c r="I63" s="16">
        <v>1639</v>
      </c>
      <c r="J63" s="16">
        <v>7625</v>
      </c>
      <c r="K63" s="16">
        <v>13693</v>
      </c>
      <c r="L63" s="16">
        <v>17851</v>
      </c>
      <c r="M63" s="16">
        <v>20320</v>
      </c>
      <c r="N63" s="16">
        <v>21695</v>
      </c>
      <c r="O63" s="16">
        <v>19190</v>
      </c>
      <c r="P63" s="16">
        <v>18722</v>
      </c>
      <c r="Q63" s="16">
        <v>18448</v>
      </c>
      <c r="R63" s="16">
        <v>19077</v>
      </c>
      <c r="S63" s="16">
        <v>18414</v>
      </c>
      <c r="T63" s="16">
        <v>12121</v>
      </c>
      <c r="U63" s="16">
        <v>7460</v>
      </c>
      <c r="V63" s="16">
        <v>3433</v>
      </c>
      <c r="W63" s="16">
        <v>793</v>
      </c>
      <c r="X63" s="16">
        <v>87</v>
      </c>
      <c r="Y63" s="16">
        <v>8</v>
      </c>
      <c r="Z63" s="16">
        <v>139265</v>
      </c>
      <c r="AA63" s="16">
        <v>61393</v>
      </c>
      <c r="AB63" s="16">
        <v>23902</v>
      </c>
      <c r="AC63" s="16">
        <v>4321</v>
      </c>
      <c r="AD63" s="16">
        <v>158260</v>
      </c>
      <c r="AE63" s="17">
        <v>55.07291</v>
      </c>
    </row>
    <row r="64" spans="1:31">
      <c r="A64" s="21" t="s">
        <v>232</v>
      </c>
      <c r="B64" s="21" t="s">
        <v>237</v>
      </c>
      <c r="C64" s="21" t="s">
        <v>264</v>
      </c>
      <c r="D64" s="21" t="s">
        <v>394</v>
      </c>
      <c r="E64" s="21" t="s">
        <v>216</v>
      </c>
      <c r="F64" s="21" t="s">
        <v>468</v>
      </c>
      <c r="G64" s="16">
        <v>44940</v>
      </c>
      <c r="H64" s="16">
        <v>3</v>
      </c>
      <c r="I64" s="16">
        <v>13</v>
      </c>
      <c r="J64" s="16">
        <v>10</v>
      </c>
      <c r="K64" s="16">
        <v>32</v>
      </c>
      <c r="L64" s="16">
        <v>76</v>
      </c>
      <c r="M64" s="16">
        <v>153</v>
      </c>
      <c r="N64" s="16">
        <v>336</v>
      </c>
      <c r="O64" s="16">
        <v>533</v>
      </c>
      <c r="P64" s="16">
        <v>899</v>
      </c>
      <c r="Q64" s="16">
        <v>1591</v>
      </c>
      <c r="R64" s="16">
        <v>2928</v>
      </c>
      <c r="S64" s="16">
        <v>5115</v>
      </c>
      <c r="T64" s="16">
        <v>6570</v>
      </c>
      <c r="U64" s="16">
        <v>8702</v>
      </c>
      <c r="V64" s="16">
        <v>9344</v>
      </c>
      <c r="W64" s="16">
        <v>6112</v>
      </c>
      <c r="X64" s="16">
        <v>2141</v>
      </c>
      <c r="Y64" s="16">
        <v>382</v>
      </c>
      <c r="Z64" s="16">
        <v>3646</v>
      </c>
      <c r="AA64" s="16">
        <v>41294</v>
      </c>
      <c r="AB64" s="16">
        <v>33251</v>
      </c>
      <c r="AC64" s="16">
        <v>17979</v>
      </c>
      <c r="AD64" s="16">
        <v>6571</v>
      </c>
      <c r="AE64" s="17">
        <v>80.843299999999999</v>
      </c>
    </row>
    <row r="65" spans="1:31">
      <c r="A65" s="21" t="s">
        <v>232</v>
      </c>
      <c r="B65" s="21" t="s">
        <v>237</v>
      </c>
      <c r="C65" s="21" t="s">
        <v>264</v>
      </c>
      <c r="D65" s="21" t="s">
        <v>394</v>
      </c>
      <c r="E65" s="21" t="s">
        <v>216</v>
      </c>
      <c r="F65" s="21" t="s">
        <v>469</v>
      </c>
      <c r="G65" s="16">
        <v>33678</v>
      </c>
      <c r="H65" s="16">
        <v>9</v>
      </c>
      <c r="I65" s="16">
        <v>153</v>
      </c>
      <c r="J65" s="16">
        <v>565</v>
      </c>
      <c r="K65" s="16">
        <v>1157</v>
      </c>
      <c r="L65" s="16">
        <v>1920</v>
      </c>
      <c r="M65" s="16">
        <v>2926</v>
      </c>
      <c r="N65" s="16">
        <v>3967</v>
      </c>
      <c r="O65" s="16">
        <v>3912</v>
      </c>
      <c r="P65" s="16">
        <v>3786</v>
      </c>
      <c r="Q65" s="16">
        <v>3780</v>
      </c>
      <c r="R65" s="16">
        <v>3722</v>
      </c>
      <c r="S65" s="16">
        <v>3561</v>
      </c>
      <c r="T65" s="16">
        <v>1971</v>
      </c>
      <c r="U65" s="16">
        <v>1185</v>
      </c>
      <c r="V65" s="16">
        <v>670</v>
      </c>
      <c r="W65" s="16">
        <v>304</v>
      </c>
      <c r="X65" s="16">
        <v>81</v>
      </c>
      <c r="Y65" s="16">
        <v>9</v>
      </c>
      <c r="Z65" s="16">
        <v>22175</v>
      </c>
      <c r="AA65" s="16">
        <v>11503</v>
      </c>
      <c r="AB65" s="16">
        <v>4220</v>
      </c>
      <c r="AC65" s="16">
        <v>1064</v>
      </c>
      <c r="AD65" s="16">
        <v>25888</v>
      </c>
      <c r="AE65" s="17">
        <v>58.080500000000001</v>
      </c>
    </row>
    <row r="66" spans="1:31">
      <c r="A66" s="21" t="s">
        <v>232</v>
      </c>
      <c r="B66" s="21" t="s">
        <v>237</v>
      </c>
      <c r="C66" s="21" t="s">
        <v>264</v>
      </c>
      <c r="D66" s="21" t="s">
        <v>394</v>
      </c>
      <c r="E66" s="21" t="s">
        <v>216</v>
      </c>
      <c r="F66" s="21" t="s">
        <v>470</v>
      </c>
      <c r="G66" s="16">
        <v>12272</v>
      </c>
      <c r="H66" s="16">
        <v>89</v>
      </c>
      <c r="I66" s="16">
        <v>718</v>
      </c>
      <c r="J66" s="16">
        <v>892</v>
      </c>
      <c r="K66" s="16">
        <v>695</v>
      </c>
      <c r="L66" s="16">
        <v>754</v>
      </c>
      <c r="M66" s="16">
        <v>851</v>
      </c>
      <c r="N66" s="16">
        <v>864</v>
      </c>
      <c r="O66" s="16">
        <v>672</v>
      </c>
      <c r="P66" s="16">
        <v>619</v>
      </c>
      <c r="Q66" s="16">
        <v>554</v>
      </c>
      <c r="R66" s="16">
        <v>638</v>
      </c>
      <c r="S66" s="16">
        <v>805</v>
      </c>
      <c r="T66" s="16">
        <v>821</v>
      </c>
      <c r="U66" s="16">
        <v>1032</v>
      </c>
      <c r="V66" s="16">
        <v>1076</v>
      </c>
      <c r="W66" s="16">
        <v>852</v>
      </c>
      <c r="X66" s="16">
        <v>275</v>
      </c>
      <c r="Y66" s="16">
        <v>65</v>
      </c>
      <c r="Z66" s="16">
        <v>6708</v>
      </c>
      <c r="AA66" s="16">
        <v>5564</v>
      </c>
      <c r="AB66" s="16">
        <v>4121</v>
      </c>
      <c r="AC66" s="16">
        <v>2268</v>
      </c>
      <c r="AD66" s="16">
        <v>7257</v>
      </c>
      <c r="AE66" s="17">
        <v>59.694429999999997</v>
      </c>
    </row>
    <row r="67" spans="1:31">
      <c r="A67" s="21" t="s">
        <v>232</v>
      </c>
      <c r="B67" s="21" t="s">
        <v>237</v>
      </c>
      <c r="C67" s="21" t="s">
        <v>264</v>
      </c>
      <c r="D67" s="21" t="s">
        <v>395</v>
      </c>
      <c r="E67" s="21" t="s">
        <v>214</v>
      </c>
      <c r="F67" s="21" t="s">
        <v>214</v>
      </c>
      <c r="G67" s="16">
        <v>718972</v>
      </c>
      <c r="H67" s="16">
        <v>44936</v>
      </c>
      <c r="I67" s="16">
        <v>41349</v>
      </c>
      <c r="J67" s="16">
        <v>40268</v>
      </c>
      <c r="K67" s="16">
        <v>44740</v>
      </c>
      <c r="L67" s="16">
        <v>51355</v>
      </c>
      <c r="M67" s="16">
        <v>57407</v>
      </c>
      <c r="N67" s="16">
        <v>62322</v>
      </c>
      <c r="O67" s="16">
        <v>54240</v>
      </c>
      <c r="P67" s="16">
        <v>51953</v>
      </c>
      <c r="Q67" s="16">
        <v>51156</v>
      </c>
      <c r="R67" s="16">
        <v>53895</v>
      </c>
      <c r="S67" s="16">
        <v>54818</v>
      </c>
      <c r="T67" s="16">
        <v>39560</v>
      </c>
      <c r="U67" s="16">
        <v>31900</v>
      </c>
      <c r="V67" s="16">
        <v>23415</v>
      </c>
      <c r="W67" s="16">
        <v>11746</v>
      </c>
      <c r="X67" s="16">
        <v>3370</v>
      </c>
      <c r="Y67" s="16">
        <v>542</v>
      </c>
      <c r="Z67" s="16">
        <v>499726</v>
      </c>
      <c r="AA67" s="16">
        <v>219246</v>
      </c>
      <c r="AB67" s="16">
        <v>110533</v>
      </c>
      <c r="AC67" s="16">
        <v>39073</v>
      </c>
      <c r="AD67" s="16">
        <v>508685</v>
      </c>
      <c r="AE67" s="17">
        <v>52.079540000000001</v>
      </c>
    </row>
    <row r="68" spans="1:31">
      <c r="A68" s="21" t="s">
        <v>232</v>
      </c>
      <c r="B68" s="21" t="s">
        <v>237</v>
      </c>
      <c r="C68" s="21" t="s">
        <v>264</v>
      </c>
      <c r="D68" s="21" t="s">
        <v>395</v>
      </c>
      <c r="E68" s="21" t="s">
        <v>214</v>
      </c>
      <c r="F68" s="21" t="s">
        <v>466</v>
      </c>
      <c r="G68" s="16">
        <v>195483</v>
      </c>
      <c r="H68" s="16">
        <v>44596</v>
      </c>
      <c r="I68" s="16">
        <v>36811</v>
      </c>
      <c r="J68" s="16">
        <v>24041</v>
      </c>
      <c r="K68" s="16">
        <v>16274</v>
      </c>
      <c r="L68" s="16">
        <v>13316</v>
      </c>
      <c r="M68" s="16">
        <v>12119</v>
      </c>
      <c r="N68" s="16">
        <v>12222</v>
      </c>
      <c r="O68" s="16">
        <v>9621</v>
      </c>
      <c r="P68" s="16">
        <v>7453</v>
      </c>
      <c r="Q68" s="16">
        <v>5648</v>
      </c>
      <c r="R68" s="16">
        <v>4794</v>
      </c>
      <c r="S68" s="16">
        <v>3810</v>
      </c>
      <c r="T68" s="16">
        <v>2010</v>
      </c>
      <c r="U68" s="16">
        <v>1314</v>
      </c>
      <c r="V68" s="16">
        <v>831</v>
      </c>
      <c r="W68" s="16">
        <v>461</v>
      </c>
      <c r="X68" s="16">
        <v>147</v>
      </c>
      <c r="Y68" s="16">
        <v>15</v>
      </c>
      <c r="Z68" s="16">
        <v>182101</v>
      </c>
      <c r="AA68" s="16">
        <v>13382</v>
      </c>
      <c r="AB68" s="16">
        <v>4778</v>
      </c>
      <c r="AC68" s="16">
        <v>1454</v>
      </c>
      <c r="AD68" s="16">
        <v>142299</v>
      </c>
      <c r="AE68" s="17">
        <v>34.060609999999997</v>
      </c>
    </row>
    <row r="69" spans="1:31">
      <c r="A69" s="21" t="s">
        <v>232</v>
      </c>
      <c r="B69" s="21" t="s">
        <v>237</v>
      </c>
      <c r="C69" s="21" t="s">
        <v>264</v>
      </c>
      <c r="D69" s="21" t="s">
        <v>395</v>
      </c>
      <c r="E69" s="21" t="s">
        <v>214</v>
      </c>
      <c r="F69" s="21" t="s">
        <v>467</v>
      </c>
      <c r="G69" s="16">
        <v>396582</v>
      </c>
      <c r="H69" s="16">
        <v>142</v>
      </c>
      <c r="I69" s="16">
        <v>2741</v>
      </c>
      <c r="J69" s="16">
        <v>13344</v>
      </c>
      <c r="K69" s="16">
        <v>25055</v>
      </c>
      <c r="L69" s="16">
        <v>33338</v>
      </c>
      <c r="M69" s="16">
        <v>38993</v>
      </c>
      <c r="N69" s="16">
        <v>42058</v>
      </c>
      <c r="O69" s="16">
        <v>36560</v>
      </c>
      <c r="P69" s="16">
        <v>36244</v>
      </c>
      <c r="Q69" s="16">
        <v>36466</v>
      </c>
      <c r="R69" s="16">
        <v>38181</v>
      </c>
      <c r="S69" s="16">
        <v>37856</v>
      </c>
      <c r="T69" s="16">
        <v>25656</v>
      </c>
      <c r="U69" s="16">
        <v>17411</v>
      </c>
      <c r="V69" s="16">
        <v>9387</v>
      </c>
      <c r="W69" s="16">
        <v>2780</v>
      </c>
      <c r="X69" s="16">
        <v>343</v>
      </c>
      <c r="Y69" s="16">
        <v>27</v>
      </c>
      <c r="Z69" s="16">
        <v>264941</v>
      </c>
      <c r="AA69" s="16">
        <v>131641</v>
      </c>
      <c r="AB69" s="16">
        <v>55604</v>
      </c>
      <c r="AC69" s="16">
        <v>12537</v>
      </c>
      <c r="AD69" s="16">
        <v>302980</v>
      </c>
      <c r="AE69" s="17">
        <v>56.204230000000003</v>
      </c>
    </row>
    <row r="70" spans="1:31">
      <c r="A70" s="21" t="s">
        <v>232</v>
      </c>
      <c r="B70" s="21" t="s">
        <v>237</v>
      </c>
      <c r="C70" s="21" t="s">
        <v>264</v>
      </c>
      <c r="D70" s="21" t="s">
        <v>395</v>
      </c>
      <c r="E70" s="21" t="s">
        <v>214</v>
      </c>
      <c r="F70" s="21" t="s">
        <v>468</v>
      </c>
      <c r="G70" s="16">
        <v>53732</v>
      </c>
      <c r="H70" s="16">
        <v>5</v>
      </c>
      <c r="I70" s="16">
        <v>18</v>
      </c>
      <c r="J70" s="16">
        <v>11</v>
      </c>
      <c r="K70" s="16">
        <v>38</v>
      </c>
      <c r="L70" s="16">
        <v>101</v>
      </c>
      <c r="M70" s="16">
        <v>200</v>
      </c>
      <c r="N70" s="16">
        <v>433</v>
      </c>
      <c r="O70" s="16">
        <v>691</v>
      </c>
      <c r="P70" s="16">
        <v>1134</v>
      </c>
      <c r="Q70" s="16">
        <v>2048</v>
      </c>
      <c r="R70" s="16">
        <v>3738</v>
      </c>
      <c r="S70" s="16">
        <v>6324</v>
      </c>
      <c r="T70" s="16">
        <v>7826</v>
      </c>
      <c r="U70" s="16">
        <v>10175</v>
      </c>
      <c r="V70" s="16">
        <v>10964</v>
      </c>
      <c r="W70" s="16">
        <v>7145</v>
      </c>
      <c r="X70" s="16">
        <v>2463</v>
      </c>
      <c r="Y70" s="16">
        <v>418</v>
      </c>
      <c r="Z70" s="16">
        <v>4679</v>
      </c>
      <c r="AA70" s="16">
        <v>49053</v>
      </c>
      <c r="AB70" s="16">
        <v>38991</v>
      </c>
      <c r="AC70" s="16">
        <v>20990</v>
      </c>
      <c r="AD70" s="16">
        <v>8412</v>
      </c>
      <c r="AE70" s="17">
        <v>80.493110000000001</v>
      </c>
    </row>
    <row r="71" spans="1:31">
      <c r="A71" s="21" t="s">
        <v>232</v>
      </c>
      <c r="B71" s="21" t="s">
        <v>237</v>
      </c>
      <c r="C71" s="21" t="s">
        <v>264</v>
      </c>
      <c r="D71" s="21" t="s">
        <v>395</v>
      </c>
      <c r="E71" s="21" t="s">
        <v>214</v>
      </c>
      <c r="F71" s="21" t="s">
        <v>469</v>
      </c>
      <c r="G71" s="16">
        <v>48900</v>
      </c>
      <c r="H71" s="16">
        <v>14</v>
      </c>
      <c r="I71" s="16">
        <v>191</v>
      </c>
      <c r="J71" s="16">
        <v>744</v>
      </c>
      <c r="K71" s="16">
        <v>1612</v>
      </c>
      <c r="L71" s="16">
        <v>2742</v>
      </c>
      <c r="M71" s="16">
        <v>4133</v>
      </c>
      <c r="N71" s="16">
        <v>5550</v>
      </c>
      <c r="O71" s="16">
        <v>5679</v>
      </c>
      <c r="P71" s="16">
        <v>5706</v>
      </c>
      <c r="Q71" s="16">
        <v>5688</v>
      </c>
      <c r="R71" s="16">
        <v>5834</v>
      </c>
      <c r="S71" s="16">
        <v>5307</v>
      </c>
      <c r="T71" s="16">
        <v>2814</v>
      </c>
      <c r="U71" s="16">
        <v>1610</v>
      </c>
      <c r="V71" s="16">
        <v>837</v>
      </c>
      <c r="W71" s="16">
        <v>342</v>
      </c>
      <c r="X71" s="16">
        <v>88</v>
      </c>
      <c r="Y71" s="16">
        <v>9</v>
      </c>
      <c r="Z71" s="16">
        <v>32059</v>
      </c>
      <c r="AA71" s="16">
        <v>16841</v>
      </c>
      <c r="AB71" s="16">
        <v>5700</v>
      </c>
      <c r="AC71" s="16">
        <v>1276</v>
      </c>
      <c r="AD71" s="16">
        <v>37879</v>
      </c>
      <c r="AE71" s="17">
        <v>58.170720000000003</v>
      </c>
    </row>
    <row r="72" spans="1:31">
      <c r="A72" s="21" t="s">
        <v>232</v>
      </c>
      <c r="B72" s="21" t="s">
        <v>237</v>
      </c>
      <c r="C72" s="21" t="s">
        <v>264</v>
      </c>
      <c r="D72" s="21" t="s">
        <v>395</v>
      </c>
      <c r="E72" s="21" t="s">
        <v>214</v>
      </c>
      <c r="F72" s="21" t="s">
        <v>470</v>
      </c>
      <c r="G72" s="16">
        <v>24275</v>
      </c>
      <c r="H72" s="16">
        <v>179</v>
      </c>
      <c r="I72" s="16">
        <v>1588</v>
      </c>
      <c r="J72" s="16">
        <v>2128</v>
      </c>
      <c r="K72" s="16">
        <v>1761</v>
      </c>
      <c r="L72" s="16">
        <v>1858</v>
      </c>
      <c r="M72" s="16">
        <v>1962</v>
      </c>
      <c r="N72" s="16">
        <v>2059</v>
      </c>
      <c r="O72" s="16">
        <v>1689</v>
      </c>
      <c r="P72" s="16">
        <v>1416</v>
      </c>
      <c r="Q72" s="16">
        <v>1306</v>
      </c>
      <c r="R72" s="16">
        <v>1348</v>
      </c>
      <c r="S72" s="16">
        <v>1521</v>
      </c>
      <c r="T72" s="16">
        <v>1254</v>
      </c>
      <c r="U72" s="16">
        <v>1390</v>
      </c>
      <c r="V72" s="16">
        <v>1396</v>
      </c>
      <c r="W72" s="16">
        <v>1018</v>
      </c>
      <c r="X72" s="16">
        <v>329</v>
      </c>
      <c r="Y72" s="16">
        <v>73</v>
      </c>
      <c r="Z72" s="16">
        <v>15946</v>
      </c>
      <c r="AA72" s="16">
        <v>8329</v>
      </c>
      <c r="AB72" s="16">
        <v>5460</v>
      </c>
      <c r="AC72" s="16">
        <v>2816</v>
      </c>
      <c r="AD72" s="16">
        <v>17115</v>
      </c>
      <c r="AE72" s="17">
        <v>54.635199999999998</v>
      </c>
    </row>
    <row r="73" spans="1:31">
      <c r="A73" s="21" t="s">
        <v>232</v>
      </c>
      <c r="B73" s="21" t="s">
        <v>237</v>
      </c>
      <c r="C73" s="21" t="s">
        <v>264</v>
      </c>
      <c r="D73" s="21" t="s">
        <v>395</v>
      </c>
      <c r="E73" s="21" t="s">
        <v>215</v>
      </c>
      <c r="F73" s="21" t="s">
        <v>214</v>
      </c>
      <c r="G73" s="16">
        <v>333845</v>
      </c>
      <c r="H73" s="16">
        <v>23067</v>
      </c>
      <c r="I73" s="16">
        <v>20590</v>
      </c>
      <c r="J73" s="16">
        <v>19469</v>
      </c>
      <c r="K73" s="16">
        <v>21809</v>
      </c>
      <c r="L73" s="16">
        <v>24943</v>
      </c>
      <c r="M73" s="16">
        <v>27817</v>
      </c>
      <c r="N73" s="16">
        <v>30101</v>
      </c>
      <c r="O73" s="16">
        <v>25578</v>
      </c>
      <c r="P73" s="16">
        <v>24524</v>
      </c>
      <c r="Q73" s="16">
        <v>24345</v>
      </c>
      <c r="R73" s="16">
        <v>25305</v>
      </c>
      <c r="S73" s="16">
        <v>24865</v>
      </c>
      <c r="T73" s="16">
        <v>16727</v>
      </c>
      <c r="U73" s="16">
        <v>12530</v>
      </c>
      <c r="V73" s="16">
        <v>8186</v>
      </c>
      <c r="W73" s="16">
        <v>3278</v>
      </c>
      <c r="X73" s="16">
        <v>646</v>
      </c>
      <c r="Y73" s="16">
        <v>65</v>
      </c>
      <c r="Z73" s="16">
        <v>242243</v>
      </c>
      <c r="AA73" s="16">
        <v>91602</v>
      </c>
      <c r="AB73" s="16">
        <v>41432</v>
      </c>
      <c r="AC73" s="16">
        <v>12175</v>
      </c>
      <c r="AD73" s="16">
        <v>244481</v>
      </c>
      <c r="AE73" s="17">
        <v>50.478529999999999</v>
      </c>
    </row>
    <row r="74" spans="1:31">
      <c r="A74" s="21" t="s">
        <v>232</v>
      </c>
      <c r="B74" s="21" t="s">
        <v>237</v>
      </c>
      <c r="C74" s="21" t="s">
        <v>264</v>
      </c>
      <c r="D74" s="21" t="s">
        <v>395</v>
      </c>
      <c r="E74" s="21" t="s">
        <v>215</v>
      </c>
      <c r="F74" s="21" t="s">
        <v>466</v>
      </c>
      <c r="G74" s="16">
        <v>99583</v>
      </c>
      <c r="H74" s="16">
        <v>22900</v>
      </c>
      <c r="I74" s="16">
        <v>18451</v>
      </c>
      <c r="J74" s="16">
        <v>12109</v>
      </c>
      <c r="K74" s="16">
        <v>8649</v>
      </c>
      <c r="L74" s="16">
        <v>7214</v>
      </c>
      <c r="M74" s="16">
        <v>6493</v>
      </c>
      <c r="N74" s="16">
        <v>6535</v>
      </c>
      <c r="O74" s="16">
        <v>5002</v>
      </c>
      <c r="P74" s="16">
        <v>3904</v>
      </c>
      <c r="Q74" s="16">
        <v>3106</v>
      </c>
      <c r="R74" s="16">
        <v>2502</v>
      </c>
      <c r="S74" s="16">
        <v>1675</v>
      </c>
      <c r="T74" s="16">
        <v>624</v>
      </c>
      <c r="U74" s="16">
        <v>273</v>
      </c>
      <c r="V74" s="16">
        <v>106</v>
      </c>
      <c r="W74" s="16">
        <v>33</v>
      </c>
      <c r="X74" s="16">
        <v>5</v>
      </c>
      <c r="Y74" s="16">
        <v>2</v>
      </c>
      <c r="Z74" s="16">
        <v>94363</v>
      </c>
      <c r="AA74" s="16">
        <v>5220</v>
      </c>
      <c r="AB74" s="16">
        <v>1043</v>
      </c>
      <c r="AC74" s="16">
        <v>146</v>
      </c>
      <c r="AD74" s="16">
        <v>73965</v>
      </c>
      <c r="AE74" s="17">
        <v>33.469520000000003</v>
      </c>
    </row>
    <row r="75" spans="1:31">
      <c r="A75" s="21" t="s">
        <v>232</v>
      </c>
      <c r="B75" s="21" t="s">
        <v>237</v>
      </c>
      <c r="C75" s="21" t="s">
        <v>264</v>
      </c>
      <c r="D75" s="21" t="s">
        <v>395</v>
      </c>
      <c r="E75" s="21" t="s">
        <v>215</v>
      </c>
      <c r="F75" s="21" t="s">
        <v>467</v>
      </c>
      <c r="G75" s="16">
        <v>197541</v>
      </c>
      <c r="H75" s="16">
        <v>62</v>
      </c>
      <c r="I75" s="16">
        <v>1143</v>
      </c>
      <c r="J75" s="16">
        <v>5877</v>
      </c>
      <c r="K75" s="16">
        <v>11572</v>
      </c>
      <c r="L75" s="16">
        <v>15726</v>
      </c>
      <c r="M75" s="16">
        <v>18901</v>
      </c>
      <c r="N75" s="16">
        <v>20600</v>
      </c>
      <c r="O75" s="16">
        <v>17562</v>
      </c>
      <c r="P75" s="16">
        <v>17630</v>
      </c>
      <c r="Q75" s="16">
        <v>18090</v>
      </c>
      <c r="R75" s="16">
        <v>19152</v>
      </c>
      <c r="S75" s="16">
        <v>19488</v>
      </c>
      <c r="T75" s="16">
        <v>13555</v>
      </c>
      <c r="U75" s="16">
        <v>9962</v>
      </c>
      <c r="V75" s="16">
        <v>5957</v>
      </c>
      <c r="W75" s="16">
        <v>1989</v>
      </c>
      <c r="X75" s="16">
        <v>256</v>
      </c>
      <c r="Y75" s="16">
        <v>19</v>
      </c>
      <c r="Z75" s="16">
        <v>127163</v>
      </c>
      <c r="AA75" s="16">
        <v>70378</v>
      </c>
      <c r="AB75" s="16">
        <v>31738</v>
      </c>
      <c r="AC75" s="16">
        <v>8221</v>
      </c>
      <c r="AD75" s="16">
        <v>146253</v>
      </c>
      <c r="AE75" s="17">
        <v>57.258789999999998</v>
      </c>
    </row>
    <row r="76" spans="1:31">
      <c r="A76" s="21" t="s">
        <v>232</v>
      </c>
      <c r="B76" s="21" t="s">
        <v>237</v>
      </c>
      <c r="C76" s="21" t="s">
        <v>264</v>
      </c>
      <c r="D76" s="21" t="s">
        <v>395</v>
      </c>
      <c r="E76" s="21" t="s">
        <v>215</v>
      </c>
      <c r="F76" s="21" t="s">
        <v>468</v>
      </c>
      <c r="G76" s="16">
        <v>8887</v>
      </c>
      <c r="H76" s="16">
        <v>2</v>
      </c>
      <c r="I76" s="16">
        <v>5</v>
      </c>
      <c r="J76" s="16">
        <v>2</v>
      </c>
      <c r="K76" s="16">
        <v>8</v>
      </c>
      <c r="L76" s="16">
        <v>27</v>
      </c>
      <c r="M76" s="16">
        <v>53</v>
      </c>
      <c r="N76" s="16">
        <v>103</v>
      </c>
      <c r="O76" s="16">
        <v>163</v>
      </c>
      <c r="P76" s="16">
        <v>244</v>
      </c>
      <c r="Q76" s="16">
        <v>466</v>
      </c>
      <c r="R76" s="16">
        <v>816</v>
      </c>
      <c r="S76" s="16">
        <v>1224</v>
      </c>
      <c r="T76" s="16">
        <v>1264</v>
      </c>
      <c r="U76" s="16">
        <v>1484</v>
      </c>
      <c r="V76" s="16">
        <v>1626</v>
      </c>
      <c r="W76" s="16">
        <v>1040</v>
      </c>
      <c r="X76" s="16">
        <v>324</v>
      </c>
      <c r="Y76" s="16">
        <v>36</v>
      </c>
      <c r="Z76" s="16">
        <v>1073</v>
      </c>
      <c r="AA76" s="16">
        <v>7814</v>
      </c>
      <c r="AB76" s="16">
        <v>5774</v>
      </c>
      <c r="AC76" s="16">
        <v>3026</v>
      </c>
      <c r="AD76" s="16">
        <v>1887</v>
      </c>
      <c r="AE76" s="17">
        <v>78.588220000000007</v>
      </c>
    </row>
    <row r="77" spans="1:31">
      <c r="A77" s="21" t="s">
        <v>232</v>
      </c>
      <c r="B77" s="21" t="s">
        <v>237</v>
      </c>
      <c r="C77" s="21" t="s">
        <v>264</v>
      </c>
      <c r="D77" s="21" t="s">
        <v>395</v>
      </c>
      <c r="E77" s="21" t="s">
        <v>215</v>
      </c>
      <c r="F77" s="21" t="s">
        <v>469</v>
      </c>
      <c r="G77" s="16">
        <v>15475</v>
      </c>
      <c r="H77" s="16">
        <v>5</v>
      </c>
      <c r="I77" s="16">
        <v>39</v>
      </c>
      <c r="J77" s="16">
        <v>191</v>
      </c>
      <c r="K77" s="16">
        <v>474</v>
      </c>
      <c r="L77" s="16">
        <v>842</v>
      </c>
      <c r="M77" s="16">
        <v>1246</v>
      </c>
      <c r="N77" s="16">
        <v>1641</v>
      </c>
      <c r="O77" s="16">
        <v>1817</v>
      </c>
      <c r="P77" s="16">
        <v>1940</v>
      </c>
      <c r="Q77" s="16">
        <v>1924</v>
      </c>
      <c r="R77" s="16">
        <v>2117</v>
      </c>
      <c r="S77" s="16">
        <v>1754</v>
      </c>
      <c r="T77" s="16">
        <v>845</v>
      </c>
      <c r="U77" s="16">
        <v>427</v>
      </c>
      <c r="V77" s="16">
        <v>167</v>
      </c>
      <c r="W77" s="16">
        <v>39</v>
      </c>
      <c r="X77" s="16">
        <v>7</v>
      </c>
      <c r="Y77" s="22" t="s">
        <v>268</v>
      </c>
      <c r="Z77" s="16">
        <v>10119</v>
      </c>
      <c r="AA77" s="16">
        <v>5356</v>
      </c>
      <c r="AB77" s="16">
        <v>1485</v>
      </c>
      <c r="AC77" s="16">
        <v>213</v>
      </c>
      <c r="AD77" s="16">
        <v>12231</v>
      </c>
      <c r="AE77" s="17">
        <v>58.205849999999998</v>
      </c>
    </row>
    <row r="78" spans="1:31">
      <c r="A78" s="21" t="s">
        <v>232</v>
      </c>
      <c r="B78" s="21" t="s">
        <v>237</v>
      </c>
      <c r="C78" s="21" t="s">
        <v>264</v>
      </c>
      <c r="D78" s="21" t="s">
        <v>395</v>
      </c>
      <c r="E78" s="21" t="s">
        <v>215</v>
      </c>
      <c r="F78" s="21" t="s">
        <v>470</v>
      </c>
      <c r="G78" s="16">
        <v>12359</v>
      </c>
      <c r="H78" s="16">
        <v>98</v>
      </c>
      <c r="I78" s="16">
        <v>952</v>
      </c>
      <c r="J78" s="16">
        <v>1290</v>
      </c>
      <c r="K78" s="16">
        <v>1106</v>
      </c>
      <c r="L78" s="16">
        <v>1134</v>
      </c>
      <c r="M78" s="16">
        <v>1124</v>
      </c>
      <c r="N78" s="16">
        <v>1222</v>
      </c>
      <c r="O78" s="16">
        <v>1034</v>
      </c>
      <c r="P78" s="16">
        <v>806</v>
      </c>
      <c r="Q78" s="16">
        <v>759</v>
      </c>
      <c r="R78" s="16">
        <v>718</v>
      </c>
      <c r="S78" s="16">
        <v>724</v>
      </c>
      <c r="T78" s="16">
        <v>439</v>
      </c>
      <c r="U78" s="16">
        <v>384</v>
      </c>
      <c r="V78" s="16">
        <v>330</v>
      </c>
      <c r="W78" s="16">
        <v>177</v>
      </c>
      <c r="X78" s="16">
        <v>54</v>
      </c>
      <c r="Y78" s="16">
        <v>8</v>
      </c>
      <c r="Z78" s="16">
        <v>9525</v>
      </c>
      <c r="AA78" s="16">
        <v>2834</v>
      </c>
      <c r="AB78" s="16">
        <v>1392</v>
      </c>
      <c r="AC78" s="16">
        <v>569</v>
      </c>
      <c r="AD78" s="16">
        <v>10145</v>
      </c>
      <c r="AE78" s="17">
        <v>49.26802</v>
      </c>
    </row>
    <row r="79" spans="1:31">
      <c r="A79" s="21" t="s">
        <v>232</v>
      </c>
      <c r="B79" s="21" t="s">
        <v>237</v>
      </c>
      <c r="C79" s="21" t="s">
        <v>264</v>
      </c>
      <c r="D79" s="21" t="s">
        <v>395</v>
      </c>
      <c r="E79" s="21" t="s">
        <v>216</v>
      </c>
      <c r="F79" s="21" t="s">
        <v>214</v>
      </c>
      <c r="G79" s="16">
        <v>385127</v>
      </c>
      <c r="H79" s="16">
        <v>21869</v>
      </c>
      <c r="I79" s="16">
        <v>20759</v>
      </c>
      <c r="J79" s="16">
        <v>20799</v>
      </c>
      <c r="K79" s="16">
        <v>22931</v>
      </c>
      <c r="L79" s="16">
        <v>26412</v>
      </c>
      <c r="M79" s="16">
        <v>29590</v>
      </c>
      <c r="N79" s="16">
        <v>32221</v>
      </c>
      <c r="O79" s="16">
        <v>28662</v>
      </c>
      <c r="P79" s="16">
        <v>27429</v>
      </c>
      <c r="Q79" s="16">
        <v>26811</v>
      </c>
      <c r="R79" s="16">
        <v>28590</v>
      </c>
      <c r="S79" s="16">
        <v>29953</v>
      </c>
      <c r="T79" s="16">
        <v>22833</v>
      </c>
      <c r="U79" s="16">
        <v>19370</v>
      </c>
      <c r="V79" s="16">
        <v>15229</v>
      </c>
      <c r="W79" s="16">
        <v>8468</v>
      </c>
      <c r="X79" s="16">
        <v>2724</v>
      </c>
      <c r="Y79" s="16">
        <v>477</v>
      </c>
      <c r="Z79" s="16">
        <v>257483</v>
      </c>
      <c r="AA79" s="16">
        <v>127644</v>
      </c>
      <c r="AB79" s="16">
        <v>69101</v>
      </c>
      <c r="AC79" s="16">
        <v>26898</v>
      </c>
      <c r="AD79" s="16">
        <v>264204</v>
      </c>
      <c r="AE79" s="17">
        <v>53.467359999999999</v>
      </c>
    </row>
    <row r="80" spans="1:31">
      <c r="A80" s="21" t="s">
        <v>232</v>
      </c>
      <c r="B80" s="21" t="s">
        <v>237</v>
      </c>
      <c r="C80" s="21" t="s">
        <v>264</v>
      </c>
      <c r="D80" s="21" t="s">
        <v>395</v>
      </c>
      <c r="E80" s="21" t="s">
        <v>216</v>
      </c>
      <c r="F80" s="21" t="s">
        <v>466</v>
      </c>
      <c r="G80" s="16">
        <v>95900</v>
      </c>
      <c r="H80" s="16">
        <v>21696</v>
      </c>
      <c r="I80" s="16">
        <v>18360</v>
      </c>
      <c r="J80" s="16">
        <v>11932</v>
      </c>
      <c r="K80" s="16">
        <v>7625</v>
      </c>
      <c r="L80" s="16">
        <v>6102</v>
      </c>
      <c r="M80" s="16">
        <v>5626</v>
      </c>
      <c r="N80" s="16">
        <v>5687</v>
      </c>
      <c r="O80" s="16">
        <v>4619</v>
      </c>
      <c r="P80" s="16">
        <v>3549</v>
      </c>
      <c r="Q80" s="16">
        <v>2542</v>
      </c>
      <c r="R80" s="16">
        <v>2292</v>
      </c>
      <c r="S80" s="16">
        <v>2135</v>
      </c>
      <c r="T80" s="16">
        <v>1386</v>
      </c>
      <c r="U80" s="16">
        <v>1041</v>
      </c>
      <c r="V80" s="16">
        <v>725</v>
      </c>
      <c r="W80" s="16">
        <v>428</v>
      </c>
      <c r="X80" s="16">
        <v>142</v>
      </c>
      <c r="Y80" s="16">
        <v>13</v>
      </c>
      <c r="Z80" s="16">
        <v>87738</v>
      </c>
      <c r="AA80" s="16">
        <v>8162</v>
      </c>
      <c r="AB80" s="16">
        <v>3735</v>
      </c>
      <c r="AC80" s="16">
        <v>1308</v>
      </c>
      <c r="AD80" s="16">
        <v>68334</v>
      </c>
      <c r="AE80" s="17">
        <v>34.674399999999999</v>
      </c>
    </row>
    <row r="81" spans="1:31">
      <c r="A81" s="21" t="s">
        <v>232</v>
      </c>
      <c r="B81" s="21" t="s">
        <v>237</v>
      </c>
      <c r="C81" s="21" t="s">
        <v>264</v>
      </c>
      <c r="D81" s="21" t="s">
        <v>395</v>
      </c>
      <c r="E81" s="21" t="s">
        <v>216</v>
      </c>
      <c r="F81" s="21" t="s">
        <v>467</v>
      </c>
      <c r="G81" s="16">
        <v>199041</v>
      </c>
      <c r="H81" s="16">
        <v>80</v>
      </c>
      <c r="I81" s="16">
        <v>1598</v>
      </c>
      <c r="J81" s="16">
        <v>7467</v>
      </c>
      <c r="K81" s="16">
        <v>13483</v>
      </c>
      <c r="L81" s="16">
        <v>17612</v>
      </c>
      <c r="M81" s="16">
        <v>20092</v>
      </c>
      <c r="N81" s="16">
        <v>21458</v>
      </c>
      <c r="O81" s="16">
        <v>18998</v>
      </c>
      <c r="P81" s="16">
        <v>18614</v>
      </c>
      <c r="Q81" s="16">
        <v>18376</v>
      </c>
      <c r="R81" s="16">
        <v>19029</v>
      </c>
      <c r="S81" s="16">
        <v>18368</v>
      </c>
      <c r="T81" s="16">
        <v>12101</v>
      </c>
      <c r="U81" s="16">
        <v>7449</v>
      </c>
      <c r="V81" s="16">
        <v>3430</v>
      </c>
      <c r="W81" s="16">
        <v>791</v>
      </c>
      <c r="X81" s="16">
        <v>87</v>
      </c>
      <c r="Y81" s="16">
        <v>8</v>
      </c>
      <c r="Z81" s="16">
        <v>137778</v>
      </c>
      <c r="AA81" s="16">
        <v>61263</v>
      </c>
      <c r="AB81" s="16">
        <v>23866</v>
      </c>
      <c r="AC81" s="16">
        <v>4316</v>
      </c>
      <c r="AD81" s="16">
        <v>156727</v>
      </c>
      <c r="AE81" s="17">
        <v>55.157620000000001</v>
      </c>
    </row>
    <row r="82" spans="1:31">
      <c r="A82" s="21" t="s">
        <v>232</v>
      </c>
      <c r="B82" s="21" t="s">
        <v>237</v>
      </c>
      <c r="C82" s="21" t="s">
        <v>264</v>
      </c>
      <c r="D82" s="21" t="s">
        <v>395</v>
      </c>
      <c r="E82" s="21" t="s">
        <v>216</v>
      </c>
      <c r="F82" s="21" t="s">
        <v>468</v>
      </c>
      <c r="G82" s="16">
        <v>44845</v>
      </c>
      <c r="H82" s="16">
        <v>3</v>
      </c>
      <c r="I82" s="16">
        <v>13</v>
      </c>
      <c r="J82" s="16">
        <v>9</v>
      </c>
      <c r="K82" s="16">
        <v>30</v>
      </c>
      <c r="L82" s="16">
        <v>74</v>
      </c>
      <c r="M82" s="16">
        <v>147</v>
      </c>
      <c r="N82" s="16">
        <v>330</v>
      </c>
      <c r="O82" s="16">
        <v>528</v>
      </c>
      <c r="P82" s="16">
        <v>890</v>
      </c>
      <c r="Q82" s="16">
        <v>1582</v>
      </c>
      <c r="R82" s="16">
        <v>2922</v>
      </c>
      <c r="S82" s="16">
        <v>5100</v>
      </c>
      <c r="T82" s="16">
        <v>6562</v>
      </c>
      <c r="U82" s="16">
        <v>8691</v>
      </c>
      <c r="V82" s="16">
        <v>9338</v>
      </c>
      <c r="W82" s="16">
        <v>6105</v>
      </c>
      <c r="X82" s="16">
        <v>2139</v>
      </c>
      <c r="Y82" s="16">
        <v>382</v>
      </c>
      <c r="Z82" s="16">
        <v>3606</v>
      </c>
      <c r="AA82" s="16">
        <v>41239</v>
      </c>
      <c r="AB82" s="16">
        <v>33217</v>
      </c>
      <c r="AC82" s="16">
        <v>17964</v>
      </c>
      <c r="AD82" s="16">
        <v>6525</v>
      </c>
      <c r="AE82" s="17">
        <v>80.870609999999999</v>
      </c>
    </row>
    <row r="83" spans="1:31">
      <c r="A83" s="21" t="s">
        <v>232</v>
      </c>
      <c r="B83" s="21" t="s">
        <v>237</v>
      </c>
      <c r="C83" s="21" t="s">
        <v>264</v>
      </c>
      <c r="D83" s="21" t="s">
        <v>395</v>
      </c>
      <c r="E83" s="21" t="s">
        <v>216</v>
      </c>
      <c r="F83" s="21" t="s">
        <v>469</v>
      </c>
      <c r="G83" s="16">
        <v>33425</v>
      </c>
      <c r="H83" s="16">
        <v>9</v>
      </c>
      <c r="I83" s="16">
        <v>152</v>
      </c>
      <c r="J83" s="16">
        <v>553</v>
      </c>
      <c r="K83" s="16">
        <v>1138</v>
      </c>
      <c r="L83" s="16">
        <v>1900</v>
      </c>
      <c r="M83" s="16">
        <v>2887</v>
      </c>
      <c r="N83" s="16">
        <v>3909</v>
      </c>
      <c r="O83" s="16">
        <v>3862</v>
      </c>
      <c r="P83" s="16">
        <v>3766</v>
      </c>
      <c r="Q83" s="16">
        <v>3764</v>
      </c>
      <c r="R83" s="16">
        <v>3717</v>
      </c>
      <c r="S83" s="16">
        <v>3553</v>
      </c>
      <c r="T83" s="16">
        <v>1969</v>
      </c>
      <c r="U83" s="16">
        <v>1183</v>
      </c>
      <c r="V83" s="16">
        <v>670</v>
      </c>
      <c r="W83" s="16">
        <v>303</v>
      </c>
      <c r="X83" s="16">
        <v>81</v>
      </c>
      <c r="Y83" s="16">
        <v>9</v>
      </c>
      <c r="Z83" s="16">
        <v>21940</v>
      </c>
      <c r="AA83" s="16">
        <v>11485</v>
      </c>
      <c r="AB83" s="16">
        <v>4215</v>
      </c>
      <c r="AC83" s="16">
        <v>1063</v>
      </c>
      <c r="AD83" s="16">
        <v>25648</v>
      </c>
      <c r="AE83" s="17">
        <v>58.154449999999997</v>
      </c>
    </row>
    <row r="84" spans="1:31">
      <c r="A84" s="21" t="s">
        <v>232</v>
      </c>
      <c r="B84" s="21" t="s">
        <v>237</v>
      </c>
      <c r="C84" s="21" t="s">
        <v>264</v>
      </c>
      <c r="D84" s="21" t="s">
        <v>395</v>
      </c>
      <c r="E84" s="21" t="s">
        <v>216</v>
      </c>
      <c r="F84" s="21" t="s">
        <v>470</v>
      </c>
      <c r="G84" s="16">
        <v>11916</v>
      </c>
      <c r="H84" s="16">
        <v>81</v>
      </c>
      <c r="I84" s="16">
        <v>636</v>
      </c>
      <c r="J84" s="16">
        <v>838</v>
      </c>
      <c r="K84" s="16">
        <v>655</v>
      </c>
      <c r="L84" s="16">
        <v>724</v>
      </c>
      <c r="M84" s="16">
        <v>838</v>
      </c>
      <c r="N84" s="16">
        <v>837</v>
      </c>
      <c r="O84" s="16">
        <v>655</v>
      </c>
      <c r="P84" s="16">
        <v>610</v>
      </c>
      <c r="Q84" s="16">
        <v>547</v>
      </c>
      <c r="R84" s="16">
        <v>630</v>
      </c>
      <c r="S84" s="16">
        <v>797</v>
      </c>
      <c r="T84" s="16">
        <v>815</v>
      </c>
      <c r="U84" s="16">
        <v>1006</v>
      </c>
      <c r="V84" s="16">
        <v>1066</v>
      </c>
      <c r="W84" s="16">
        <v>841</v>
      </c>
      <c r="X84" s="16">
        <v>275</v>
      </c>
      <c r="Y84" s="16">
        <v>65</v>
      </c>
      <c r="Z84" s="16">
        <v>6421</v>
      </c>
      <c r="AA84" s="16">
        <v>5495</v>
      </c>
      <c r="AB84" s="16">
        <v>4068</v>
      </c>
      <c r="AC84" s="16">
        <v>2247</v>
      </c>
      <c r="AD84" s="16">
        <v>6970</v>
      </c>
      <c r="AE84" s="17">
        <v>60.201909999999998</v>
      </c>
    </row>
    <row r="85" spans="1:31">
      <c r="A85" s="21" t="s">
        <v>240</v>
      </c>
      <c r="B85" s="21" t="s">
        <v>237</v>
      </c>
      <c r="C85" s="21" t="s">
        <v>265</v>
      </c>
      <c r="D85" s="21" t="s">
        <v>394</v>
      </c>
      <c r="E85" s="21" t="s">
        <v>214</v>
      </c>
      <c r="F85" s="21" t="s">
        <v>214</v>
      </c>
      <c r="G85" s="16">
        <v>46705</v>
      </c>
      <c r="H85" s="16">
        <v>2921</v>
      </c>
      <c r="I85" s="16">
        <v>1920</v>
      </c>
      <c r="J85" s="16">
        <v>2134</v>
      </c>
      <c r="K85" s="16">
        <v>2521</v>
      </c>
      <c r="L85" s="16">
        <v>3022</v>
      </c>
      <c r="M85" s="16">
        <v>3355</v>
      </c>
      <c r="N85" s="16">
        <v>3677</v>
      </c>
      <c r="O85" s="16">
        <v>3426</v>
      </c>
      <c r="P85" s="16">
        <v>3425</v>
      </c>
      <c r="Q85" s="16">
        <v>3619</v>
      </c>
      <c r="R85" s="16">
        <v>3949</v>
      </c>
      <c r="S85" s="16">
        <v>4114</v>
      </c>
      <c r="T85" s="16">
        <v>3108</v>
      </c>
      <c r="U85" s="16">
        <v>2480</v>
      </c>
      <c r="V85" s="16">
        <v>1890</v>
      </c>
      <c r="W85" s="16">
        <v>880</v>
      </c>
      <c r="X85" s="16">
        <v>228</v>
      </c>
      <c r="Y85" s="16">
        <v>36</v>
      </c>
      <c r="Z85" s="16">
        <v>30020</v>
      </c>
      <c r="AA85" s="16">
        <v>16685</v>
      </c>
      <c r="AB85" s="16">
        <v>8622</v>
      </c>
      <c r="AC85" s="16">
        <v>3034</v>
      </c>
      <c r="AD85" s="16">
        <v>31048</v>
      </c>
      <c r="AE85" s="17">
        <v>54.593330000000002</v>
      </c>
    </row>
    <row r="86" spans="1:31">
      <c r="A86" s="21" t="s">
        <v>240</v>
      </c>
      <c r="B86" s="21" t="s">
        <v>237</v>
      </c>
      <c r="C86" s="21" t="s">
        <v>265</v>
      </c>
      <c r="D86" s="21" t="s">
        <v>394</v>
      </c>
      <c r="E86" s="21" t="s">
        <v>214</v>
      </c>
      <c r="F86" s="21" t="s">
        <v>466</v>
      </c>
      <c r="G86" s="16">
        <v>11560</v>
      </c>
      <c r="H86" s="16">
        <v>2899</v>
      </c>
      <c r="I86" s="16">
        <v>1663</v>
      </c>
      <c r="J86" s="16">
        <v>1273</v>
      </c>
      <c r="K86" s="16">
        <v>970</v>
      </c>
      <c r="L86" s="16">
        <v>821</v>
      </c>
      <c r="M86" s="16">
        <v>693</v>
      </c>
      <c r="N86" s="16">
        <v>756</v>
      </c>
      <c r="O86" s="16">
        <v>619</v>
      </c>
      <c r="P86" s="16">
        <v>513</v>
      </c>
      <c r="Q86" s="16">
        <v>428</v>
      </c>
      <c r="R86" s="16">
        <v>351</v>
      </c>
      <c r="S86" s="16">
        <v>274</v>
      </c>
      <c r="T86" s="16">
        <v>149</v>
      </c>
      <c r="U86" s="16">
        <v>71</v>
      </c>
      <c r="V86" s="16">
        <v>51</v>
      </c>
      <c r="W86" s="16">
        <v>20</v>
      </c>
      <c r="X86" s="16">
        <v>9</v>
      </c>
      <c r="Y86" s="22" t="s">
        <v>268</v>
      </c>
      <c r="Z86" s="16">
        <v>10635</v>
      </c>
      <c r="AA86" s="16">
        <v>925</v>
      </c>
      <c r="AB86" s="16">
        <v>300</v>
      </c>
      <c r="AC86" s="16">
        <v>80</v>
      </c>
      <c r="AD86" s="16">
        <v>8087</v>
      </c>
      <c r="AE86" s="17">
        <v>35.154330000000002</v>
      </c>
    </row>
    <row r="87" spans="1:31">
      <c r="A87" s="21" t="s">
        <v>240</v>
      </c>
      <c r="B87" s="21" t="s">
        <v>237</v>
      </c>
      <c r="C87" s="21" t="s">
        <v>265</v>
      </c>
      <c r="D87" s="21" t="s">
        <v>394</v>
      </c>
      <c r="E87" s="21" t="s">
        <v>214</v>
      </c>
      <c r="F87" s="21" t="s">
        <v>467</v>
      </c>
      <c r="G87" s="16">
        <v>25644</v>
      </c>
      <c r="H87" s="16">
        <v>13</v>
      </c>
      <c r="I87" s="16">
        <v>175</v>
      </c>
      <c r="J87" s="16">
        <v>684</v>
      </c>
      <c r="K87" s="16">
        <v>1312</v>
      </c>
      <c r="L87" s="16">
        <v>1848</v>
      </c>
      <c r="M87" s="16">
        <v>2185</v>
      </c>
      <c r="N87" s="16">
        <v>2361</v>
      </c>
      <c r="O87" s="16">
        <v>2239</v>
      </c>
      <c r="P87" s="16">
        <v>2324</v>
      </c>
      <c r="Q87" s="16">
        <v>2507</v>
      </c>
      <c r="R87" s="16">
        <v>2746</v>
      </c>
      <c r="S87" s="16">
        <v>2849</v>
      </c>
      <c r="T87" s="16">
        <v>2027</v>
      </c>
      <c r="U87" s="16">
        <v>1350</v>
      </c>
      <c r="V87" s="16">
        <v>771</v>
      </c>
      <c r="W87" s="16">
        <v>224</v>
      </c>
      <c r="X87" s="16">
        <v>29</v>
      </c>
      <c r="Y87" s="22" t="s">
        <v>268</v>
      </c>
      <c r="Z87" s="16">
        <v>15648</v>
      </c>
      <c r="AA87" s="16">
        <v>9996</v>
      </c>
      <c r="AB87" s="16">
        <v>4401</v>
      </c>
      <c r="AC87" s="16">
        <v>1024</v>
      </c>
      <c r="AD87" s="16">
        <v>18381</v>
      </c>
      <c r="AE87" s="17">
        <v>58.44623</v>
      </c>
    </row>
    <row r="88" spans="1:31">
      <c r="A88" s="21" t="s">
        <v>240</v>
      </c>
      <c r="B88" s="21" t="s">
        <v>237</v>
      </c>
      <c r="C88" s="21" t="s">
        <v>265</v>
      </c>
      <c r="D88" s="21" t="s">
        <v>394</v>
      </c>
      <c r="E88" s="21" t="s">
        <v>214</v>
      </c>
      <c r="F88" s="21" t="s">
        <v>468</v>
      </c>
      <c r="G88" s="16">
        <v>4579</v>
      </c>
      <c r="H88" s="22" t="s">
        <v>268</v>
      </c>
      <c r="I88" s="22" t="s">
        <v>268</v>
      </c>
      <c r="J88" s="22" t="s">
        <v>268</v>
      </c>
      <c r="K88" s="16">
        <v>4</v>
      </c>
      <c r="L88" s="16">
        <v>9</v>
      </c>
      <c r="M88" s="16">
        <v>14</v>
      </c>
      <c r="N88" s="16">
        <v>34</v>
      </c>
      <c r="O88" s="16">
        <v>52</v>
      </c>
      <c r="P88" s="16">
        <v>95</v>
      </c>
      <c r="Q88" s="16">
        <v>173</v>
      </c>
      <c r="R88" s="16">
        <v>317</v>
      </c>
      <c r="S88" s="16">
        <v>531</v>
      </c>
      <c r="T88" s="16">
        <v>705</v>
      </c>
      <c r="U88" s="16">
        <v>891</v>
      </c>
      <c r="V88" s="16">
        <v>963</v>
      </c>
      <c r="W88" s="16">
        <v>584</v>
      </c>
      <c r="X88" s="16">
        <v>174</v>
      </c>
      <c r="Y88" s="16">
        <v>33</v>
      </c>
      <c r="Z88" s="16">
        <v>381</v>
      </c>
      <c r="AA88" s="16">
        <v>4198</v>
      </c>
      <c r="AB88" s="16">
        <v>3350</v>
      </c>
      <c r="AC88" s="16">
        <v>1754</v>
      </c>
      <c r="AD88" s="16">
        <v>698</v>
      </c>
      <c r="AE88" s="17">
        <v>80.457849999999993</v>
      </c>
    </row>
    <row r="89" spans="1:31">
      <c r="A89" s="21" t="s">
        <v>240</v>
      </c>
      <c r="B89" s="21" t="s">
        <v>237</v>
      </c>
      <c r="C89" s="21" t="s">
        <v>265</v>
      </c>
      <c r="D89" s="21" t="s">
        <v>394</v>
      </c>
      <c r="E89" s="21" t="s">
        <v>214</v>
      </c>
      <c r="F89" s="21" t="s">
        <v>469</v>
      </c>
      <c r="G89" s="16">
        <v>3837</v>
      </c>
      <c r="H89" s="16">
        <v>2</v>
      </c>
      <c r="I89" s="16">
        <v>12</v>
      </c>
      <c r="J89" s="16">
        <v>68</v>
      </c>
      <c r="K89" s="16">
        <v>144</v>
      </c>
      <c r="L89" s="16">
        <v>247</v>
      </c>
      <c r="M89" s="16">
        <v>343</v>
      </c>
      <c r="N89" s="16">
        <v>424</v>
      </c>
      <c r="O89" s="16">
        <v>446</v>
      </c>
      <c r="P89" s="16">
        <v>423</v>
      </c>
      <c r="Q89" s="16">
        <v>438</v>
      </c>
      <c r="R89" s="16">
        <v>480</v>
      </c>
      <c r="S89" s="16">
        <v>410</v>
      </c>
      <c r="T89" s="16">
        <v>188</v>
      </c>
      <c r="U89" s="16">
        <v>121</v>
      </c>
      <c r="V89" s="16">
        <v>61</v>
      </c>
      <c r="W89" s="16">
        <v>23</v>
      </c>
      <c r="X89" s="16">
        <v>5</v>
      </c>
      <c r="Y89" s="16">
        <v>2</v>
      </c>
      <c r="Z89" s="16">
        <v>2547</v>
      </c>
      <c r="AA89" s="16">
        <v>1290</v>
      </c>
      <c r="AB89" s="16">
        <v>400</v>
      </c>
      <c r="AC89" s="16">
        <v>91</v>
      </c>
      <c r="AD89" s="16">
        <v>3025</v>
      </c>
      <c r="AE89" s="17">
        <v>57.525539999999999</v>
      </c>
    </row>
    <row r="90" spans="1:31">
      <c r="A90" s="21" t="s">
        <v>240</v>
      </c>
      <c r="B90" s="21" t="s">
        <v>237</v>
      </c>
      <c r="C90" s="21" t="s">
        <v>265</v>
      </c>
      <c r="D90" s="21" t="s">
        <v>394</v>
      </c>
      <c r="E90" s="21" t="s">
        <v>214</v>
      </c>
      <c r="F90" s="21" t="s">
        <v>470</v>
      </c>
      <c r="G90" s="16">
        <v>1085</v>
      </c>
      <c r="H90" s="16">
        <v>7</v>
      </c>
      <c r="I90" s="16">
        <v>70</v>
      </c>
      <c r="J90" s="16">
        <v>109</v>
      </c>
      <c r="K90" s="16">
        <v>91</v>
      </c>
      <c r="L90" s="16">
        <v>97</v>
      </c>
      <c r="M90" s="16">
        <v>120</v>
      </c>
      <c r="N90" s="16">
        <v>102</v>
      </c>
      <c r="O90" s="16">
        <v>70</v>
      </c>
      <c r="P90" s="16">
        <v>70</v>
      </c>
      <c r="Q90" s="16">
        <v>73</v>
      </c>
      <c r="R90" s="16">
        <v>55</v>
      </c>
      <c r="S90" s="16">
        <v>50</v>
      </c>
      <c r="T90" s="16">
        <v>39</v>
      </c>
      <c r="U90" s="16">
        <v>47</v>
      </c>
      <c r="V90" s="16">
        <v>44</v>
      </c>
      <c r="W90" s="16">
        <v>29</v>
      </c>
      <c r="X90" s="16">
        <v>11</v>
      </c>
      <c r="Y90" s="16">
        <v>1</v>
      </c>
      <c r="Z90" s="16">
        <v>809</v>
      </c>
      <c r="AA90" s="16">
        <v>276</v>
      </c>
      <c r="AB90" s="16">
        <v>171</v>
      </c>
      <c r="AC90" s="16">
        <v>85</v>
      </c>
      <c r="AD90" s="16">
        <v>857</v>
      </c>
      <c r="AE90" s="17">
        <v>51.115670000000001</v>
      </c>
    </row>
    <row r="91" spans="1:31">
      <c r="A91" s="21" t="s">
        <v>240</v>
      </c>
      <c r="B91" s="21" t="s">
        <v>237</v>
      </c>
      <c r="C91" s="21" t="s">
        <v>265</v>
      </c>
      <c r="D91" s="21" t="s">
        <v>394</v>
      </c>
      <c r="E91" s="21" t="s">
        <v>215</v>
      </c>
      <c r="F91" s="21" t="s">
        <v>214</v>
      </c>
      <c r="G91" s="16">
        <v>21616</v>
      </c>
      <c r="H91" s="16">
        <v>1561</v>
      </c>
      <c r="I91" s="16">
        <v>987</v>
      </c>
      <c r="J91" s="16">
        <v>1077</v>
      </c>
      <c r="K91" s="16">
        <v>1235</v>
      </c>
      <c r="L91" s="16">
        <v>1469</v>
      </c>
      <c r="M91" s="16">
        <v>1596</v>
      </c>
      <c r="N91" s="16">
        <v>1774</v>
      </c>
      <c r="O91" s="16">
        <v>1626</v>
      </c>
      <c r="P91" s="16">
        <v>1616</v>
      </c>
      <c r="Q91" s="16">
        <v>1727</v>
      </c>
      <c r="R91" s="16">
        <v>1848</v>
      </c>
      <c r="S91" s="16">
        <v>1877</v>
      </c>
      <c r="T91" s="16">
        <v>1309</v>
      </c>
      <c r="U91" s="16">
        <v>950</v>
      </c>
      <c r="V91" s="16">
        <v>677</v>
      </c>
      <c r="W91" s="16">
        <v>251</v>
      </c>
      <c r="X91" s="16">
        <v>33</v>
      </c>
      <c r="Y91" s="16">
        <v>3</v>
      </c>
      <c r="Z91" s="16">
        <v>14668</v>
      </c>
      <c r="AA91" s="16">
        <v>6948</v>
      </c>
      <c r="AB91" s="16">
        <v>3223</v>
      </c>
      <c r="AC91" s="16">
        <v>964</v>
      </c>
      <c r="AD91" s="16">
        <v>14955</v>
      </c>
      <c r="AE91" s="17">
        <v>52.662430000000001</v>
      </c>
    </row>
    <row r="92" spans="1:31">
      <c r="A92" s="21" t="s">
        <v>240</v>
      </c>
      <c r="B92" s="21" t="s">
        <v>237</v>
      </c>
      <c r="C92" s="21" t="s">
        <v>265</v>
      </c>
      <c r="D92" s="21" t="s">
        <v>394</v>
      </c>
      <c r="E92" s="21" t="s">
        <v>215</v>
      </c>
      <c r="F92" s="21" t="s">
        <v>466</v>
      </c>
      <c r="G92" s="16">
        <v>6255</v>
      </c>
      <c r="H92" s="16">
        <v>1550</v>
      </c>
      <c r="I92" s="16">
        <v>864</v>
      </c>
      <c r="J92" s="16">
        <v>686</v>
      </c>
      <c r="K92" s="16">
        <v>546</v>
      </c>
      <c r="L92" s="16">
        <v>448</v>
      </c>
      <c r="M92" s="16">
        <v>388</v>
      </c>
      <c r="N92" s="16">
        <v>429</v>
      </c>
      <c r="O92" s="16">
        <v>361</v>
      </c>
      <c r="P92" s="16">
        <v>286</v>
      </c>
      <c r="Q92" s="16">
        <v>270</v>
      </c>
      <c r="R92" s="16">
        <v>217</v>
      </c>
      <c r="S92" s="16">
        <v>142</v>
      </c>
      <c r="T92" s="16">
        <v>48</v>
      </c>
      <c r="U92" s="16">
        <v>8</v>
      </c>
      <c r="V92" s="16">
        <v>11</v>
      </c>
      <c r="W92" s="16">
        <v>1</v>
      </c>
      <c r="X92" s="22" t="s">
        <v>268</v>
      </c>
      <c r="Y92" s="22" t="s">
        <v>268</v>
      </c>
      <c r="Z92" s="16">
        <v>5828</v>
      </c>
      <c r="AA92" s="16">
        <v>427</v>
      </c>
      <c r="AB92" s="16">
        <v>68</v>
      </c>
      <c r="AC92" s="16">
        <v>12</v>
      </c>
      <c r="AD92" s="16">
        <v>4495</v>
      </c>
      <c r="AE92" s="17">
        <v>34.975459999999998</v>
      </c>
    </row>
    <row r="93" spans="1:31">
      <c r="A93" s="21" t="s">
        <v>240</v>
      </c>
      <c r="B93" s="21" t="s">
        <v>237</v>
      </c>
      <c r="C93" s="21" t="s">
        <v>265</v>
      </c>
      <c r="D93" s="21" t="s">
        <v>394</v>
      </c>
      <c r="E93" s="21" t="s">
        <v>215</v>
      </c>
      <c r="F93" s="21" t="s">
        <v>467</v>
      </c>
      <c r="G93" s="16">
        <v>12833</v>
      </c>
      <c r="H93" s="16">
        <v>5</v>
      </c>
      <c r="I93" s="16">
        <v>76</v>
      </c>
      <c r="J93" s="16">
        <v>305</v>
      </c>
      <c r="K93" s="16">
        <v>590</v>
      </c>
      <c r="L93" s="16">
        <v>892</v>
      </c>
      <c r="M93" s="16">
        <v>1052</v>
      </c>
      <c r="N93" s="16">
        <v>1146</v>
      </c>
      <c r="O93" s="16">
        <v>1059</v>
      </c>
      <c r="P93" s="16">
        <v>1129</v>
      </c>
      <c r="Q93" s="16">
        <v>1237</v>
      </c>
      <c r="R93" s="16">
        <v>1368</v>
      </c>
      <c r="S93" s="16">
        <v>1462</v>
      </c>
      <c r="T93" s="16">
        <v>1079</v>
      </c>
      <c r="U93" s="16">
        <v>781</v>
      </c>
      <c r="V93" s="16">
        <v>480</v>
      </c>
      <c r="W93" s="16">
        <v>159</v>
      </c>
      <c r="X93" s="16">
        <v>13</v>
      </c>
      <c r="Y93" s="22" t="s">
        <v>268</v>
      </c>
      <c r="Z93" s="16">
        <v>7491</v>
      </c>
      <c r="AA93" s="16">
        <v>5342</v>
      </c>
      <c r="AB93" s="16">
        <v>2512</v>
      </c>
      <c r="AC93" s="16">
        <v>652</v>
      </c>
      <c r="AD93" s="16">
        <v>8854</v>
      </c>
      <c r="AE93" s="17">
        <v>59.529609999999998</v>
      </c>
    </row>
    <row r="94" spans="1:31">
      <c r="A94" s="21" t="s">
        <v>240</v>
      </c>
      <c r="B94" s="21" t="s">
        <v>237</v>
      </c>
      <c r="C94" s="21" t="s">
        <v>265</v>
      </c>
      <c r="D94" s="21" t="s">
        <v>394</v>
      </c>
      <c r="E94" s="21" t="s">
        <v>215</v>
      </c>
      <c r="F94" s="21" t="s">
        <v>468</v>
      </c>
      <c r="G94" s="16">
        <v>753</v>
      </c>
      <c r="H94" s="22" t="s">
        <v>268</v>
      </c>
      <c r="I94" s="22" t="s">
        <v>268</v>
      </c>
      <c r="J94" s="22" t="s">
        <v>268</v>
      </c>
      <c r="K94" s="22" t="s">
        <v>268</v>
      </c>
      <c r="L94" s="16">
        <v>2</v>
      </c>
      <c r="M94" s="16">
        <v>3</v>
      </c>
      <c r="N94" s="16">
        <v>5</v>
      </c>
      <c r="O94" s="16">
        <v>12</v>
      </c>
      <c r="P94" s="16">
        <v>14</v>
      </c>
      <c r="Q94" s="16">
        <v>34</v>
      </c>
      <c r="R94" s="16">
        <v>71</v>
      </c>
      <c r="S94" s="16">
        <v>113</v>
      </c>
      <c r="T94" s="16">
        <v>108</v>
      </c>
      <c r="U94" s="16">
        <v>119</v>
      </c>
      <c r="V94" s="16">
        <v>163</v>
      </c>
      <c r="W94" s="16">
        <v>86</v>
      </c>
      <c r="X94" s="16">
        <v>20</v>
      </c>
      <c r="Y94" s="16">
        <v>3</v>
      </c>
      <c r="Z94" s="16">
        <v>70</v>
      </c>
      <c r="AA94" s="16">
        <v>683</v>
      </c>
      <c r="AB94" s="16">
        <v>499</v>
      </c>
      <c r="AC94" s="16">
        <v>272</v>
      </c>
      <c r="AD94" s="16">
        <v>141</v>
      </c>
      <c r="AE94" s="17">
        <v>79.171980000000005</v>
      </c>
    </row>
    <row r="95" spans="1:31">
      <c r="A95" s="21" t="s">
        <v>240</v>
      </c>
      <c r="B95" s="21" t="s">
        <v>237</v>
      </c>
      <c r="C95" s="21" t="s">
        <v>265</v>
      </c>
      <c r="D95" s="21" t="s">
        <v>394</v>
      </c>
      <c r="E95" s="21" t="s">
        <v>215</v>
      </c>
      <c r="F95" s="21" t="s">
        <v>469</v>
      </c>
      <c r="G95" s="16">
        <v>1216</v>
      </c>
      <c r="H95" s="22" t="s">
        <v>268</v>
      </c>
      <c r="I95" s="16">
        <v>3</v>
      </c>
      <c r="J95" s="16">
        <v>16</v>
      </c>
      <c r="K95" s="16">
        <v>42</v>
      </c>
      <c r="L95" s="16">
        <v>73</v>
      </c>
      <c r="M95" s="16">
        <v>89</v>
      </c>
      <c r="N95" s="16">
        <v>135</v>
      </c>
      <c r="O95" s="16">
        <v>150</v>
      </c>
      <c r="P95" s="16">
        <v>147</v>
      </c>
      <c r="Q95" s="16">
        <v>148</v>
      </c>
      <c r="R95" s="16">
        <v>166</v>
      </c>
      <c r="S95" s="16">
        <v>142</v>
      </c>
      <c r="T95" s="16">
        <v>56</v>
      </c>
      <c r="U95" s="16">
        <v>34</v>
      </c>
      <c r="V95" s="16">
        <v>13</v>
      </c>
      <c r="W95" s="16">
        <v>2</v>
      </c>
      <c r="X95" s="22" t="s">
        <v>268</v>
      </c>
      <c r="Y95" s="22" t="s">
        <v>268</v>
      </c>
      <c r="Z95" s="16">
        <v>803</v>
      </c>
      <c r="AA95" s="16">
        <v>413</v>
      </c>
      <c r="AB95" s="16">
        <v>105</v>
      </c>
      <c r="AC95" s="16">
        <v>15</v>
      </c>
      <c r="AD95" s="16">
        <v>969</v>
      </c>
      <c r="AE95" s="17">
        <v>57.84046</v>
      </c>
    </row>
    <row r="96" spans="1:31">
      <c r="A96" s="21" t="s">
        <v>240</v>
      </c>
      <c r="B96" s="21" t="s">
        <v>237</v>
      </c>
      <c r="C96" s="21" t="s">
        <v>265</v>
      </c>
      <c r="D96" s="21" t="s">
        <v>394</v>
      </c>
      <c r="E96" s="21" t="s">
        <v>215</v>
      </c>
      <c r="F96" s="21" t="s">
        <v>470</v>
      </c>
      <c r="G96" s="16">
        <v>559</v>
      </c>
      <c r="H96" s="16">
        <v>6</v>
      </c>
      <c r="I96" s="16">
        <v>44</v>
      </c>
      <c r="J96" s="16">
        <v>70</v>
      </c>
      <c r="K96" s="16">
        <v>57</v>
      </c>
      <c r="L96" s="16">
        <v>54</v>
      </c>
      <c r="M96" s="16">
        <v>64</v>
      </c>
      <c r="N96" s="16">
        <v>59</v>
      </c>
      <c r="O96" s="16">
        <v>44</v>
      </c>
      <c r="P96" s="16">
        <v>40</v>
      </c>
      <c r="Q96" s="16">
        <v>38</v>
      </c>
      <c r="R96" s="16">
        <v>26</v>
      </c>
      <c r="S96" s="16">
        <v>18</v>
      </c>
      <c r="T96" s="16">
        <v>18</v>
      </c>
      <c r="U96" s="16">
        <v>8</v>
      </c>
      <c r="V96" s="16">
        <v>10</v>
      </c>
      <c r="W96" s="16">
        <v>3</v>
      </c>
      <c r="X96" s="22" t="s">
        <v>268</v>
      </c>
      <c r="Y96" s="22" t="s">
        <v>268</v>
      </c>
      <c r="Z96" s="16">
        <v>476</v>
      </c>
      <c r="AA96" s="16">
        <v>83</v>
      </c>
      <c r="AB96" s="16">
        <v>39</v>
      </c>
      <c r="AC96" s="16">
        <v>13</v>
      </c>
      <c r="AD96" s="16">
        <v>496</v>
      </c>
      <c r="AE96" s="17">
        <v>45.949019999999997</v>
      </c>
    </row>
    <row r="97" spans="1:31">
      <c r="A97" s="21" t="s">
        <v>240</v>
      </c>
      <c r="B97" s="21" t="s">
        <v>237</v>
      </c>
      <c r="C97" s="21" t="s">
        <v>265</v>
      </c>
      <c r="D97" s="21" t="s">
        <v>394</v>
      </c>
      <c r="E97" s="21" t="s">
        <v>216</v>
      </c>
      <c r="F97" s="21" t="s">
        <v>214</v>
      </c>
      <c r="G97" s="16">
        <v>25089</v>
      </c>
      <c r="H97" s="16">
        <v>1360</v>
      </c>
      <c r="I97" s="16">
        <v>933</v>
      </c>
      <c r="J97" s="16">
        <v>1057</v>
      </c>
      <c r="K97" s="16">
        <v>1286</v>
      </c>
      <c r="L97" s="16">
        <v>1553</v>
      </c>
      <c r="M97" s="16">
        <v>1759</v>
      </c>
      <c r="N97" s="16">
        <v>1903</v>
      </c>
      <c r="O97" s="16">
        <v>1800</v>
      </c>
      <c r="P97" s="16">
        <v>1809</v>
      </c>
      <c r="Q97" s="16">
        <v>1892</v>
      </c>
      <c r="R97" s="16">
        <v>2101</v>
      </c>
      <c r="S97" s="16">
        <v>2237</v>
      </c>
      <c r="T97" s="16">
        <v>1799</v>
      </c>
      <c r="U97" s="16">
        <v>1530</v>
      </c>
      <c r="V97" s="16">
        <v>1213</v>
      </c>
      <c r="W97" s="16">
        <v>629</v>
      </c>
      <c r="X97" s="16">
        <v>195</v>
      </c>
      <c r="Y97" s="16">
        <v>33</v>
      </c>
      <c r="Z97" s="16">
        <v>15352</v>
      </c>
      <c r="AA97" s="16">
        <v>9737</v>
      </c>
      <c r="AB97" s="16">
        <v>5399</v>
      </c>
      <c r="AC97" s="16">
        <v>2070</v>
      </c>
      <c r="AD97" s="16">
        <v>16093</v>
      </c>
      <c r="AE97" s="17">
        <v>56.256950000000003</v>
      </c>
    </row>
    <row r="98" spans="1:31">
      <c r="A98" s="21" t="s">
        <v>240</v>
      </c>
      <c r="B98" s="21" t="s">
        <v>237</v>
      </c>
      <c r="C98" s="21" t="s">
        <v>265</v>
      </c>
      <c r="D98" s="21" t="s">
        <v>394</v>
      </c>
      <c r="E98" s="21" t="s">
        <v>216</v>
      </c>
      <c r="F98" s="21" t="s">
        <v>466</v>
      </c>
      <c r="G98" s="16">
        <v>5305</v>
      </c>
      <c r="H98" s="16">
        <v>1349</v>
      </c>
      <c r="I98" s="16">
        <v>799</v>
      </c>
      <c r="J98" s="16">
        <v>587</v>
      </c>
      <c r="K98" s="16">
        <v>424</v>
      </c>
      <c r="L98" s="16">
        <v>373</v>
      </c>
      <c r="M98" s="16">
        <v>305</v>
      </c>
      <c r="N98" s="16">
        <v>327</v>
      </c>
      <c r="O98" s="16">
        <v>258</v>
      </c>
      <c r="P98" s="16">
        <v>227</v>
      </c>
      <c r="Q98" s="16">
        <v>158</v>
      </c>
      <c r="R98" s="16">
        <v>134</v>
      </c>
      <c r="S98" s="16">
        <v>132</v>
      </c>
      <c r="T98" s="16">
        <v>101</v>
      </c>
      <c r="U98" s="16">
        <v>63</v>
      </c>
      <c r="V98" s="16">
        <v>40</v>
      </c>
      <c r="W98" s="16">
        <v>19</v>
      </c>
      <c r="X98" s="16">
        <v>9</v>
      </c>
      <c r="Y98" s="22" t="s">
        <v>268</v>
      </c>
      <c r="Z98" s="16">
        <v>4807</v>
      </c>
      <c r="AA98" s="16">
        <v>498</v>
      </c>
      <c r="AB98" s="16">
        <v>232</v>
      </c>
      <c r="AC98" s="16">
        <v>68</v>
      </c>
      <c r="AD98" s="16">
        <v>3592</v>
      </c>
      <c r="AE98" s="17">
        <v>35.365220000000001</v>
      </c>
    </row>
    <row r="99" spans="1:31">
      <c r="A99" s="21" t="s">
        <v>240</v>
      </c>
      <c r="B99" s="21" t="s">
        <v>237</v>
      </c>
      <c r="C99" s="21" t="s">
        <v>265</v>
      </c>
      <c r="D99" s="21" t="s">
        <v>394</v>
      </c>
      <c r="E99" s="21" t="s">
        <v>216</v>
      </c>
      <c r="F99" s="21" t="s">
        <v>467</v>
      </c>
      <c r="G99" s="16">
        <v>12811</v>
      </c>
      <c r="H99" s="16">
        <v>8</v>
      </c>
      <c r="I99" s="16">
        <v>99</v>
      </c>
      <c r="J99" s="16">
        <v>379</v>
      </c>
      <c r="K99" s="16">
        <v>722</v>
      </c>
      <c r="L99" s="16">
        <v>956</v>
      </c>
      <c r="M99" s="16">
        <v>1133</v>
      </c>
      <c r="N99" s="16">
        <v>1215</v>
      </c>
      <c r="O99" s="16">
        <v>1180</v>
      </c>
      <c r="P99" s="16">
        <v>1195</v>
      </c>
      <c r="Q99" s="16">
        <v>1270</v>
      </c>
      <c r="R99" s="16">
        <v>1378</v>
      </c>
      <c r="S99" s="16">
        <v>1387</v>
      </c>
      <c r="T99" s="16">
        <v>948</v>
      </c>
      <c r="U99" s="16">
        <v>569</v>
      </c>
      <c r="V99" s="16">
        <v>291</v>
      </c>
      <c r="W99" s="16">
        <v>65</v>
      </c>
      <c r="X99" s="16">
        <v>16</v>
      </c>
      <c r="Y99" s="22" t="s">
        <v>268</v>
      </c>
      <c r="Z99" s="16">
        <v>8157</v>
      </c>
      <c r="AA99" s="16">
        <v>4654</v>
      </c>
      <c r="AB99" s="16">
        <v>1889</v>
      </c>
      <c r="AC99" s="16">
        <v>372</v>
      </c>
      <c r="AD99" s="16">
        <v>9527</v>
      </c>
      <c r="AE99" s="17">
        <v>57.360979999999998</v>
      </c>
    </row>
    <row r="100" spans="1:31">
      <c r="A100" s="21" t="s">
        <v>240</v>
      </c>
      <c r="B100" s="21" t="s">
        <v>237</v>
      </c>
      <c r="C100" s="21" t="s">
        <v>265</v>
      </c>
      <c r="D100" s="21" t="s">
        <v>394</v>
      </c>
      <c r="E100" s="21" t="s">
        <v>216</v>
      </c>
      <c r="F100" s="21" t="s">
        <v>468</v>
      </c>
      <c r="G100" s="16">
        <v>3826</v>
      </c>
      <c r="H100" s="22" t="s">
        <v>268</v>
      </c>
      <c r="I100" s="22" t="s">
        <v>268</v>
      </c>
      <c r="J100" s="22" t="s">
        <v>268</v>
      </c>
      <c r="K100" s="16">
        <v>4</v>
      </c>
      <c r="L100" s="16">
        <v>7</v>
      </c>
      <c r="M100" s="16">
        <v>11</v>
      </c>
      <c r="N100" s="16">
        <v>29</v>
      </c>
      <c r="O100" s="16">
        <v>40</v>
      </c>
      <c r="P100" s="16">
        <v>81</v>
      </c>
      <c r="Q100" s="16">
        <v>139</v>
      </c>
      <c r="R100" s="16">
        <v>246</v>
      </c>
      <c r="S100" s="16">
        <v>418</v>
      </c>
      <c r="T100" s="16">
        <v>597</v>
      </c>
      <c r="U100" s="16">
        <v>772</v>
      </c>
      <c r="V100" s="16">
        <v>800</v>
      </c>
      <c r="W100" s="16">
        <v>498</v>
      </c>
      <c r="X100" s="16">
        <v>154</v>
      </c>
      <c r="Y100" s="16">
        <v>30</v>
      </c>
      <c r="Z100" s="16">
        <v>311</v>
      </c>
      <c r="AA100" s="16">
        <v>3515</v>
      </c>
      <c r="AB100" s="16">
        <v>2851</v>
      </c>
      <c r="AC100" s="16">
        <v>1482</v>
      </c>
      <c r="AD100" s="16">
        <v>557</v>
      </c>
      <c r="AE100" s="17">
        <v>80.710930000000005</v>
      </c>
    </row>
    <row r="101" spans="1:31">
      <c r="A101" s="21" t="s">
        <v>240</v>
      </c>
      <c r="B101" s="21" t="s">
        <v>237</v>
      </c>
      <c r="C101" s="21" t="s">
        <v>265</v>
      </c>
      <c r="D101" s="21" t="s">
        <v>394</v>
      </c>
      <c r="E101" s="21" t="s">
        <v>216</v>
      </c>
      <c r="F101" s="21" t="s">
        <v>469</v>
      </c>
      <c r="G101" s="16">
        <v>2621</v>
      </c>
      <c r="H101" s="16">
        <v>2</v>
      </c>
      <c r="I101" s="16">
        <v>9</v>
      </c>
      <c r="J101" s="16">
        <v>52</v>
      </c>
      <c r="K101" s="16">
        <v>102</v>
      </c>
      <c r="L101" s="16">
        <v>174</v>
      </c>
      <c r="M101" s="16">
        <v>254</v>
      </c>
      <c r="N101" s="16">
        <v>289</v>
      </c>
      <c r="O101" s="16">
        <v>296</v>
      </c>
      <c r="P101" s="16">
        <v>276</v>
      </c>
      <c r="Q101" s="16">
        <v>290</v>
      </c>
      <c r="R101" s="16">
        <v>314</v>
      </c>
      <c r="S101" s="16">
        <v>268</v>
      </c>
      <c r="T101" s="16">
        <v>132</v>
      </c>
      <c r="U101" s="16">
        <v>87</v>
      </c>
      <c r="V101" s="16">
        <v>48</v>
      </c>
      <c r="W101" s="16">
        <v>21</v>
      </c>
      <c r="X101" s="16">
        <v>5</v>
      </c>
      <c r="Y101" s="16">
        <v>2</v>
      </c>
      <c r="Z101" s="16">
        <v>1744</v>
      </c>
      <c r="AA101" s="16">
        <v>877</v>
      </c>
      <c r="AB101" s="16">
        <v>295</v>
      </c>
      <c r="AC101" s="16">
        <v>76</v>
      </c>
      <c r="AD101" s="16">
        <v>2056</v>
      </c>
      <c r="AE101" s="17">
        <v>57.379440000000002</v>
      </c>
    </row>
    <row r="102" spans="1:31">
      <c r="A102" s="21" t="s">
        <v>240</v>
      </c>
      <c r="B102" s="21" t="s">
        <v>237</v>
      </c>
      <c r="C102" s="21" t="s">
        <v>265</v>
      </c>
      <c r="D102" s="21" t="s">
        <v>394</v>
      </c>
      <c r="E102" s="21" t="s">
        <v>216</v>
      </c>
      <c r="F102" s="21" t="s">
        <v>470</v>
      </c>
      <c r="G102" s="16">
        <v>526</v>
      </c>
      <c r="H102" s="16">
        <v>1</v>
      </c>
      <c r="I102" s="16">
        <v>26</v>
      </c>
      <c r="J102" s="16">
        <v>39</v>
      </c>
      <c r="K102" s="16">
        <v>34</v>
      </c>
      <c r="L102" s="16">
        <v>43</v>
      </c>
      <c r="M102" s="16">
        <v>56</v>
      </c>
      <c r="N102" s="16">
        <v>43</v>
      </c>
      <c r="O102" s="16">
        <v>26</v>
      </c>
      <c r="P102" s="16">
        <v>30</v>
      </c>
      <c r="Q102" s="16">
        <v>35</v>
      </c>
      <c r="R102" s="16">
        <v>29</v>
      </c>
      <c r="S102" s="16">
        <v>32</v>
      </c>
      <c r="T102" s="16">
        <v>21</v>
      </c>
      <c r="U102" s="16">
        <v>39</v>
      </c>
      <c r="V102" s="16">
        <v>34</v>
      </c>
      <c r="W102" s="16">
        <v>26</v>
      </c>
      <c r="X102" s="16">
        <v>11</v>
      </c>
      <c r="Y102" s="16">
        <v>1</v>
      </c>
      <c r="Z102" s="16">
        <v>333</v>
      </c>
      <c r="AA102" s="16">
        <v>193</v>
      </c>
      <c r="AB102" s="16">
        <v>132</v>
      </c>
      <c r="AC102" s="16">
        <v>72</v>
      </c>
      <c r="AD102" s="16">
        <v>361</v>
      </c>
      <c r="AE102" s="17">
        <v>56.606459999999998</v>
      </c>
    </row>
    <row r="103" spans="1:31">
      <c r="A103" s="21" t="s">
        <v>240</v>
      </c>
      <c r="B103" s="21" t="s">
        <v>237</v>
      </c>
      <c r="C103" s="21" t="s">
        <v>265</v>
      </c>
      <c r="D103" s="21" t="s">
        <v>395</v>
      </c>
      <c r="E103" s="21" t="s">
        <v>214</v>
      </c>
      <c r="F103" s="21" t="s">
        <v>214</v>
      </c>
      <c r="G103" s="16">
        <v>46241</v>
      </c>
      <c r="H103" s="16">
        <v>2904</v>
      </c>
      <c r="I103" s="16">
        <v>1849</v>
      </c>
      <c r="J103" s="16">
        <v>2042</v>
      </c>
      <c r="K103" s="16">
        <v>2449</v>
      </c>
      <c r="L103" s="16">
        <v>2973</v>
      </c>
      <c r="M103" s="16">
        <v>3320</v>
      </c>
      <c r="N103" s="16">
        <v>3640</v>
      </c>
      <c r="O103" s="16">
        <v>3383</v>
      </c>
      <c r="P103" s="16">
        <v>3406</v>
      </c>
      <c r="Q103" s="16">
        <v>3609</v>
      </c>
      <c r="R103" s="16">
        <v>3940</v>
      </c>
      <c r="S103" s="16">
        <v>4109</v>
      </c>
      <c r="T103" s="16">
        <v>3106</v>
      </c>
      <c r="U103" s="16">
        <v>2478</v>
      </c>
      <c r="V103" s="16">
        <v>1889</v>
      </c>
      <c r="W103" s="16">
        <v>880</v>
      </c>
      <c r="X103" s="16">
        <v>228</v>
      </c>
      <c r="Y103" s="16">
        <v>36</v>
      </c>
      <c r="Z103" s="16">
        <v>29575</v>
      </c>
      <c r="AA103" s="16">
        <v>16666</v>
      </c>
      <c r="AB103" s="16">
        <v>8617</v>
      </c>
      <c r="AC103" s="16">
        <v>3033</v>
      </c>
      <c r="AD103" s="16">
        <v>30611</v>
      </c>
      <c r="AE103" s="17">
        <v>54.77026</v>
      </c>
    </row>
    <row r="104" spans="1:31">
      <c r="A104" s="21" t="s">
        <v>240</v>
      </c>
      <c r="B104" s="21" t="s">
        <v>237</v>
      </c>
      <c r="C104" s="21" t="s">
        <v>265</v>
      </c>
      <c r="D104" s="21" t="s">
        <v>395</v>
      </c>
      <c r="E104" s="21" t="s">
        <v>214</v>
      </c>
      <c r="F104" s="21" t="s">
        <v>466</v>
      </c>
      <c r="G104" s="16">
        <v>11376</v>
      </c>
      <c r="H104" s="16">
        <v>2882</v>
      </c>
      <c r="I104" s="16">
        <v>1600</v>
      </c>
      <c r="J104" s="16">
        <v>1210</v>
      </c>
      <c r="K104" s="16">
        <v>943</v>
      </c>
      <c r="L104" s="16">
        <v>817</v>
      </c>
      <c r="M104" s="16">
        <v>690</v>
      </c>
      <c r="N104" s="16">
        <v>754</v>
      </c>
      <c r="O104" s="16">
        <v>618</v>
      </c>
      <c r="P104" s="16">
        <v>513</v>
      </c>
      <c r="Q104" s="16">
        <v>426</v>
      </c>
      <c r="R104" s="16">
        <v>350</v>
      </c>
      <c r="S104" s="16">
        <v>274</v>
      </c>
      <c r="T104" s="16">
        <v>148</v>
      </c>
      <c r="U104" s="16">
        <v>71</v>
      </c>
      <c r="V104" s="16">
        <v>51</v>
      </c>
      <c r="W104" s="16">
        <v>20</v>
      </c>
      <c r="X104" s="16">
        <v>9</v>
      </c>
      <c r="Y104" s="22" t="s">
        <v>268</v>
      </c>
      <c r="Z104" s="16">
        <v>10453</v>
      </c>
      <c r="AA104" s="16">
        <v>923</v>
      </c>
      <c r="AB104" s="16">
        <v>299</v>
      </c>
      <c r="AC104" s="16">
        <v>80</v>
      </c>
      <c r="AD104" s="16">
        <v>7921</v>
      </c>
      <c r="AE104" s="17">
        <v>35.284370000000003</v>
      </c>
    </row>
    <row r="105" spans="1:31">
      <c r="A105" s="21" t="s">
        <v>240</v>
      </c>
      <c r="B105" s="21" t="s">
        <v>237</v>
      </c>
      <c r="C105" s="21" t="s">
        <v>265</v>
      </c>
      <c r="D105" s="21" t="s">
        <v>395</v>
      </c>
      <c r="E105" s="21" t="s">
        <v>214</v>
      </c>
      <c r="F105" s="21" t="s">
        <v>467</v>
      </c>
      <c r="G105" s="16">
        <v>25458</v>
      </c>
      <c r="H105" s="16">
        <v>13</v>
      </c>
      <c r="I105" s="16">
        <v>174</v>
      </c>
      <c r="J105" s="16">
        <v>669</v>
      </c>
      <c r="K105" s="16">
        <v>1275</v>
      </c>
      <c r="L105" s="16">
        <v>1816</v>
      </c>
      <c r="M105" s="16">
        <v>2161</v>
      </c>
      <c r="N105" s="16">
        <v>2341</v>
      </c>
      <c r="O105" s="16">
        <v>2210</v>
      </c>
      <c r="P105" s="16">
        <v>2313</v>
      </c>
      <c r="Q105" s="16">
        <v>2501</v>
      </c>
      <c r="R105" s="16">
        <v>2740</v>
      </c>
      <c r="S105" s="16">
        <v>2846</v>
      </c>
      <c r="T105" s="16">
        <v>2026</v>
      </c>
      <c r="U105" s="16">
        <v>1349</v>
      </c>
      <c r="V105" s="16">
        <v>771</v>
      </c>
      <c r="W105" s="16">
        <v>224</v>
      </c>
      <c r="X105" s="16">
        <v>29</v>
      </c>
      <c r="Y105" s="22" t="s">
        <v>268</v>
      </c>
      <c r="Z105" s="16">
        <v>15473</v>
      </c>
      <c r="AA105" s="16">
        <v>9985</v>
      </c>
      <c r="AB105" s="16">
        <v>4399</v>
      </c>
      <c r="AC105" s="16">
        <v>1024</v>
      </c>
      <c r="AD105" s="16">
        <v>18200</v>
      </c>
      <c r="AE105" s="17">
        <v>58.555149999999998</v>
      </c>
    </row>
    <row r="106" spans="1:31">
      <c r="A106" s="21" t="s">
        <v>240</v>
      </c>
      <c r="B106" s="21" t="s">
        <v>237</v>
      </c>
      <c r="C106" s="21" t="s">
        <v>265</v>
      </c>
      <c r="D106" s="21" t="s">
        <v>395</v>
      </c>
      <c r="E106" s="21" t="s">
        <v>214</v>
      </c>
      <c r="F106" s="21" t="s">
        <v>468</v>
      </c>
      <c r="G106" s="16">
        <v>4568</v>
      </c>
      <c r="H106" s="22" t="s">
        <v>268</v>
      </c>
      <c r="I106" s="22" t="s">
        <v>268</v>
      </c>
      <c r="J106" s="22" t="s">
        <v>268</v>
      </c>
      <c r="K106" s="16">
        <v>3</v>
      </c>
      <c r="L106" s="16">
        <v>8</v>
      </c>
      <c r="M106" s="16">
        <v>13</v>
      </c>
      <c r="N106" s="16">
        <v>32</v>
      </c>
      <c r="O106" s="16">
        <v>51</v>
      </c>
      <c r="P106" s="16">
        <v>93</v>
      </c>
      <c r="Q106" s="16">
        <v>173</v>
      </c>
      <c r="R106" s="16">
        <v>315</v>
      </c>
      <c r="S106" s="16">
        <v>531</v>
      </c>
      <c r="T106" s="16">
        <v>705</v>
      </c>
      <c r="U106" s="16">
        <v>891</v>
      </c>
      <c r="V106" s="16">
        <v>962</v>
      </c>
      <c r="W106" s="16">
        <v>584</v>
      </c>
      <c r="X106" s="16">
        <v>174</v>
      </c>
      <c r="Y106" s="16">
        <v>33</v>
      </c>
      <c r="Z106" s="16">
        <v>373</v>
      </c>
      <c r="AA106" s="16">
        <v>4195</v>
      </c>
      <c r="AB106" s="16">
        <v>3349</v>
      </c>
      <c r="AC106" s="16">
        <v>1753</v>
      </c>
      <c r="AD106" s="16">
        <v>688</v>
      </c>
      <c r="AE106" s="17">
        <v>80.520579999999995</v>
      </c>
    </row>
    <row r="107" spans="1:31">
      <c r="A107" s="21" t="s">
        <v>240</v>
      </c>
      <c r="B107" s="21" t="s">
        <v>237</v>
      </c>
      <c r="C107" s="21" t="s">
        <v>265</v>
      </c>
      <c r="D107" s="21" t="s">
        <v>395</v>
      </c>
      <c r="E107" s="21" t="s">
        <v>214</v>
      </c>
      <c r="F107" s="21" t="s">
        <v>469</v>
      </c>
      <c r="G107" s="16">
        <v>3802</v>
      </c>
      <c r="H107" s="16">
        <v>2</v>
      </c>
      <c r="I107" s="16">
        <v>12</v>
      </c>
      <c r="J107" s="16">
        <v>67</v>
      </c>
      <c r="K107" s="16">
        <v>143</v>
      </c>
      <c r="L107" s="16">
        <v>242</v>
      </c>
      <c r="M107" s="16">
        <v>337</v>
      </c>
      <c r="N107" s="16">
        <v>418</v>
      </c>
      <c r="O107" s="16">
        <v>436</v>
      </c>
      <c r="P107" s="16">
        <v>420</v>
      </c>
      <c r="Q107" s="16">
        <v>437</v>
      </c>
      <c r="R107" s="16">
        <v>480</v>
      </c>
      <c r="S107" s="16">
        <v>408</v>
      </c>
      <c r="T107" s="16">
        <v>188</v>
      </c>
      <c r="U107" s="16">
        <v>121</v>
      </c>
      <c r="V107" s="16">
        <v>61</v>
      </c>
      <c r="W107" s="16">
        <v>23</v>
      </c>
      <c r="X107" s="16">
        <v>5</v>
      </c>
      <c r="Y107" s="16">
        <v>2</v>
      </c>
      <c r="Z107" s="16">
        <v>2514</v>
      </c>
      <c r="AA107" s="16">
        <v>1288</v>
      </c>
      <c r="AB107" s="16">
        <v>400</v>
      </c>
      <c r="AC107" s="16">
        <v>91</v>
      </c>
      <c r="AD107" s="16">
        <v>2992</v>
      </c>
      <c r="AE107" s="17">
        <v>57.608890000000002</v>
      </c>
    </row>
    <row r="108" spans="1:31">
      <c r="A108" s="21" t="s">
        <v>240</v>
      </c>
      <c r="B108" s="21" t="s">
        <v>237</v>
      </c>
      <c r="C108" s="21" t="s">
        <v>265</v>
      </c>
      <c r="D108" s="21" t="s">
        <v>395</v>
      </c>
      <c r="E108" s="21" t="s">
        <v>214</v>
      </c>
      <c r="F108" s="21" t="s">
        <v>470</v>
      </c>
      <c r="G108" s="16">
        <v>1037</v>
      </c>
      <c r="H108" s="16">
        <v>7</v>
      </c>
      <c r="I108" s="16">
        <v>63</v>
      </c>
      <c r="J108" s="16">
        <v>96</v>
      </c>
      <c r="K108" s="16">
        <v>85</v>
      </c>
      <c r="L108" s="16">
        <v>90</v>
      </c>
      <c r="M108" s="16">
        <v>119</v>
      </c>
      <c r="N108" s="16">
        <v>95</v>
      </c>
      <c r="O108" s="16">
        <v>68</v>
      </c>
      <c r="P108" s="16">
        <v>67</v>
      </c>
      <c r="Q108" s="16">
        <v>72</v>
      </c>
      <c r="R108" s="16">
        <v>55</v>
      </c>
      <c r="S108" s="16">
        <v>50</v>
      </c>
      <c r="T108" s="16">
        <v>39</v>
      </c>
      <c r="U108" s="16">
        <v>46</v>
      </c>
      <c r="V108" s="16">
        <v>44</v>
      </c>
      <c r="W108" s="16">
        <v>29</v>
      </c>
      <c r="X108" s="16">
        <v>11</v>
      </c>
      <c r="Y108" s="16">
        <v>1</v>
      </c>
      <c r="Z108" s="16">
        <v>762</v>
      </c>
      <c r="AA108" s="16">
        <v>275</v>
      </c>
      <c r="AB108" s="16">
        <v>170</v>
      </c>
      <c r="AC108" s="16">
        <v>85</v>
      </c>
      <c r="AD108" s="16">
        <v>810</v>
      </c>
      <c r="AE108" s="17">
        <v>51.776760000000003</v>
      </c>
    </row>
    <row r="109" spans="1:31">
      <c r="A109" s="21" t="s">
        <v>240</v>
      </c>
      <c r="B109" s="21" t="s">
        <v>237</v>
      </c>
      <c r="C109" s="21" t="s">
        <v>265</v>
      </c>
      <c r="D109" s="21" t="s">
        <v>395</v>
      </c>
      <c r="E109" s="21" t="s">
        <v>215</v>
      </c>
      <c r="F109" s="21" t="s">
        <v>214</v>
      </c>
      <c r="G109" s="16">
        <v>21444</v>
      </c>
      <c r="H109" s="16">
        <v>1550</v>
      </c>
      <c r="I109" s="16">
        <v>946</v>
      </c>
      <c r="J109" s="16">
        <v>1027</v>
      </c>
      <c r="K109" s="16">
        <v>1203</v>
      </c>
      <c r="L109" s="16">
        <v>1457</v>
      </c>
      <c r="M109" s="16">
        <v>1588</v>
      </c>
      <c r="N109" s="16">
        <v>1770</v>
      </c>
      <c r="O109" s="16">
        <v>1624</v>
      </c>
      <c r="P109" s="16">
        <v>1616</v>
      </c>
      <c r="Q109" s="16">
        <v>1724</v>
      </c>
      <c r="R109" s="16">
        <v>1844</v>
      </c>
      <c r="S109" s="16">
        <v>1874</v>
      </c>
      <c r="T109" s="16">
        <v>1308</v>
      </c>
      <c r="U109" s="16">
        <v>949</v>
      </c>
      <c r="V109" s="16">
        <v>677</v>
      </c>
      <c r="W109" s="16">
        <v>251</v>
      </c>
      <c r="X109" s="16">
        <v>33</v>
      </c>
      <c r="Y109" s="16">
        <v>3</v>
      </c>
      <c r="Z109" s="16">
        <v>14505</v>
      </c>
      <c r="AA109" s="16">
        <v>6939</v>
      </c>
      <c r="AB109" s="16">
        <v>3221</v>
      </c>
      <c r="AC109" s="16">
        <v>964</v>
      </c>
      <c r="AD109" s="16">
        <v>14799</v>
      </c>
      <c r="AE109" s="17">
        <v>52.83128</v>
      </c>
    </row>
    <row r="110" spans="1:31">
      <c r="A110" s="21" t="s">
        <v>240</v>
      </c>
      <c r="B110" s="21" t="s">
        <v>237</v>
      </c>
      <c r="C110" s="21" t="s">
        <v>265</v>
      </c>
      <c r="D110" s="21" t="s">
        <v>395</v>
      </c>
      <c r="E110" s="21" t="s">
        <v>215</v>
      </c>
      <c r="F110" s="21" t="s">
        <v>466</v>
      </c>
      <c r="G110" s="16">
        <v>6153</v>
      </c>
      <c r="H110" s="16">
        <v>1539</v>
      </c>
      <c r="I110" s="16">
        <v>826</v>
      </c>
      <c r="J110" s="16">
        <v>651</v>
      </c>
      <c r="K110" s="16">
        <v>531</v>
      </c>
      <c r="L110" s="16">
        <v>447</v>
      </c>
      <c r="M110" s="16">
        <v>387</v>
      </c>
      <c r="N110" s="16">
        <v>429</v>
      </c>
      <c r="O110" s="16">
        <v>361</v>
      </c>
      <c r="P110" s="16">
        <v>286</v>
      </c>
      <c r="Q110" s="16">
        <v>270</v>
      </c>
      <c r="R110" s="16">
        <v>217</v>
      </c>
      <c r="S110" s="16">
        <v>142</v>
      </c>
      <c r="T110" s="16">
        <v>47</v>
      </c>
      <c r="U110" s="16">
        <v>8</v>
      </c>
      <c r="V110" s="16">
        <v>11</v>
      </c>
      <c r="W110" s="16">
        <v>1</v>
      </c>
      <c r="X110" s="22" t="s">
        <v>268</v>
      </c>
      <c r="Y110" s="22" t="s">
        <v>268</v>
      </c>
      <c r="Z110" s="16">
        <v>5727</v>
      </c>
      <c r="AA110" s="16">
        <v>426</v>
      </c>
      <c r="AB110" s="16">
        <v>67</v>
      </c>
      <c r="AC110" s="16">
        <v>12</v>
      </c>
      <c r="AD110" s="16">
        <v>4405</v>
      </c>
      <c r="AE110" s="17">
        <v>35.125219999999999</v>
      </c>
    </row>
    <row r="111" spans="1:31">
      <c r="A111" s="21" t="s">
        <v>240</v>
      </c>
      <c r="B111" s="21" t="s">
        <v>237</v>
      </c>
      <c r="C111" s="21" t="s">
        <v>265</v>
      </c>
      <c r="D111" s="21" t="s">
        <v>395</v>
      </c>
      <c r="E111" s="21" t="s">
        <v>215</v>
      </c>
      <c r="F111" s="21" t="s">
        <v>467</v>
      </c>
      <c r="G111" s="16">
        <v>12783</v>
      </c>
      <c r="H111" s="16">
        <v>5</v>
      </c>
      <c r="I111" s="16">
        <v>76</v>
      </c>
      <c r="J111" s="16">
        <v>297</v>
      </c>
      <c r="K111" s="16">
        <v>576</v>
      </c>
      <c r="L111" s="16">
        <v>883</v>
      </c>
      <c r="M111" s="16">
        <v>1045</v>
      </c>
      <c r="N111" s="16">
        <v>1145</v>
      </c>
      <c r="O111" s="16">
        <v>1057</v>
      </c>
      <c r="P111" s="16">
        <v>1129</v>
      </c>
      <c r="Q111" s="16">
        <v>1234</v>
      </c>
      <c r="R111" s="16">
        <v>1365</v>
      </c>
      <c r="S111" s="16">
        <v>1460</v>
      </c>
      <c r="T111" s="16">
        <v>1079</v>
      </c>
      <c r="U111" s="16">
        <v>780</v>
      </c>
      <c r="V111" s="16">
        <v>480</v>
      </c>
      <c r="W111" s="16">
        <v>159</v>
      </c>
      <c r="X111" s="16">
        <v>13</v>
      </c>
      <c r="Y111" s="22" t="s">
        <v>268</v>
      </c>
      <c r="Z111" s="16">
        <v>7447</v>
      </c>
      <c r="AA111" s="16">
        <v>5336</v>
      </c>
      <c r="AB111" s="16">
        <v>2511</v>
      </c>
      <c r="AC111" s="16">
        <v>652</v>
      </c>
      <c r="AD111" s="16">
        <v>8807</v>
      </c>
      <c r="AE111" s="17">
        <v>59.599510000000002</v>
      </c>
    </row>
    <row r="112" spans="1:31">
      <c r="A112" s="21" t="s">
        <v>240</v>
      </c>
      <c r="B112" s="21" t="s">
        <v>237</v>
      </c>
      <c r="C112" s="21" t="s">
        <v>265</v>
      </c>
      <c r="D112" s="21" t="s">
        <v>395</v>
      </c>
      <c r="E112" s="21" t="s">
        <v>215</v>
      </c>
      <c r="F112" s="21" t="s">
        <v>468</v>
      </c>
      <c r="G112" s="16">
        <v>752</v>
      </c>
      <c r="H112" s="22" t="s">
        <v>268</v>
      </c>
      <c r="I112" s="22" t="s">
        <v>268</v>
      </c>
      <c r="J112" s="22" t="s">
        <v>268</v>
      </c>
      <c r="K112" s="22" t="s">
        <v>268</v>
      </c>
      <c r="L112" s="16">
        <v>2</v>
      </c>
      <c r="M112" s="16">
        <v>3</v>
      </c>
      <c r="N112" s="16">
        <v>5</v>
      </c>
      <c r="O112" s="16">
        <v>12</v>
      </c>
      <c r="P112" s="16">
        <v>14</v>
      </c>
      <c r="Q112" s="16">
        <v>34</v>
      </c>
      <c r="R112" s="16">
        <v>70</v>
      </c>
      <c r="S112" s="16">
        <v>113</v>
      </c>
      <c r="T112" s="16">
        <v>108</v>
      </c>
      <c r="U112" s="16">
        <v>119</v>
      </c>
      <c r="V112" s="16">
        <v>163</v>
      </c>
      <c r="W112" s="16">
        <v>86</v>
      </c>
      <c r="X112" s="16">
        <v>20</v>
      </c>
      <c r="Y112" s="16">
        <v>3</v>
      </c>
      <c r="Z112" s="16">
        <v>70</v>
      </c>
      <c r="AA112" s="16">
        <v>682</v>
      </c>
      <c r="AB112" s="16">
        <v>499</v>
      </c>
      <c r="AC112" s="16">
        <v>272</v>
      </c>
      <c r="AD112" s="16">
        <v>140</v>
      </c>
      <c r="AE112" s="17">
        <v>79.188829999999996</v>
      </c>
    </row>
    <row r="113" spans="1:31">
      <c r="A113" s="21" t="s">
        <v>240</v>
      </c>
      <c r="B113" s="21" t="s">
        <v>237</v>
      </c>
      <c r="C113" s="21" t="s">
        <v>265</v>
      </c>
      <c r="D113" s="21" t="s">
        <v>395</v>
      </c>
      <c r="E113" s="21" t="s">
        <v>215</v>
      </c>
      <c r="F113" s="21" t="s">
        <v>469</v>
      </c>
      <c r="G113" s="16">
        <v>1214</v>
      </c>
      <c r="H113" s="22" t="s">
        <v>268</v>
      </c>
      <c r="I113" s="16">
        <v>3</v>
      </c>
      <c r="J113" s="16">
        <v>16</v>
      </c>
      <c r="K113" s="16">
        <v>42</v>
      </c>
      <c r="L113" s="16">
        <v>73</v>
      </c>
      <c r="M113" s="16">
        <v>89</v>
      </c>
      <c r="N113" s="16">
        <v>134</v>
      </c>
      <c r="O113" s="16">
        <v>150</v>
      </c>
      <c r="P113" s="16">
        <v>147</v>
      </c>
      <c r="Q113" s="16">
        <v>148</v>
      </c>
      <c r="R113" s="16">
        <v>166</v>
      </c>
      <c r="S113" s="16">
        <v>141</v>
      </c>
      <c r="T113" s="16">
        <v>56</v>
      </c>
      <c r="U113" s="16">
        <v>34</v>
      </c>
      <c r="V113" s="16">
        <v>13</v>
      </c>
      <c r="W113" s="16">
        <v>2</v>
      </c>
      <c r="X113" s="22" t="s">
        <v>268</v>
      </c>
      <c r="Y113" s="22" t="s">
        <v>268</v>
      </c>
      <c r="Z113" s="16">
        <v>802</v>
      </c>
      <c r="AA113" s="16">
        <v>412</v>
      </c>
      <c r="AB113" s="16">
        <v>105</v>
      </c>
      <c r="AC113" s="16">
        <v>15</v>
      </c>
      <c r="AD113" s="16">
        <v>968</v>
      </c>
      <c r="AE113" s="17">
        <v>57.838549999999998</v>
      </c>
    </row>
    <row r="114" spans="1:31">
      <c r="A114" s="21" t="s">
        <v>240</v>
      </c>
      <c r="B114" s="21" t="s">
        <v>237</v>
      </c>
      <c r="C114" s="21" t="s">
        <v>265</v>
      </c>
      <c r="D114" s="21" t="s">
        <v>395</v>
      </c>
      <c r="E114" s="21" t="s">
        <v>215</v>
      </c>
      <c r="F114" s="21" t="s">
        <v>470</v>
      </c>
      <c r="G114" s="16">
        <v>542</v>
      </c>
      <c r="H114" s="16">
        <v>6</v>
      </c>
      <c r="I114" s="16">
        <v>41</v>
      </c>
      <c r="J114" s="16">
        <v>63</v>
      </c>
      <c r="K114" s="16">
        <v>54</v>
      </c>
      <c r="L114" s="16">
        <v>52</v>
      </c>
      <c r="M114" s="16">
        <v>64</v>
      </c>
      <c r="N114" s="16">
        <v>57</v>
      </c>
      <c r="O114" s="16">
        <v>44</v>
      </c>
      <c r="P114" s="16">
        <v>40</v>
      </c>
      <c r="Q114" s="16">
        <v>38</v>
      </c>
      <c r="R114" s="16">
        <v>26</v>
      </c>
      <c r="S114" s="16">
        <v>18</v>
      </c>
      <c r="T114" s="16">
        <v>18</v>
      </c>
      <c r="U114" s="16">
        <v>8</v>
      </c>
      <c r="V114" s="16">
        <v>10</v>
      </c>
      <c r="W114" s="16">
        <v>3</v>
      </c>
      <c r="X114" s="22" t="s">
        <v>268</v>
      </c>
      <c r="Y114" s="22" t="s">
        <v>268</v>
      </c>
      <c r="Z114" s="16">
        <v>459</v>
      </c>
      <c r="AA114" s="16">
        <v>83</v>
      </c>
      <c r="AB114" s="16">
        <v>39</v>
      </c>
      <c r="AC114" s="16">
        <v>13</v>
      </c>
      <c r="AD114" s="16">
        <v>479</v>
      </c>
      <c r="AE114" s="17">
        <v>46.424349999999997</v>
      </c>
    </row>
    <row r="115" spans="1:31">
      <c r="A115" s="21" t="s">
        <v>240</v>
      </c>
      <c r="B115" s="21" t="s">
        <v>237</v>
      </c>
      <c r="C115" s="21" t="s">
        <v>265</v>
      </c>
      <c r="D115" s="21" t="s">
        <v>395</v>
      </c>
      <c r="E115" s="21" t="s">
        <v>216</v>
      </c>
      <c r="F115" s="21" t="s">
        <v>214</v>
      </c>
      <c r="G115" s="16">
        <v>24797</v>
      </c>
      <c r="H115" s="16">
        <v>1354</v>
      </c>
      <c r="I115" s="16">
        <v>903</v>
      </c>
      <c r="J115" s="16">
        <v>1015</v>
      </c>
      <c r="K115" s="16">
        <v>1246</v>
      </c>
      <c r="L115" s="16">
        <v>1516</v>
      </c>
      <c r="M115" s="16">
        <v>1732</v>
      </c>
      <c r="N115" s="16">
        <v>1870</v>
      </c>
      <c r="O115" s="16">
        <v>1759</v>
      </c>
      <c r="P115" s="16">
        <v>1790</v>
      </c>
      <c r="Q115" s="16">
        <v>1885</v>
      </c>
      <c r="R115" s="16">
        <v>2096</v>
      </c>
      <c r="S115" s="16">
        <v>2235</v>
      </c>
      <c r="T115" s="16">
        <v>1798</v>
      </c>
      <c r="U115" s="16">
        <v>1529</v>
      </c>
      <c r="V115" s="16">
        <v>1212</v>
      </c>
      <c r="W115" s="16">
        <v>629</v>
      </c>
      <c r="X115" s="16">
        <v>195</v>
      </c>
      <c r="Y115" s="16">
        <v>33</v>
      </c>
      <c r="Z115" s="16">
        <v>15070</v>
      </c>
      <c r="AA115" s="16">
        <v>9727</v>
      </c>
      <c r="AB115" s="16">
        <v>5396</v>
      </c>
      <c r="AC115" s="16">
        <v>2069</v>
      </c>
      <c r="AD115" s="16">
        <v>15812</v>
      </c>
      <c r="AE115" s="17">
        <v>56.447049999999997</v>
      </c>
    </row>
    <row r="116" spans="1:31">
      <c r="A116" s="21" t="s">
        <v>240</v>
      </c>
      <c r="B116" s="21" t="s">
        <v>237</v>
      </c>
      <c r="C116" s="21" t="s">
        <v>265</v>
      </c>
      <c r="D116" s="21" t="s">
        <v>395</v>
      </c>
      <c r="E116" s="21" t="s">
        <v>216</v>
      </c>
      <c r="F116" s="21" t="s">
        <v>466</v>
      </c>
      <c r="G116" s="16">
        <v>5223</v>
      </c>
      <c r="H116" s="16">
        <v>1343</v>
      </c>
      <c r="I116" s="16">
        <v>774</v>
      </c>
      <c r="J116" s="16">
        <v>559</v>
      </c>
      <c r="K116" s="16">
        <v>412</v>
      </c>
      <c r="L116" s="16">
        <v>370</v>
      </c>
      <c r="M116" s="16">
        <v>303</v>
      </c>
      <c r="N116" s="16">
        <v>325</v>
      </c>
      <c r="O116" s="16">
        <v>257</v>
      </c>
      <c r="P116" s="16">
        <v>227</v>
      </c>
      <c r="Q116" s="16">
        <v>156</v>
      </c>
      <c r="R116" s="16">
        <v>133</v>
      </c>
      <c r="S116" s="16">
        <v>132</v>
      </c>
      <c r="T116" s="16">
        <v>101</v>
      </c>
      <c r="U116" s="16">
        <v>63</v>
      </c>
      <c r="V116" s="16">
        <v>40</v>
      </c>
      <c r="W116" s="16">
        <v>19</v>
      </c>
      <c r="X116" s="16">
        <v>9</v>
      </c>
      <c r="Y116" s="22" t="s">
        <v>268</v>
      </c>
      <c r="Z116" s="16">
        <v>4726</v>
      </c>
      <c r="AA116" s="16">
        <v>497</v>
      </c>
      <c r="AB116" s="16">
        <v>232</v>
      </c>
      <c r="AC116" s="16">
        <v>68</v>
      </c>
      <c r="AD116" s="16">
        <v>3516</v>
      </c>
      <c r="AE116" s="17">
        <v>35.47186</v>
      </c>
    </row>
    <row r="117" spans="1:31">
      <c r="A117" s="21" t="s">
        <v>240</v>
      </c>
      <c r="B117" s="21" t="s">
        <v>237</v>
      </c>
      <c r="C117" s="21" t="s">
        <v>265</v>
      </c>
      <c r="D117" s="21" t="s">
        <v>395</v>
      </c>
      <c r="E117" s="21" t="s">
        <v>216</v>
      </c>
      <c r="F117" s="21" t="s">
        <v>467</v>
      </c>
      <c r="G117" s="16">
        <v>12675</v>
      </c>
      <c r="H117" s="16">
        <v>8</v>
      </c>
      <c r="I117" s="16">
        <v>98</v>
      </c>
      <c r="J117" s="16">
        <v>372</v>
      </c>
      <c r="K117" s="16">
        <v>699</v>
      </c>
      <c r="L117" s="16">
        <v>933</v>
      </c>
      <c r="M117" s="16">
        <v>1116</v>
      </c>
      <c r="N117" s="16">
        <v>1196</v>
      </c>
      <c r="O117" s="16">
        <v>1153</v>
      </c>
      <c r="P117" s="16">
        <v>1184</v>
      </c>
      <c r="Q117" s="16">
        <v>1267</v>
      </c>
      <c r="R117" s="16">
        <v>1375</v>
      </c>
      <c r="S117" s="16">
        <v>1386</v>
      </c>
      <c r="T117" s="16">
        <v>947</v>
      </c>
      <c r="U117" s="16">
        <v>569</v>
      </c>
      <c r="V117" s="16">
        <v>291</v>
      </c>
      <c r="W117" s="16">
        <v>65</v>
      </c>
      <c r="X117" s="16">
        <v>16</v>
      </c>
      <c r="Y117" s="22" t="s">
        <v>268</v>
      </c>
      <c r="Z117" s="16">
        <v>8026</v>
      </c>
      <c r="AA117" s="16">
        <v>4649</v>
      </c>
      <c r="AB117" s="16">
        <v>1888</v>
      </c>
      <c r="AC117" s="16">
        <v>372</v>
      </c>
      <c r="AD117" s="16">
        <v>9393</v>
      </c>
      <c r="AE117" s="17">
        <v>57.501890000000003</v>
      </c>
    </row>
    <row r="118" spans="1:31">
      <c r="A118" s="21" t="s">
        <v>240</v>
      </c>
      <c r="B118" s="21" t="s">
        <v>237</v>
      </c>
      <c r="C118" s="21" t="s">
        <v>265</v>
      </c>
      <c r="D118" s="21" t="s">
        <v>395</v>
      </c>
      <c r="E118" s="21" t="s">
        <v>216</v>
      </c>
      <c r="F118" s="21" t="s">
        <v>468</v>
      </c>
      <c r="G118" s="16">
        <v>3816</v>
      </c>
      <c r="H118" s="22" t="s">
        <v>268</v>
      </c>
      <c r="I118" s="22" t="s">
        <v>268</v>
      </c>
      <c r="J118" s="22" t="s">
        <v>268</v>
      </c>
      <c r="K118" s="16">
        <v>3</v>
      </c>
      <c r="L118" s="16">
        <v>6</v>
      </c>
      <c r="M118" s="16">
        <v>10</v>
      </c>
      <c r="N118" s="16">
        <v>27</v>
      </c>
      <c r="O118" s="16">
        <v>39</v>
      </c>
      <c r="P118" s="16">
        <v>79</v>
      </c>
      <c r="Q118" s="16">
        <v>139</v>
      </c>
      <c r="R118" s="16">
        <v>245</v>
      </c>
      <c r="S118" s="16">
        <v>418</v>
      </c>
      <c r="T118" s="16">
        <v>597</v>
      </c>
      <c r="U118" s="16">
        <v>772</v>
      </c>
      <c r="V118" s="16">
        <v>799</v>
      </c>
      <c r="W118" s="16">
        <v>498</v>
      </c>
      <c r="X118" s="16">
        <v>154</v>
      </c>
      <c r="Y118" s="16">
        <v>30</v>
      </c>
      <c r="Z118" s="16">
        <v>303</v>
      </c>
      <c r="AA118" s="16">
        <v>3513</v>
      </c>
      <c r="AB118" s="16">
        <v>2850</v>
      </c>
      <c r="AC118" s="16">
        <v>1481</v>
      </c>
      <c r="AD118" s="16">
        <v>548</v>
      </c>
      <c r="AE118" s="17">
        <v>80.783019999999993</v>
      </c>
    </row>
    <row r="119" spans="1:31">
      <c r="A119" s="21" t="s">
        <v>240</v>
      </c>
      <c r="B119" s="21" t="s">
        <v>237</v>
      </c>
      <c r="C119" s="21" t="s">
        <v>265</v>
      </c>
      <c r="D119" s="21" t="s">
        <v>395</v>
      </c>
      <c r="E119" s="21" t="s">
        <v>216</v>
      </c>
      <c r="F119" s="21" t="s">
        <v>469</v>
      </c>
      <c r="G119" s="16">
        <v>2588</v>
      </c>
      <c r="H119" s="16">
        <v>2</v>
      </c>
      <c r="I119" s="16">
        <v>9</v>
      </c>
      <c r="J119" s="16">
        <v>51</v>
      </c>
      <c r="K119" s="16">
        <v>101</v>
      </c>
      <c r="L119" s="16">
        <v>169</v>
      </c>
      <c r="M119" s="16">
        <v>248</v>
      </c>
      <c r="N119" s="16">
        <v>284</v>
      </c>
      <c r="O119" s="16">
        <v>286</v>
      </c>
      <c r="P119" s="16">
        <v>273</v>
      </c>
      <c r="Q119" s="16">
        <v>289</v>
      </c>
      <c r="R119" s="16">
        <v>314</v>
      </c>
      <c r="S119" s="16">
        <v>267</v>
      </c>
      <c r="T119" s="16">
        <v>132</v>
      </c>
      <c r="U119" s="16">
        <v>87</v>
      </c>
      <c r="V119" s="16">
        <v>48</v>
      </c>
      <c r="W119" s="16">
        <v>21</v>
      </c>
      <c r="X119" s="16">
        <v>5</v>
      </c>
      <c r="Y119" s="16">
        <v>2</v>
      </c>
      <c r="Z119" s="16">
        <v>1712</v>
      </c>
      <c r="AA119" s="16">
        <v>876</v>
      </c>
      <c r="AB119" s="16">
        <v>295</v>
      </c>
      <c r="AC119" s="16">
        <v>76</v>
      </c>
      <c r="AD119" s="16">
        <v>2024</v>
      </c>
      <c r="AE119" s="17">
        <v>57.501159999999999</v>
      </c>
    </row>
    <row r="120" spans="1:31">
      <c r="A120" s="21" t="s">
        <v>240</v>
      </c>
      <c r="B120" s="21" t="s">
        <v>237</v>
      </c>
      <c r="C120" s="21" t="s">
        <v>265</v>
      </c>
      <c r="D120" s="21" t="s">
        <v>395</v>
      </c>
      <c r="E120" s="21" t="s">
        <v>216</v>
      </c>
      <c r="F120" s="21" t="s">
        <v>470</v>
      </c>
      <c r="G120" s="16">
        <v>495</v>
      </c>
      <c r="H120" s="16">
        <v>1</v>
      </c>
      <c r="I120" s="16">
        <v>22</v>
      </c>
      <c r="J120" s="16">
        <v>33</v>
      </c>
      <c r="K120" s="16">
        <v>31</v>
      </c>
      <c r="L120" s="16">
        <v>38</v>
      </c>
      <c r="M120" s="16">
        <v>55</v>
      </c>
      <c r="N120" s="16">
        <v>38</v>
      </c>
      <c r="O120" s="16">
        <v>24</v>
      </c>
      <c r="P120" s="16">
        <v>27</v>
      </c>
      <c r="Q120" s="16">
        <v>34</v>
      </c>
      <c r="R120" s="16">
        <v>29</v>
      </c>
      <c r="S120" s="16">
        <v>32</v>
      </c>
      <c r="T120" s="16">
        <v>21</v>
      </c>
      <c r="U120" s="16">
        <v>38</v>
      </c>
      <c r="V120" s="16">
        <v>34</v>
      </c>
      <c r="W120" s="16">
        <v>26</v>
      </c>
      <c r="X120" s="16">
        <v>11</v>
      </c>
      <c r="Y120" s="16">
        <v>1</v>
      </c>
      <c r="Z120" s="16">
        <v>303</v>
      </c>
      <c r="AA120" s="16">
        <v>192</v>
      </c>
      <c r="AB120" s="16">
        <v>131</v>
      </c>
      <c r="AC120" s="16">
        <v>72</v>
      </c>
      <c r="AD120" s="16">
        <v>331</v>
      </c>
      <c r="AE120" s="17">
        <v>57.637369999999997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3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8B59739-A874-4681-8999-F0F9AA628038}">
  <sheetPr>
    <pageSetUpPr fitToPage="1"/>
  </sheetPr>
  <dimension ref="A1:AD84"/>
  <sheetViews>
    <sheetView zoomScaleNormal="100" workbookViewId="0">
      <pane xSplit="6" ySplit="12" topLeftCell="G13" activePane="bottomRight" state="frozen"/>
      <selection pane="topRight" activeCell="Z1" sqref="Z1"/>
      <selection pane="bottomLeft" activeCell="A23" sqref="A23"/>
      <selection pane="bottomRight" activeCell="B10" sqref="B10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21.875" style="20" bestFit="1" customWidth="1"/>
    <col min="4" max="4" width="16.25" style="20" customWidth="1"/>
    <col min="5" max="16384" width="12.625" style="20"/>
  </cols>
  <sheetData>
    <row r="1" spans="1:30" s="11" customFormat="1">
      <c r="A1" s="11" t="s">
        <v>192</v>
      </c>
    </row>
    <row r="2" spans="1:30" s="11" customFormat="1">
      <c r="A2" s="11" t="s">
        <v>478</v>
      </c>
    </row>
    <row r="3" spans="1:30" s="11" customFormat="1"/>
    <row r="4" spans="1:30" s="11" customFormat="1" outlineLevel="1">
      <c r="A4" s="11" t="s">
        <v>472</v>
      </c>
    </row>
    <row r="5" spans="1:30" s="11" customFormat="1" outlineLevel="1">
      <c r="A5" s="11" t="s">
        <v>278</v>
      </c>
    </row>
    <row r="6" spans="1:30" s="11" customFormat="1" outlineLevel="1">
      <c r="A6" s="11" t="s">
        <v>397</v>
      </c>
    </row>
    <row r="7" spans="1:30" s="11" customFormat="1" ht="36">
      <c r="G7" s="12" t="s">
        <v>473</v>
      </c>
      <c r="H7" s="12" t="s">
        <v>473</v>
      </c>
      <c r="I7" s="12" t="s">
        <v>473</v>
      </c>
      <c r="J7" s="12" t="s">
        <v>473</v>
      </c>
      <c r="K7" s="12" t="s">
        <v>473</v>
      </c>
      <c r="L7" s="12" t="s">
        <v>473</v>
      </c>
      <c r="M7" s="12" t="s">
        <v>473</v>
      </c>
      <c r="N7" s="12" t="s">
        <v>473</v>
      </c>
      <c r="O7" s="12" t="s">
        <v>473</v>
      </c>
      <c r="P7" s="12" t="s">
        <v>473</v>
      </c>
      <c r="Q7" s="12" t="s">
        <v>473</v>
      </c>
      <c r="R7" s="12" t="s">
        <v>473</v>
      </c>
      <c r="S7" s="12" t="s">
        <v>473</v>
      </c>
      <c r="T7" s="12" t="s">
        <v>473</v>
      </c>
      <c r="U7" s="12" t="s">
        <v>473</v>
      </c>
      <c r="V7" s="12" t="s">
        <v>473</v>
      </c>
      <c r="W7" s="12" t="s">
        <v>473</v>
      </c>
      <c r="X7" s="12" t="s">
        <v>473</v>
      </c>
      <c r="Y7" s="12" t="s">
        <v>473</v>
      </c>
      <c r="Z7" s="12" t="s">
        <v>473</v>
      </c>
      <c r="AA7" s="12" t="s">
        <v>473</v>
      </c>
      <c r="AB7" s="12" t="s">
        <v>473</v>
      </c>
      <c r="AC7" s="12" t="s">
        <v>473</v>
      </c>
      <c r="AD7" s="12" t="s">
        <v>473</v>
      </c>
    </row>
    <row r="8" spans="1:30" s="11" customFormat="1">
      <c r="G8" s="12" t="s">
        <v>282</v>
      </c>
      <c r="H8" s="12" t="s">
        <v>282</v>
      </c>
      <c r="I8" s="12" t="s">
        <v>282</v>
      </c>
      <c r="J8" s="12" t="s">
        <v>282</v>
      </c>
      <c r="K8" s="12" t="s">
        <v>282</v>
      </c>
      <c r="L8" s="12" t="s">
        <v>282</v>
      </c>
      <c r="M8" s="12" t="s">
        <v>282</v>
      </c>
      <c r="N8" s="12" t="s">
        <v>282</v>
      </c>
      <c r="O8" s="12" t="s">
        <v>282</v>
      </c>
      <c r="P8" s="12" t="s">
        <v>282</v>
      </c>
      <c r="Q8" s="12" t="s">
        <v>282</v>
      </c>
      <c r="R8" s="12" t="s">
        <v>282</v>
      </c>
      <c r="S8" s="12" t="s">
        <v>282</v>
      </c>
      <c r="T8" s="12" t="s">
        <v>282</v>
      </c>
      <c r="U8" s="12" t="s">
        <v>282</v>
      </c>
      <c r="V8" s="12" t="s">
        <v>282</v>
      </c>
      <c r="W8" s="12" t="s">
        <v>282</v>
      </c>
      <c r="X8" s="12" t="s">
        <v>282</v>
      </c>
      <c r="Y8" s="12" t="s">
        <v>282</v>
      </c>
      <c r="Z8" s="12" t="s">
        <v>282</v>
      </c>
      <c r="AA8" s="12" t="s">
        <v>282</v>
      </c>
      <c r="AB8" s="12" t="s">
        <v>282</v>
      </c>
      <c r="AC8" s="12" t="s">
        <v>282</v>
      </c>
      <c r="AD8" s="12" t="s">
        <v>282</v>
      </c>
    </row>
    <row r="9" spans="1:30" s="11" customFormat="1">
      <c r="G9" s="12">
        <v>1</v>
      </c>
      <c r="H9" s="12">
        <v>1</v>
      </c>
      <c r="I9" s="12">
        <v>1</v>
      </c>
      <c r="J9" s="12">
        <v>1</v>
      </c>
      <c r="K9" s="12">
        <v>1</v>
      </c>
      <c r="L9" s="12">
        <v>1</v>
      </c>
      <c r="M9" s="12">
        <v>1</v>
      </c>
      <c r="N9" s="12">
        <v>1</v>
      </c>
      <c r="O9" s="12">
        <v>1</v>
      </c>
      <c r="P9" s="12">
        <v>1</v>
      </c>
      <c r="Q9" s="12">
        <v>1</v>
      </c>
      <c r="R9" s="12">
        <v>1</v>
      </c>
      <c r="S9" s="12">
        <v>1</v>
      </c>
      <c r="T9" s="12">
        <v>1</v>
      </c>
      <c r="U9" s="12">
        <v>1</v>
      </c>
      <c r="V9" s="12">
        <v>1</v>
      </c>
      <c r="W9" s="12">
        <v>1</v>
      </c>
      <c r="X9" s="12">
        <v>1</v>
      </c>
      <c r="Y9" s="12">
        <v>1</v>
      </c>
      <c r="Z9" s="12">
        <v>1</v>
      </c>
      <c r="AA9" s="12">
        <v>1</v>
      </c>
      <c r="AB9" s="12">
        <v>1</v>
      </c>
      <c r="AC9" s="12">
        <v>1</v>
      </c>
      <c r="AD9" s="12">
        <v>1</v>
      </c>
    </row>
    <row r="10" spans="1:30" s="11" customFormat="1" ht="24">
      <c r="G10" s="12" t="s">
        <v>401</v>
      </c>
      <c r="H10" s="12" t="s">
        <v>443</v>
      </c>
      <c r="I10" s="12" t="s">
        <v>444</v>
      </c>
      <c r="J10" s="12" t="s">
        <v>445</v>
      </c>
      <c r="K10" s="12" t="s">
        <v>446</v>
      </c>
      <c r="L10" s="12" t="s">
        <v>447</v>
      </c>
      <c r="M10" s="12" t="s">
        <v>448</v>
      </c>
      <c r="N10" s="12" t="s">
        <v>449</v>
      </c>
      <c r="O10" s="12" t="s">
        <v>450</v>
      </c>
      <c r="P10" s="12" t="s">
        <v>451</v>
      </c>
      <c r="Q10" s="12" t="s">
        <v>452</v>
      </c>
      <c r="R10" s="12" t="s">
        <v>453</v>
      </c>
      <c r="S10" s="12" t="s">
        <v>454</v>
      </c>
      <c r="T10" s="12" t="s">
        <v>455</v>
      </c>
      <c r="U10" s="12" t="s">
        <v>456</v>
      </c>
      <c r="V10" s="12" t="s">
        <v>457</v>
      </c>
      <c r="W10" s="12" t="s">
        <v>458</v>
      </c>
      <c r="X10" s="12" t="s">
        <v>459</v>
      </c>
      <c r="Y10" s="12" t="s">
        <v>460</v>
      </c>
      <c r="Z10" s="12" t="s">
        <v>461</v>
      </c>
      <c r="AA10" s="12" t="s">
        <v>462</v>
      </c>
      <c r="AB10" s="12" t="s">
        <v>463</v>
      </c>
      <c r="AC10" s="12" t="s">
        <v>464</v>
      </c>
      <c r="AD10" s="12" t="s">
        <v>431</v>
      </c>
    </row>
    <row r="11" spans="1:30" s="11" customFormat="1">
      <c r="G11" s="13" t="s">
        <v>220</v>
      </c>
      <c r="H11" s="13" t="s">
        <v>220</v>
      </c>
      <c r="I11" s="13" t="s">
        <v>220</v>
      </c>
      <c r="J11" s="13" t="s">
        <v>220</v>
      </c>
      <c r="K11" s="13" t="s">
        <v>220</v>
      </c>
      <c r="L11" s="13" t="s">
        <v>220</v>
      </c>
      <c r="M11" s="13" t="s">
        <v>220</v>
      </c>
      <c r="N11" s="13" t="s">
        <v>220</v>
      </c>
      <c r="O11" s="13" t="s">
        <v>220</v>
      </c>
      <c r="P11" s="13" t="s">
        <v>220</v>
      </c>
      <c r="Q11" s="13" t="s">
        <v>220</v>
      </c>
      <c r="R11" s="13" t="s">
        <v>220</v>
      </c>
      <c r="S11" s="13" t="s">
        <v>220</v>
      </c>
      <c r="T11" s="13" t="s">
        <v>220</v>
      </c>
      <c r="U11" s="13" t="s">
        <v>220</v>
      </c>
      <c r="V11" s="13" t="s">
        <v>220</v>
      </c>
      <c r="W11" s="13" t="s">
        <v>220</v>
      </c>
      <c r="X11" s="13" t="s">
        <v>220</v>
      </c>
      <c r="Y11" s="13" t="s">
        <v>220</v>
      </c>
      <c r="Z11" s="13" t="s">
        <v>220</v>
      </c>
      <c r="AA11" s="13" t="s">
        <v>220</v>
      </c>
      <c r="AB11" s="13" t="s">
        <v>220</v>
      </c>
      <c r="AC11" s="13" t="s">
        <v>220</v>
      </c>
      <c r="AD11" s="13" t="s">
        <v>220</v>
      </c>
    </row>
    <row r="12" spans="1:30" s="11" customFormat="1">
      <c r="A12" s="14" t="s">
        <v>224</v>
      </c>
      <c r="B12" s="14" t="s">
        <v>259</v>
      </c>
      <c r="C12" s="14" t="s">
        <v>260</v>
      </c>
      <c r="D12" s="14" t="s">
        <v>393</v>
      </c>
      <c r="E12" s="14" t="s">
        <v>212</v>
      </c>
      <c r="F12" s="14" t="s">
        <v>465</v>
      </c>
      <c r="G12" s="14" t="s">
        <v>231</v>
      </c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S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</row>
    <row r="13" spans="1:30">
      <c r="A13" s="15" t="s">
        <v>232</v>
      </c>
      <c r="B13" s="15" t="s">
        <v>233</v>
      </c>
      <c r="C13" s="15" t="s">
        <v>262</v>
      </c>
      <c r="D13" s="15" t="s">
        <v>394</v>
      </c>
      <c r="E13" s="15" t="s">
        <v>214</v>
      </c>
      <c r="F13" s="15" t="s">
        <v>466</v>
      </c>
      <c r="G13" s="17">
        <v>29.036460000000002</v>
      </c>
      <c r="H13" s="17">
        <v>99.690200000000004</v>
      </c>
      <c r="I13" s="17">
        <v>94.173109999999994</v>
      </c>
      <c r="J13" s="17">
        <v>67.624939999999995</v>
      </c>
      <c r="K13" s="17">
        <v>40.701479999999997</v>
      </c>
      <c r="L13" s="17">
        <v>28.51323</v>
      </c>
      <c r="M13" s="17">
        <v>23.830549999999999</v>
      </c>
      <c r="N13" s="17">
        <v>22.2788</v>
      </c>
      <c r="O13" s="17">
        <v>19.826090000000001</v>
      </c>
      <c r="P13" s="17">
        <v>15.86083</v>
      </c>
      <c r="Q13" s="17">
        <v>12.09445</v>
      </c>
      <c r="R13" s="17">
        <v>9.5413899999999998</v>
      </c>
      <c r="S13" s="17">
        <v>7.0565300000000004</v>
      </c>
      <c r="T13" s="17">
        <v>4.6014299999999997</v>
      </c>
      <c r="U13" s="17">
        <v>3.5312700000000001</v>
      </c>
      <c r="V13" s="17">
        <v>3.3900199999999998</v>
      </c>
      <c r="W13" s="17">
        <v>3.6333299999999999</v>
      </c>
      <c r="X13" s="17">
        <v>3.33175</v>
      </c>
      <c r="Y13" s="17">
        <v>2.8170600000000001</v>
      </c>
      <c r="Z13" s="17">
        <v>38.799680000000002</v>
      </c>
      <c r="AA13" s="17">
        <v>6.0482899999999997</v>
      </c>
      <c r="AB13" s="17">
        <v>3.9405800000000002</v>
      </c>
      <c r="AC13" s="17">
        <v>3.4476300000000002</v>
      </c>
      <c r="AD13" s="17">
        <v>31.262309999999999</v>
      </c>
    </row>
    <row r="14" spans="1:30">
      <c r="A14" s="21" t="s">
        <v>232</v>
      </c>
      <c r="B14" s="21" t="s">
        <v>233</v>
      </c>
      <c r="C14" s="21" t="s">
        <v>262</v>
      </c>
      <c r="D14" s="21" t="s">
        <v>394</v>
      </c>
      <c r="E14" s="21" t="s">
        <v>214</v>
      </c>
      <c r="F14" s="21" t="s">
        <v>467</v>
      </c>
      <c r="G14" s="17">
        <v>57.933450000000001</v>
      </c>
      <c r="H14" s="17">
        <v>0.28038999999999997</v>
      </c>
      <c r="I14" s="17">
        <v>5.5075099999999999</v>
      </c>
      <c r="J14" s="17">
        <v>31.118749999999999</v>
      </c>
      <c r="K14" s="17">
        <v>56.655729999999998</v>
      </c>
      <c r="L14" s="17">
        <v>67.418260000000004</v>
      </c>
      <c r="M14" s="17">
        <v>70.588359999999994</v>
      </c>
      <c r="N14" s="17">
        <v>70.093500000000006</v>
      </c>
      <c r="O14" s="17">
        <v>70.478049999999996</v>
      </c>
      <c r="P14" s="17">
        <v>72.553370000000001</v>
      </c>
      <c r="Q14" s="17">
        <v>74.548640000000006</v>
      </c>
      <c r="R14" s="17">
        <v>74.323139999999995</v>
      </c>
      <c r="S14" s="17">
        <v>72.709180000000003</v>
      </c>
      <c r="T14" s="17">
        <v>68.339550000000003</v>
      </c>
      <c r="U14" s="17">
        <v>58.484459999999999</v>
      </c>
      <c r="V14" s="17">
        <v>42.943309999999997</v>
      </c>
      <c r="W14" s="17">
        <v>25.500260000000001</v>
      </c>
      <c r="X14" s="17">
        <v>11.572340000000001</v>
      </c>
      <c r="Y14" s="17">
        <v>5.0707100000000001</v>
      </c>
      <c r="Z14" s="17">
        <v>55.180639999999997</v>
      </c>
      <c r="AA14" s="17">
        <v>64.415109999999999</v>
      </c>
      <c r="AB14" s="17">
        <v>55.615810000000003</v>
      </c>
      <c r="AC14" s="17">
        <v>35.421880000000002</v>
      </c>
      <c r="AD14" s="17">
        <v>61.282609999999998</v>
      </c>
    </row>
    <row r="15" spans="1:30">
      <c r="A15" s="21" t="s">
        <v>232</v>
      </c>
      <c r="B15" s="21" t="s">
        <v>233</v>
      </c>
      <c r="C15" s="21" t="s">
        <v>262</v>
      </c>
      <c r="D15" s="21" t="s">
        <v>394</v>
      </c>
      <c r="E15" s="21" t="s">
        <v>214</v>
      </c>
      <c r="F15" s="21" t="s">
        <v>468</v>
      </c>
      <c r="G15" s="17">
        <v>7.5682499999999999</v>
      </c>
      <c r="H15" s="17">
        <v>7.0699999999999999E-3</v>
      </c>
      <c r="I15" s="17">
        <v>2.0230000000000001E-2</v>
      </c>
      <c r="J15" s="17">
        <v>2.8289999999999999E-2</v>
      </c>
      <c r="K15" s="17">
        <v>6.0389999999999999E-2</v>
      </c>
      <c r="L15" s="17">
        <v>0.14301</v>
      </c>
      <c r="M15" s="17">
        <v>0.30031000000000002</v>
      </c>
      <c r="N15" s="17">
        <v>0.61641000000000001</v>
      </c>
      <c r="O15" s="17">
        <v>1.19255</v>
      </c>
      <c r="P15" s="17">
        <v>2.3034300000000001</v>
      </c>
      <c r="Q15" s="17">
        <v>4.2536500000000004</v>
      </c>
      <c r="R15" s="17">
        <v>7.5664800000000003</v>
      </c>
      <c r="S15" s="17">
        <v>12.552860000000001</v>
      </c>
      <c r="T15" s="17">
        <v>21.2378</v>
      </c>
      <c r="U15" s="17">
        <v>33.6736</v>
      </c>
      <c r="V15" s="17">
        <v>50.44359</v>
      </c>
      <c r="W15" s="17">
        <v>68.131079999999997</v>
      </c>
      <c r="X15" s="17">
        <v>82.568529999999996</v>
      </c>
      <c r="Y15" s="17">
        <v>90.189149999999998</v>
      </c>
      <c r="Z15" s="17">
        <v>0.91086999999999996</v>
      </c>
      <c r="AA15" s="17">
        <v>23.24352</v>
      </c>
      <c r="AB15" s="17">
        <v>35.903449999999999</v>
      </c>
      <c r="AC15" s="17">
        <v>58.107430000000001</v>
      </c>
      <c r="AD15" s="17">
        <v>1.6192299999999999</v>
      </c>
    </row>
    <row r="16" spans="1:30">
      <c r="A16" s="21" t="s">
        <v>232</v>
      </c>
      <c r="B16" s="21" t="s">
        <v>233</v>
      </c>
      <c r="C16" s="21" t="s">
        <v>262</v>
      </c>
      <c r="D16" s="21" t="s">
        <v>394</v>
      </c>
      <c r="E16" s="21" t="s">
        <v>214</v>
      </c>
      <c r="F16" s="21" t="s">
        <v>469</v>
      </c>
      <c r="G16" s="17">
        <v>5.4618399999999996</v>
      </c>
      <c r="H16" s="17">
        <v>2.2329999999999999E-2</v>
      </c>
      <c r="I16" s="17">
        <v>0.29915000000000003</v>
      </c>
      <c r="J16" s="17">
        <v>1.22803</v>
      </c>
      <c r="K16" s="17">
        <v>2.5823999999999998</v>
      </c>
      <c r="L16" s="17">
        <v>3.9255</v>
      </c>
      <c r="M16" s="17">
        <v>5.2807899999999997</v>
      </c>
      <c r="N16" s="17">
        <v>7.0112899999999998</v>
      </c>
      <c r="O16" s="17">
        <v>8.5033100000000008</v>
      </c>
      <c r="P16" s="17">
        <v>9.2823700000000002</v>
      </c>
      <c r="Q16" s="17">
        <v>9.1032600000000006</v>
      </c>
      <c r="R16" s="17">
        <v>8.5689799999999998</v>
      </c>
      <c r="S16" s="17">
        <v>7.6814200000000001</v>
      </c>
      <c r="T16" s="17">
        <v>5.8212099999999998</v>
      </c>
      <c r="U16" s="17">
        <v>4.3106799999999996</v>
      </c>
      <c r="V16" s="17">
        <v>3.2230799999999999</v>
      </c>
      <c r="W16" s="17">
        <v>2.7353299999999998</v>
      </c>
      <c r="X16" s="17">
        <v>2.52738</v>
      </c>
      <c r="Y16" s="17">
        <v>1.9230799999999999</v>
      </c>
      <c r="Z16" s="17">
        <v>5.1087999999999996</v>
      </c>
      <c r="AA16" s="17">
        <v>6.2930900000000003</v>
      </c>
      <c r="AB16" s="17">
        <v>4.5401600000000002</v>
      </c>
      <c r="AC16" s="17">
        <v>3.0230600000000001</v>
      </c>
      <c r="AD16" s="17">
        <v>5.8358499999999998</v>
      </c>
    </row>
    <row r="17" spans="1:30">
      <c r="A17" s="21" t="s">
        <v>232</v>
      </c>
      <c r="B17" s="21" t="s">
        <v>233</v>
      </c>
      <c r="C17" s="21" t="s">
        <v>262</v>
      </c>
      <c r="D17" s="21" t="s">
        <v>394</v>
      </c>
      <c r="E17" s="21" t="s">
        <v>215</v>
      </c>
      <c r="F17" s="21" t="s">
        <v>466</v>
      </c>
      <c r="G17" s="17">
        <v>32.954599999999999</v>
      </c>
      <c r="H17" s="17">
        <v>99.747810000000001</v>
      </c>
      <c r="I17" s="17">
        <v>95.529359999999997</v>
      </c>
      <c r="J17" s="17">
        <v>72.437610000000006</v>
      </c>
      <c r="K17" s="17">
        <v>46.025910000000003</v>
      </c>
      <c r="L17" s="17">
        <v>33.27214</v>
      </c>
      <c r="M17" s="17">
        <v>28.019480000000001</v>
      </c>
      <c r="N17" s="17">
        <v>26.52852</v>
      </c>
      <c r="O17" s="17">
        <v>23.748429999999999</v>
      </c>
      <c r="P17" s="17">
        <v>19.368939999999998</v>
      </c>
      <c r="Q17" s="17">
        <v>15.29022</v>
      </c>
      <c r="R17" s="17">
        <v>12.53238</v>
      </c>
      <c r="S17" s="17">
        <v>8.59131</v>
      </c>
      <c r="T17" s="17">
        <v>4.5253500000000004</v>
      </c>
      <c r="U17" s="17">
        <v>2.5910700000000002</v>
      </c>
      <c r="V17" s="17">
        <v>1.65767</v>
      </c>
      <c r="W17" s="17">
        <v>1.24542</v>
      </c>
      <c r="X17" s="17">
        <v>0.99021000000000003</v>
      </c>
      <c r="Y17" s="17">
        <v>1.8443099999999999</v>
      </c>
      <c r="Z17" s="17">
        <v>42.657040000000002</v>
      </c>
      <c r="AA17" s="17">
        <v>7.0336299999999996</v>
      </c>
      <c r="AB17" s="17">
        <v>3.1888299999999998</v>
      </c>
      <c r="AC17" s="17">
        <v>1.5281899999999999</v>
      </c>
      <c r="AD17" s="17">
        <v>35.275509999999997</v>
      </c>
    </row>
    <row r="18" spans="1:30">
      <c r="A18" s="21" t="s">
        <v>232</v>
      </c>
      <c r="B18" s="21" t="s">
        <v>233</v>
      </c>
      <c r="C18" s="21" t="s">
        <v>262</v>
      </c>
      <c r="D18" s="21" t="s">
        <v>394</v>
      </c>
      <c r="E18" s="21" t="s">
        <v>215</v>
      </c>
      <c r="F18" s="21" t="s">
        <v>467</v>
      </c>
      <c r="G18" s="17">
        <v>60.375549999999997</v>
      </c>
      <c r="H18" s="17">
        <v>0.22775999999999999</v>
      </c>
      <c r="I18" s="17">
        <v>4.2862799999999996</v>
      </c>
      <c r="J18" s="17">
        <v>26.826180000000001</v>
      </c>
      <c r="K18" s="17">
        <v>52.329709999999999</v>
      </c>
      <c r="L18" s="17">
        <v>64.140110000000007</v>
      </c>
      <c r="M18" s="17">
        <v>68.388030000000001</v>
      </c>
      <c r="N18" s="17">
        <v>68.515910000000005</v>
      </c>
      <c r="O18" s="17">
        <v>69.752790000000005</v>
      </c>
      <c r="P18" s="17">
        <v>72.760769999999994</v>
      </c>
      <c r="Q18" s="17">
        <v>75.712509999999995</v>
      </c>
      <c r="R18" s="17">
        <v>77.359099999999998</v>
      </c>
      <c r="S18" s="17">
        <v>80.069050000000004</v>
      </c>
      <c r="T18" s="17">
        <v>82.787099999999995</v>
      </c>
      <c r="U18" s="17">
        <v>81.471209999999999</v>
      </c>
      <c r="V18" s="17">
        <v>75.251779999999997</v>
      </c>
      <c r="W18" s="17">
        <v>62.268729999999998</v>
      </c>
      <c r="X18" s="17">
        <v>43.65925</v>
      </c>
      <c r="Y18" s="17">
        <v>26.39931</v>
      </c>
      <c r="Z18" s="17">
        <v>53.386049999999997</v>
      </c>
      <c r="AA18" s="17">
        <v>79.048640000000006</v>
      </c>
      <c r="AB18" s="17">
        <v>79.343909999999994</v>
      </c>
      <c r="AC18" s="17">
        <v>70.477760000000004</v>
      </c>
      <c r="AD18" s="17">
        <v>59.88156</v>
      </c>
    </row>
    <row r="19" spans="1:30">
      <c r="A19" s="21" t="s">
        <v>232</v>
      </c>
      <c r="B19" s="21" t="s">
        <v>233</v>
      </c>
      <c r="C19" s="21" t="s">
        <v>262</v>
      </c>
      <c r="D19" s="21" t="s">
        <v>394</v>
      </c>
      <c r="E19" s="21" t="s">
        <v>215</v>
      </c>
      <c r="F19" s="21" t="s">
        <v>468</v>
      </c>
      <c r="G19" s="17">
        <v>2.7534299999999998</v>
      </c>
      <c r="H19" s="17">
        <v>6.0200000000000002E-3</v>
      </c>
      <c r="I19" s="17">
        <v>1.353E-2</v>
      </c>
      <c r="J19" s="17">
        <v>1.5869999999999999E-2</v>
      </c>
      <c r="K19" s="17">
        <v>3.2250000000000001E-2</v>
      </c>
      <c r="L19" s="17">
        <v>7.8560000000000005E-2</v>
      </c>
      <c r="M19" s="17">
        <v>0.15911</v>
      </c>
      <c r="N19" s="17">
        <v>0.32251000000000002</v>
      </c>
      <c r="O19" s="17">
        <v>0.58465</v>
      </c>
      <c r="P19" s="17">
        <v>1.0626500000000001</v>
      </c>
      <c r="Q19" s="17">
        <v>1.89899</v>
      </c>
      <c r="R19" s="17">
        <v>3.3188599999999999</v>
      </c>
      <c r="S19" s="17">
        <v>5.3098900000000002</v>
      </c>
      <c r="T19" s="17">
        <v>8.3014500000000009</v>
      </c>
      <c r="U19" s="17">
        <v>12.888960000000001</v>
      </c>
      <c r="V19" s="17">
        <v>21.125530000000001</v>
      </c>
      <c r="W19" s="17">
        <v>35.22072</v>
      </c>
      <c r="X19" s="17">
        <v>54.390410000000003</v>
      </c>
      <c r="Y19" s="17">
        <v>70.834230000000005</v>
      </c>
      <c r="Z19" s="17">
        <v>0.42526999999999998</v>
      </c>
      <c r="AA19" s="17">
        <v>8.9733099999999997</v>
      </c>
      <c r="AB19" s="17">
        <v>14.14561</v>
      </c>
      <c r="AC19" s="17">
        <v>26.249210000000001</v>
      </c>
      <c r="AD19" s="17">
        <v>0.72699000000000003</v>
      </c>
    </row>
    <row r="20" spans="1:30">
      <c r="A20" s="21" t="s">
        <v>232</v>
      </c>
      <c r="B20" s="21" t="s">
        <v>233</v>
      </c>
      <c r="C20" s="21" t="s">
        <v>262</v>
      </c>
      <c r="D20" s="21" t="s">
        <v>394</v>
      </c>
      <c r="E20" s="21" t="s">
        <v>215</v>
      </c>
      <c r="F20" s="21" t="s">
        <v>469</v>
      </c>
      <c r="G20" s="17">
        <v>3.91642</v>
      </c>
      <c r="H20" s="17">
        <v>1.8419999999999999E-2</v>
      </c>
      <c r="I20" s="17">
        <v>0.17083000000000001</v>
      </c>
      <c r="J20" s="17">
        <v>0.72033999999999998</v>
      </c>
      <c r="K20" s="17">
        <v>1.6121300000000001</v>
      </c>
      <c r="L20" s="17">
        <v>2.5091899999999998</v>
      </c>
      <c r="M20" s="17">
        <v>3.4333800000000001</v>
      </c>
      <c r="N20" s="17">
        <v>4.63307</v>
      </c>
      <c r="O20" s="17">
        <v>5.9141300000000001</v>
      </c>
      <c r="P20" s="17">
        <v>6.8076499999999998</v>
      </c>
      <c r="Q20" s="17">
        <v>7.0982799999999999</v>
      </c>
      <c r="R20" s="17">
        <v>6.7896700000000001</v>
      </c>
      <c r="S20" s="17">
        <v>6.0297499999999999</v>
      </c>
      <c r="T20" s="17">
        <v>4.3860999999999999</v>
      </c>
      <c r="U20" s="17">
        <v>3.0487600000000001</v>
      </c>
      <c r="V20" s="17">
        <v>1.96502</v>
      </c>
      <c r="W20" s="17">
        <v>1.26512</v>
      </c>
      <c r="X20" s="17">
        <v>0.96013000000000004</v>
      </c>
      <c r="Y20" s="17">
        <v>0.92215000000000003</v>
      </c>
      <c r="Z20" s="17">
        <v>3.5316299999999998</v>
      </c>
      <c r="AA20" s="17">
        <v>4.94442</v>
      </c>
      <c r="AB20" s="17">
        <v>3.32165</v>
      </c>
      <c r="AC20" s="17">
        <v>1.74485</v>
      </c>
      <c r="AD20" s="17">
        <v>4.1159299999999996</v>
      </c>
    </row>
    <row r="21" spans="1:30">
      <c r="A21" s="21" t="s">
        <v>232</v>
      </c>
      <c r="B21" s="21" t="s">
        <v>233</v>
      </c>
      <c r="C21" s="21" t="s">
        <v>262</v>
      </c>
      <c r="D21" s="21" t="s">
        <v>394</v>
      </c>
      <c r="E21" s="21" t="s">
        <v>216</v>
      </c>
      <c r="F21" s="21" t="s">
        <v>466</v>
      </c>
      <c r="G21" s="17">
        <v>25.453610000000001</v>
      </c>
      <c r="H21" s="17">
        <v>99.630409999999998</v>
      </c>
      <c r="I21" s="17">
        <v>92.819090000000003</v>
      </c>
      <c r="J21" s="17">
        <v>62.967779999999998</v>
      </c>
      <c r="K21" s="17">
        <v>35.489800000000002</v>
      </c>
      <c r="L21" s="17">
        <v>23.86365</v>
      </c>
      <c r="M21" s="17">
        <v>19.728719999999999</v>
      </c>
      <c r="N21" s="17">
        <v>18.119119999999999</v>
      </c>
      <c r="O21" s="17">
        <v>15.990119999999999</v>
      </c>
      <c r="P21" s="17">
        <v>12.44088</v>
      </c>
      <c r="Q21" s="17">
        <v>9.0549199999999992</v>
      </c>
      <c r="R21" s="17">
        <v>6.8304</v>
      </c>
      <c r="S21" s="17">
        <v>5.7397200000000002</v>
      </c>
      <c r="T21" s="17">
        <v>4.6622899999999996</v>
      </c>
      <c r="U21" s="17">
        <v>4.2182199999999996</v>
      </c>
      <c r="V21" s="17">
        <v>4.4154</v>
      </c>
      <c r="W21" s="17">
        <v>4.6352000000000002</v>
      </c>
      <c r="X21" s="17">
        <v>3.9341900000000001</v>
      </c>
      <c r="Y21" s="17">
        <v>2.9676300000000002</v>
      </c>
      <c r="Z21" s="17">
        <v>35.016190000000002</v>
      </c>
      <c r="AA21" s="17">
        <v>5.28531</v>
      </c>
      <c r="AB21" s="17">
        <v>4.4533899999999997</v>
      </c>
      <c r="AC21" s="17">
        <v>4.4189699999999998</v>
      </c>
      <c r="AD21" s="17">
        <v>27.372769999999999</v>
      </c>
    </row>
    <row r="22" spans="1:30">
      <c r="A22" s="21" t="s">
        <v>232</v>
      </c>
      <c r="B22" s="21" t="s">
        <v>233</v>
      </c>
      <c r="C22" s="21" t="s">
        <v>262</v>
      </c>
      <c r="D22" s="21" t="s">
        <v>394</v>
      </c>
      <c r="E22" s="21" t="s">
        <v>216</v>
      </c>
      <c r="F22" s="21" t="s">
        <v>467</v>
      </c>
      <c r="G22" s="17">
        <v>55.700319999999998</v>
      </c>
      <c r="H22" s="17">
        <v>0.33502999999999999</v>
      </c>
      <c r="I22" s="17">
        <v>6.7267299999999999</v>
      </c>
      <c r="J22" s="17">
        <v>35.27261</v>
      </c>
      <c r="K22" s="17">
        <v>60.890140000000002</v>
      </c>
      <c r="L22" s="17">
        <v>70.621099999999998</v>
      </c>
      <c r="M22" s="17">
        <v>72.742940000000004</v>
      </c>
      <c r="N22" s="17">
        <v>71.637659999999997</v>
      </c>
      <c r="O22" s="17">
        <v>71.187340000000006</v>
      </c>
      <c r="P22" s="17">
        <v>72.351190000000003</v>
      </c>
      <c r="Q22" s="17">
        <v>73.441670000000002</v>
      </c>
      <c r="R22" s="17">
        <v>71.571380000000005</v>
      </c>
      <c r="S22" s="17">
        <v>66.394499999999994</v>
      </c>
      <c r="T22" s="17">
        <v>56.784849999999999</v>
      </c>
      <c r="U22" s="17">
        <v>41.689230000000002</v>
      </c>
      <c r="V22" s="17">
        <v>23.819759999999999</v>
      </c>
      <c r="W22" s="17">
        <v>10.07367</v>
      </c>
      <c r="X22" s="17">
        <v>3.3169</v>
      </c>
      <c r="Y22" s="17">
        <v>1.76929</v>
      </c>
      <c r="Z22" s="17">
        <v>56.940869999999997</v>
      </c>
      <c r="AA22" s="17">
        <v>53.0839</v>
      </c>
      <c r="AB22" s="17">
        <v>39.429380000000002</v>
      </c>
      <c r="AC22" s="17">
        <v>17.681789999999999</v>
      </c>
      <c r="AD22" s="17">
        <v>62.640479999999997</v>
      </c>
    </row>
    <row r="23" spans="1:30">
      <c r="A23" s="21" t="s">
        <v>232</v>
      </c>
      <c r="B23" s="21" t="s">
        <v>233</v>
      </c>
      <c r="C23" s="21" t="s">
        <v>262</v>
      </c>
      <c r="D23" s="21" t="s">
        <v>394</v>
      </c>
      <c r="E23" s="21" t="s">
        <v>216</v>
      </c>
      <c r="F23" s="21" t="s">
        <v>468</v>
      </c>
      <c r="G23" s="17">
        <v>11.97106</v>
      </c>
      <c r="H23" s="17">
        <v>8.1600000000000006E-3</v>
      </c>
      <c r="I23" s="17">
        <v>2.691E-2</v>
      </c>
      <c r="J23" s="17">
        <v>4.0300000000000002E-2</v>
      </c>
      <c r="K23" s="17">
        <v>8.7940000000000004E-2</v>
      </c>
      <c r="L23" s="17">
        <v>0.20598</v>
      </c>
      <c r="M23" s="17">
        <v>0.43857000000000002</v>
      </c>
      <c r="N23" s="17">
        <v>0.90410000000000001</v>
      </c>
      <c r="O23" s="17">
        <v>1.7870600000000001</v>
      </c>
      <c r="P23" s="17">
        <v>3.5130300000000001</v>
      </c>
      <c r="Q23" s="17">
        <v>6.4931900000000002</v>
      </c>
      <c r="R23" s="17">
        <v>11.41649</v>
      </c>
      <c r="S23" s="17">
        <v>18.767250000000001</v>
      </c>
      <c r="T23" s="17">
        <v>31.58389</v>
      </c>
      <c r="U23" s="17">
        <v>48.859859999999998</v>
      </c>
      <c r="V23" s="17">
        <v>67.7971</v>
      </c>
      <c r="W23" s="17">
        <v>81.938969999999998</v>
      </c>
      <c r="X23" s="17">
        <v>89.818290000000005</v>
      </c>
      <c r="Y23" s="17">
        <v>93.185059999999993</v>
      </c>
      <c r="Z23" s="17">
        <v>1.38717</v>
      </c>
      <c r="AA23" s="17">
        <v>34.293379999999999</v>
      </c>
      <c r="AB23" s="17">
        <v>50.745849999999997</v>
      </c>
      <c r="AC23" s="17">
        <v>74.229330000000004</v>
      </c>
      <c r="AD23" s="17">
        <v>2.4839799999999999</v>
      </c>
    </row>
    <row r="24" spans="1:30">
      <c r="A24" s="21" t="s">
        <v>232</v>
      </c>
      <c r="B24" s="21" t="s">
        <v>233</v>
      </c>
      <c r="C24" s="21" t="s">
        <v>262</v>
      </c>
      <c r="D24" s="21" t="s">
        <v>394</v>
      </c>
      <c r="E24" s="21" t="s">
        <v>216</v>
      </c>
      <c r="F24" s="21" t="s">
        <v>469</v>
      </c>
      <c r="G24" s="17">
        <v>6.8750099999999996</v>
      </c>
      <c r="H24" s="17">
        <v>2.64E-2</v>
      </c>
      <c r="I24" s="17">
        <v>0.42726999999999998</v>
      </c>
      <c r="J24" s="17">
        <v>1.7193099999999999</v>
      </c>
      <c r="K24" s="17">
        <v>3.5321199999999999</v>
      </c>
      <c r="L24" s="17">
        <v>5.3092699999999997</v>
      </c>
      <c r="M24" s="17">
        <v>7.0897699999999997</v>
      </c>
      <c r="N24" s="17">
        <v>9.3391199999999994</v>
      </c>
      <c r="O24" s="17">
        <v>11.03548</v>
      </c>
      <c r="P24" s="17">
        <v>11.694900000000001</v>
      </c>
      <c r="Q24" s="17">
        <v>11.01022</v>
      </c>
      <c r="R24" s="17">
        <v>10.18173</v>
      </c>
      <c r="S24" s="17">
        <v>9.0985399999999998</v>
      </c>
      <c r="T24" s="17">
        <v>6.9689800000000002</v>
      </c>
      <c r="U24" s="17">
        <v>5.2327000000000004</v>
      </c>
      <c r="V24" s="17">
        <v>3.96774</v>
      </c>
      <c r="W24" s="17">
        <v>3.3521700000000001</v>
      </c>
      <c r="X24" s="17">
        <v>2.9306100000000002</v>
      </c>
      <c r="Y24" s="17">
        <v>2.0780099999999999</v>
      </c>
      <c r="Z24" s="17">
        <v>6.6557700000000004</v>
      </c>
      <c r="AA24" s="17">
        <v>7.3373999999999997</v>
      </c>
      <c r="AB24" s="17">
        <v>5.3713800000000003</v>
      </c>
      <c r="AC24" s="17">
        <v>3.6699099999999998</v>
      </c>
      <c r="AD24" s="17">
        <v>7.5027799999999996</v>
      </c>
    </row>
    <row r="25" spans="1:30">
      <c r="A25" s="21" t="s">
        <v>232</v>
      </c>
      <c r="B25" s="21" t="s">
        <v>233</v>
      </c>
      <c r="C25" s="21" t="s">
        <v>262</v>
      </c>
      <c r="D25" s="21" t="s">
        <v>395</v>
      </c>
      <c r="E25" s="21" t="s">
        <v>214</v>
      </c>
      <c r="F25" s="21" t="s">
        <v>466</v>
      </c>
      <c r="G25" s="17">
        <v>28.902049999999999</v>
      </c>
      <c r="H25" s="17">
        <v>99.700280000000006</v>
      </c>
      <c r="I25" s="17">
        <v>94.325040000000001</v>
      </c>
      <c r="J25" s="17">
        <v>67.798550000000006</v>
      </c>
      <c r="K25" s="17">
        <v>41.154429999999998</v>
      </c>
      <c r="L25" s="17">
        <v>28.960460000000001</v>
      </c>
      <c r="M25" s="17">
        <v>24.129619999999999</v>
      </c>
      <c r="N25" s="17">
        <v>22.4787</v>
      </c>
      <c r="O25" s="17">
        <v>19.993310000000001</v>
      </c>
      <c r="P25" s="17">
        <v>15.9476</v>
      </c>
      <c r="Q25" s="17">
        <v>12.113250000000001</v>
      </c>
      <c r="R25" s="17">
        <v>9.5344300000000004</v>
      </c>
      <c r="S25" s="17">
        <v>7.0445200000000003</v>
      </c>
      <c r="T25" s="17">
        <v>4.5894700000000004</v>
      </c>
      <c r="U25" s="17">
        <v>3.5219999999999998</v>
      </c>
      <c r="V25" s="17">
        <v>3.38578</v>
      </c>
      <c r="W25" s="17">
        <v>3.6289099999999999</v>
      </c>
      <c r="X25" s="17">
        <v>3.32559</v>
      </c>
      <c r="Y25" s="17">
        <v>2.7901199999999999</v>
      </c>
      <c r="Z25" s="17">
        <v>38.825989999999997</v>
      </c>
      <c r="AA25" s="17">
        <v>6.03451</v>
      </c>
      <c r="AB25" s="17">
        <v>3.9312</v>
      </c>
      <c r="AC25" s="17">
        <v>3.44299</v>
      </c>
      <c r="AD25" s="17">
        <v>31.189250000000001</v>
      </c>
    </row>
    <row r="26" spans="1:30">
      <c r="A26" s="21" t="s">
        <v>232</v>
      </c>
      <c r="B26" s="21" t="s">
        <v>233</v>
      </c>
      <c r="C26" s="21" t="s">
        <v>262</v>
      </c>
      <c r="D26" s="21" t="s">
        <v>395</v>
      </c>
      <c r="E26" s="21" t="s">
        <v>214</v>
      </c>
      <c r="F26" s="21" t="s">
        <v>467</v>
      </c>
      <c r="G26" s="17">
        <v>57.927700000000002</v>
      </c>
      <c r="H26" s="17">
        <v>0.27111000000000002</v>
      </c>
      <c r="I26" s="17">
        <v>5.3533200000000001</v>
      </c>
      <c r="J26" s="17">
        <v>30.91825</v>
      </c>
      <c r="K26" s="17">
        <v>56.161209999999997</v>
      </c>
      <c r="L26" s="17">
        <v>66.947959999999995</v>
      </c>
      <c r="M26" s="17">
        <v>70.281350000000003</v>
      </c>
      <c r="N26" s="17">
        <v>69.89255</v>
      </c>
      <c r="O26" s="17">
        <v>70.318420000000003</v>
      </c>
      <c r="P26" s="17">
        <v>72.472620000000006</v>
      </c>
      <c r="Q26" s="17">
        <v>74.550259999999994</v>
      </c>
      <c r="R26" s="17">
        <v>74.352320000000006</v>
      </c>
      <c r="S26" s="17">
        <v>72.747</v>
      </c>
      <c r="T26" s="17">
        <v>68.38167</v>
      </c>
      <c r="U26" s="17">
        <v>58.51829</v>
      </c>
      <c r="V26" s="17">
        <v>42.956620000000001</v>
      </c>
      <c r="W26" s="17">
        <v>25.488520000000001</v>
      </c>
      <c r="X26" s="17">
        <v>11.546720000000001</v>
      </c>
      <c r="Y26" s="17">
        <v>5.06088</v>
      </c>
      <c r="Z26" s="17">
        <v>55.107819999999997</v>
      </c>
      <c r="AA26" s="17">
        <v>64.425510000000003</v>
      </c>
      <c r="AB26" s="17">
        <v>55.63176</v>
      </c>
      <c r="AC26" s="17">
        <v>35.423050000000003</v>
      </c>
      <c r="AD26" s="17">
        <v>61.290379999999999</v>
      </c>
    </row>
    <row r="27" spans="1:30">
      <c r="A27" s="21" t="s">
        <v>232</v>
      </c>
      <c r="B27" s="21" t="s">
        <v>233</v>
      </c>
      <c r="C27" s="21" t="s">
        <v>262</v>
      </c>
      <c r="D27" s="21" t="s">
        <v>395</v>
      </c>
      <c r="E27" s="21" t="s">
        <v>214</v>
      </c>
      <c r="F27" s="21" t="s">
        <v>468</v>
      </c>
      <c r="G27" s="17">
        <v>7.6802000000000001</v>
      </c>
      <c r="H27" s="17">
        <v>6.7999999999999996E-3</v>
      </c>
      <c r="I27" s="17">
        <v>1.9769999999999999E-2</v>
      </c>
      <c r="J27" s="17">
        <v>2.6540000000000001E-2</v>
      </c>
      <c r="K27" s="17">
        <v>5.8549999999999998E-2</v>
      </c>
      <c r="L27" s="17">
        <v>0.13858000000000001</v>
      </c>
      <c r="M27" s="17">
        <v>0.29368</v>
      </c>
      <c r="N27" s="17">
        <v>0.60833000000000004</v>
      </c>
      <c r="O27" s="17">
        <v>1.1769799999999999</v>
      </c>
      <c r="P27" s="17">
        <v>2.2906</v>
      </c>
      <c r="Q27" s="17">
        <v>4.2450400000000004</v>
      </c>
      <c r="R27" s="17">
        <v>7.5657300000000003</v>
      </c>
      <c r="S27" s="17">
        <v>12.551690000000001</v>
      </c>
      <c r="T27" s="17">
        <v>21.232479999999999</v>
      </c>
      <c r="U27" s="17">
        <v>33.667729999999999</v>
      </c>
      <c r="V27" s="17">
        <v>50.444279999999999</v>
      </c>
      <c r="W27" s="17">
        <v>68.152799999999999</v>
      </c>
      <c r="X27" s="17">
        <v>82.601200000000006</v>
      </c>
      <c r="Y27" s="17">
        <v>90.230249999999998</v>
      </c>
      <c r="Z27" s="17">
        <v>0.91418999999999995</v>
      </c>
      <c r="AA27" s="17">
        <v>23.271000000000001</v>
      </c>
      <c r="AB27" s="17">
        <v>35.91583</v>
      </c>
      <c r="AC27" s="17">
        <v>58.118839999999999</v>
      </c>
      <c r="AD27" s="17">
        <v>1.63435</v>
      </c>
    </row>
    <row r="28" spans="1:30">
      <c r="A28" s="21" t="s">
        <v>232</v>
      </c>
      <c r="B28" s="21" t="s">
        <v>233</v>
      </c>
      <c r="C28" s="21" t="s">
        <v>262</v>
      </c>
      <c r="D28" s="21" t="s">
        <v>395</v>
      </c>
      <c r="E28" s="21" t="s">
        <v>214</v>
      </c>
      <c r="F28" s="21" t="s">
        <v>469</v>
      </c>
      <c r="G28" s="17">
        <v>5.4900399999999996</v>
      </c>
      <c r="H28" s="17">
        <v>2.181E-2</v>
      </c>
      <c r="I28" s="17">
        <v>0.30187000000000003</v>
      </c>
      <c r="J28" s="17">
        <v>1.2566600000000001</v>
      </c>
      <c r="K28" s="17">
        <v>2.6257999999999999</v>
      </c>
      <c r="L28" s="17">
        <v>3.9529999999999998</v>
      </c>
      <c r="M28" s="17">
        <v>5.29535</v>
      </c>
      <c r="N28" s="17">
        <v>7.0204300000000002</v>
      </c>
      <c r="O28" s="17">
        <v>8.5112900000000007</v>
      </c>
      <c r="P28" s="17">
        <v>9.28918</v>
      </c>
      <c r="Q28" s="17">
        <v>9.0914400000000004</v>
      </c>
      <c r="R28" s="17">
        <v>8.5475200000000005</v>
      </c>
      <c r="S28" s="17">
        <v>7.65679</v>
      </c>
      <c r="T28" s="17">
        <v>5.7963699999999996</v>
      </c>
      <c r="U28" s="17">
        <v>4.2919700000000001</v>
      </c>
      <c r="V28" s="17">
        <v>3.21332</v>
      </c>
      <c r="W28" s="17">
        <v>2.7297699999999998</v>
      </c>
      <c r="X28" s="17">
        <v>2.5264899999999999</v>
      </c>
      <c r="Y28" s="17">
        <v>1.91875</v>
      </c>
      <c r="Z28" s="17">
        <v>5.1520000000000001</v>
      </c>
      <c r="AA28" s="17">
        <v>6.2689899999999996</v>
      </c>
      <c r="AB28" s="17">
        <v>4.52121</v>
      </c>
      <c r="AC28" s="17">
        <v>3.01511</v>
      </c>
      <c r="AD28" s="17">
        <v>5.8860200000000003</v>
      </c>
    </row>
    <row r="29" spans="1:30">
      <c r="A29" s="21" t="s">
        <v>232</v>
      </c>
      <c r="B29" s="21" t="s">
        <v>233</v>
      </c>
      <c r="C29" s="21" t="s">
        <v>262</v>
      </c>
      <c r="D29" s="21" t="s">
        <v>395</v>
      </c>
      <c r="E29" s="21" t="s">
        <v>215</v>
      </c>
      <c r="F29" s="21" t="s">
        <v>466</v>
      </c>
      <c r="G29" s="17">
        <v>32.785139999999998</v>
      </c>
      <c r="H29" s="17">
        <v>99.753439999999998</v>
      </c>
      <c r="I29" s="17">
        <v>95.591290000000001</v>
      </c>
      <c r="J29" s="17">
        <v>72.526160000000004</v>
      </c>
      <c r="K29" s="17">
        <v>46.529910000000001</v>
      </c>
      <c r="L29" s="17">
        <v>33.735590000000002</v>
      </c>
      <c r="M29" s="17">
        <v>28.308160000000001</v>
      </c>
      <c r="N29" s="17">
        <v>26.706990000000001</v>
      </c>
      <c r="O29" s="17">
        <v>23.889569999999999</v>
      </c>
      <c r="P29" s="17">
        <v>19.451709999999999</v>
      </c>
      <c r="Q29" s="17">
        <v>15.31378</v>
      </c>
      <c r="R29" s="17">
        <v>12.53525</v>
      </c>
      <c r="S29" s="17">
        <v>8.5807300000000009</v>
      </c>
      <c r="T29" s="17">
        <v>4.51145</v>
      </c>
      <c r="U29" s="17">
        <v>2.5772400000000002</v>
      </c>
      <c r="V29" s="17">
        <v>1.6474500000000001</v>
      </c>
      <c r="W29" s="17">
        <v>1.2262299999999999</v>
      </c>
      <c r="X29" s="17">
        <v>0.96442000000000005</v>
      </c>
      <c r="Y29" s="17">
        <v>1.72637</v>
      </c>
      <c r="Z29" s="17">
        <v>42.622419999999998</v>
      </c>
      <c r="AA29" s="17">
        <v>7.0181699999999996</v>
      </c>
      <c r="AB29" s="17">
        <v>3.17422</v>
      </c>
      <c r="AC29" s="17">
        <v>1.51464</v>
      </c>
      <c r="AD29" s="17">
        <v>35.157290000000003</v>
      </c>
    </row>
    <row r="30" spans="1:30">
      <c r="A30" s="21" t="s">
        <v>232</v>
      </c>
      <c r="B30" s="21" t="s">
        <v>233</v>
      </c>
      <c r="C30" s="21" t="s">
        <v>262</v>
      </c>
      <c r="D30" s="21" t="s">
        <v>395</v>
      </c>
      <c r="E30" s="21" t="s">
        <v>215</v>
      </c>
      <c r="F30" s="21" t="s">
        <v>467</v>
      </c>
      <c r="G30" s="17">
        <v>60.476309999999998</v>
      </c>
      <c r="H30" s="17">
        <v>0.22292999999999999</v>
      </c>
      <c r="I30" s="17">
        <v>4.2254300000000002</v>
      </c>
      <c r="J30" s="17">
        <v>26.724489999999999</v>
      </c>
      <c r="K30" s="17">
        <v>51.798189999999998</v>
      </c>
      <c r="L30" s="17">
        <v>63.649389999999997</v>
      </c>
      <c r="M30" s="17">
        <v>68.076669999999993</v>
      </c>
      <c r="N30" s="17">
        <v>68.323310000000006</v>
      </c>
      <c r="O30" s="17">
        <v>69.595269999999999</v>
      </c>
      <c r="P30" s="17">
        <v>72.667869999999994</v>
      </c>
      <c r="Q30" s="17">
        <v>75.696799999999996</v>
      </c>
      <c r="R30" s="17">
        <v>77.374549999999999</v>
      </c>
      <c r="S30" s="17">
        <v>80.102320000000006</v>
      </c>
      <c r="T30" s="17">
        <v>82.820989999999995</v>
      </c>
      <c r="U30" s="17">
        <v>81.496920000000003</v>
      </c>
      <c r="V30" s="17">
        <v>75.255700000000004</v>
      </c>
      <c r="W30" s="17">
        <v>62.265160000000002</v>
      </c>
      <c r="X30" s="17">
        <v>43.606119999999997</v>
      </c>
      <c r="Y30" s="17">
        <v>26.41347</v>
      </c>
      <c r="Z30" s="17">
        <v>53.376649999999998</v>
      </c>
      <c r="AA30" s="17">
        <v>79.072569999999999</v>
      </c>
      <c r="AB30" s="17">
        <v>79.364069999999998</v>
      </c>
      <c r="AC30" s="17">
        <v>70.479119999999995</v>
      </c>
      <c r="AD30" s="17">
        <v>59.94603</v>
      </c>
    </row>
    <row r="31" spans="1:30">
      <c r="A31" s="21" t="s">
        <v>232</v>
      </c>
      <c r="B31" s="21" t="s">
        <v>233</v>
      </c>
      <c r="C31" s="21" t="s">
        <v>262</v>
      </c>
      <c r="D31" s="21" t="s">
        <v>395</v>
      </c>
      <c r="E31" s="21" t="s">
        <v>215</v>
      </c>
      <c r="F31" s="21" t="s">
        <v>468</v>
      </c>
      <c r="G31" s="17">
        <v>2.79623</v>
      </c>
      <c r="H31" s="17">
        <v>5.62E-3</v>
      </c>
      <c r="I31" s="17">
        <v>1.2500000000000001E-2</v>
      </c>
      <c r="J31" s="17">
        <v>1.3899999999999999E-2</v>
      </c>
      <c r="K31" s="17">
        <v>3.1579999999999997E-2</v>
      </c>
      <c r="L31" s="17">
        <v>7.893E-2</v>
      </c>
      <c r="M31" s="17">
        <v>0.16031999999999999</v>
      </c>
      <c r="N31" s="17">
        <v>0.32316</v>
      </c>
      <c r="O31" s="17">
        <v>0.58777999999999997</v>
      </c>
      <c r="P31" s="17">
        <v>1.0673999999999999</v>
      </c>
      <c r="Q31" s="17">
        <v>1.9055500000000001</v>
      </c>
      <c r="R31" s="17">
        <v>3.32429</v>
      </c>
      <c r="S31" s="17">
        <v>5.3136299999999999</v>
      </c>
      <c r="T31" s="17">
        <v>8.3067899999999995</v>
      </c>
      <c r="U31" s="17">
        <v>12.89695</v>
      </c>
      <c r="V31" s="17">
        <v>21.140840000000001</v>
      </c>
      <c r="W31" s="17">
        <v>35.253860000000003</v>
      </c>
      <c r="X31" s="17">
        <v>54.471510000000002</v>
      </c>
      <c r="Y31" s="17">
        <v>70.953819999999993</v>
      </c>
      <c r="Z31" s="17">
        <v>0.43153000000000002</v>
      </c>
      <c r="AA31" s="17">
        <v>8.9901</v>
      </c>
      <c r="AB31" s="17">
        <v>14.16039</v>
      </c>
      <c r="AC31" s="17">
        <v>26.270430000000001</v>
      </c>
      <c r="AD31" s="17">
        <v>0.73838999999999999</v>
      </c>
    </row>
    <row r="32" spans="1:30">
      <c r="A32" s="21" t="s">
        <v>232</v>
      </c>
      <c r="B32" s="21" t="s">
        <v>233</v>
      </c>
      <c r="C32" s="21" t="s">
        <v>262</v>
      </c>
      <c r="D32" s="21" t="s">
        <v>395</v>
      </c>
      <c r="E32" s="21" t="s">
        <v>215</v>
      </c>
      <c r="F32" s="21" t="s">
        <v>469</v>
      </c>
      <c r="G32" s="17">
        <v>3.9423300000000001</v>
      </c>
      <c r="H32" s="17">
        <v>1.8020000000000001E-2</v>
      </c>
      <c r="I32" s="17">
        <v>0.17079</v>
      </c>
      <c r="J32" s="17">
        <v>0.73545000000000005</v>
      </c>
      <c r="K32" s="17">
        <v>1.6403300000000001</v>
      </c>
      <c r="L32" s="17">
        <v>2.5360900000000002</v>
      </c>
      <c r="M32" s="17">
        <v>3.45485</v>
      </c>
      <c r="N32" s="17">
        <v>4.6465399999999999</v>
      </c>
      <c r="O32" s="17">
        <v>5.9273800000000003</v>
      </c>
      <c r="P32" s="17">
        <v>6.8130199999999999</v>
      </c>
      <c r="Q32" s="17">
        <v>7.0838599999999996</v>
      </c>
      <c r="R32" s="17">
        <v>6.7659000000000002</v>
      </c>
      <c r="S32" s="17">
        <v>6.0033099999999999</v>
      </c>
      <c r="T32" s="17">
        <v>4.3607699999999996</v>
      </c>
      <c r="U32" s="17">
        <v>3.0289000000000001</v>
      </c>
      <c r="V32" s="17">
        <v>1.95601</v>
      </c>
      <c r="W32" s="17">
        <v>1.25475</v>
      </c>
      <c r="X32" s="17">
        <v>0.95794999999999997</v>
      </c>
      <c r="Y32" s="17">
        <v>0.90634000000000003</v>
      </c>
      <c r="Z32" s="17">
        <v>3.5693999999999999</v>
      </c>
      <c r="AA32" s="17">
        <v>4.9191599999999998</v>
      </c>
      <c r="AB32" s="17">
        <v>3.30132</v>
      </c>
      <c r="AC32" s="17">
        <v>1.7358100000000001</v>
      </c>
      <c r="AD32" s="17">
        <v>4.15829</v>
      </c>
    </row>
    <row r="33" spans="1:30">
      <c r="A33" s="21" t="s">
        <v>232</v>
      </c>
      <c r="B33" s="21" t="s">
        <v>233</v>
      </c>
      <c r="C33" s="21" t="s">
        <v>262</v>
      </c>
      <c r="D33" s="21" t="s">
        <v>395</v>
      </c>
      <c r="E33" s="21" t="s">
        <v>216</v>
      </c>
      <c r="F33" s="21" t="s">
        <v>466</v>
      </c>
      <c r="G33" s="17">
        <v>25.34553</v>
      </c>
      <c r="H33" s="17">
        <v>99.645099999999999</v>
      </c>
      <c r="I33" s="17">
        <v>93.062100000000001</v>
      </c>
      <c r="J33" s="17">
        <v>63.237139999999997</v>
      </c>
      <c r="K33" s="17">
        <v>35.891030000000001</v>
      </c>
      <c r="L33" s="17">
        <v>24.2699</v>
      </c>
      <c r="M33" s="17">
        <v>20.01033</v>
      </c>
      <c r="N33" s="17">
        <v>18.313400000000001</v>
      </c>
      <c r="O33" s="17">
        <v>16.152509999999999</v>
      </c>
      <c r="P33" s="17">
        <v>12.511900000000001</v>
      </c>
      <c r="Q33" s="17">
        <v>9.0582399999999996</v>
      </c>
      <c r="R33" s="17">
        <v>6.8108300000000002</v>
      </c>
      <c r="S33" s="17">
        <v>5.7263900000000003</v>
      </c>
      <c r="T33" s="17">
        <v>4.6518899999999999</v>
      </c>
      <c r="U33" s="17">
        <v>4.2124899999999998</v>
      </c>
      <c r="V33" s="17">
        <v>4.4149000000000003</v>
      </c>
      <c r="W33" s="17">
        <v>4.63626</v>
      </c>
      <c r="X33" s="17">
        <v>3.9321999999999999</v>
      </c>
      <c r="Y33" s="17">
        <v>2.9542999999999999</v>
      </c>
      <c r="Z33" s="17">
        <v>35.088169999999998</v>
      </c>
      <c r="AA33" s="17">
        <v>5.2727300000000001</v>
      </c>
      <c r="AB33" s="17">
        <v>4.4476100000000001</v>
      </c>
      <c r="AC33" s="17">
        <v>4.4186500000000004</v>
      </c>
      <c r="AD33" s="17">
        <v>27.329370000000001</v>
      </c>
    </row>
    <row r="34" spans="1:30">
      <c r="A34" s="21" t="s">
        <v>232</v>
      </c>
      <c r="B34" s="21" t="s">
        <v>233</v>
      </c>
      <c r="C34" s="21" t="s">
        <v>262</v>
      </c>
      <c r="D34" s="21" t="s">
        <v>395</v>
      </c>
      <c r="E34" s="21" t="s">
        <v>216</v>
      </c>
      <c r="F34" s="21" t="s">
        <v>467</v>
      </c>
      <c r="G34" s="17">
        <v>55.593440000000001</v>
      </c>
      <c r="H34" s="17">
        <v>0.32113000000000003</v>
      </c>
      <c r="I34" s="17">
        <v>6.4782700000000002</v>
      </c>
      <c r="J34" s="17">
        <v>34.964570000000002</v>
      </c>
      <c r="K34" s="17">
        <v>60.43329</v>
      </c>
      <c r="L34" s="17">
        <v>70.188109999999995</v>
      </c>
      <c r="M34" s="17">
        <v>72.454769999999996</v>
      </c>
      <c r="N34" s="17">
        <v>71.438400000000001</v>
      </c>
      <c r="O34" s="17">
        <v>71.031289999999998</v>
      </c>
      <c r="P34" s="17">
        <v>72.281189999999995</v>
      </c>
      <c r="Q34" s="17">
        <v>73.455849999999998</v>
      </c>
      <c r="R34" s="17">
        <v>71.609279999999998</v>
      </c>
      <c r="S34" s="17">
        <v>66.435860000000005</v>
      </c>
      <c r="T34" s="17">
        <v>56.828800000000001</v>
      </c>
      <c r="U34" s="17">
        <v>41.724049999999998</v>
      </c>
      <c r="V34" s="17">
        <v>23.83502</v>
      </c>
      <c r="W34" s="17">
        <v>10.06944</v>
      </c>
      <c r="X34" s="17">
        <v>3.31027</v>
      </c>
      <c r="Y34" s="17">
        <v>1.76525</v>
      </c>
      <c r="Z34" s="17">
        <v>56.812269999999998</v>
      </c>
      <c r="AA34" s="17">
        <v>53.082279999999997</v>
      </c>
      <c r="AB34" s="17">
        <v>39.441670000000002</v>
      </c>
      <c r="AC34" s="17">
        <v>17.68627</v>
      </c>
      <c r="AD34" s="17">
        <v>62.598089999999999</v>
      </c>
    </row>
    <row r="35" spans="1:30">
      <c r="A35" s="21" t="s">
        <v>232</v>
      </c>
      <c r="B35" s="21" t="s">
        <v>233</v>
      </c>
      <c r="C35" s="21" t="s">
        <v>262</v>
      </c>
      <c r="D35" s="21" t="s">
        <v>395</v>
      </c>
      <c r="E35" s="21" t="s">
        <v>216</v>
      </c>
      <c r="F35" s="21" t="s">
        <v>468</v>
      </c>
      <c r="G35" s="17">
        <v>12.15344</v>
      </c>
      <c r="H35" s="17">
        <v>8.0400000000000003E-3</v>
      </c>
      <c r="I35" s="17">
        <v>2.7019999999999999E-2</v>
      </c>
      <c r="J35" s="17">
        <v>3.8739999999999997E-2</v>
      </c>
      <c r="K35" s="17">
        <v>8.4959999999999994E-2</v>
      </c>
      <c r="L35" s="17">
        <v>0.19717000000000001</v>
      </c>
      <c r="M35" s="17">
        <v>0.42514000000000002</v>
      </c>
      <c r="N35" s="17">
        <v>0.88924000000000003</v>
      </c>
      <c r="O35" s="17">
        <v>1.7577799999999999</v>
      </c>
      <c r="P35" s="17">
        <v>3.4899100000000001</v>
      </c>
      <c r="Q35" s="17">
        <v>6.4781700000000004</v>
      </c>
      <c r="R35" s="17">
        <v>11.41534</v>
      </c>
      <c r="S35" s="17">
        <v>18.76221</v>
      </c>
      <c r="T35" s="17">
        <v>31.574310000000001</v>
      </c>
      <c r="U35" s="17">
        <v>48.848350000000003</v>
      </c>
      <c r="V35" s="17">
        <v>67.792410000000004</v>
      </c>
      <c r="W35" s="17">
        <v>81.946110000000004</v>
      </c>
      <c r="X35" s="17">
        <v>89.828059999999994</v>
      </c>
      <c r="Y35" s="17">
        <v>93.205439999999996</v>
      </c>
      <c r="Z35" s="17">
        <v>1.3893899999999999</v>
      </c>
      <c r="AA35" s="17">
        <v>34.330649999999999</v>
      </c>
      <c r="AB35" s="17">
        <v>50.75732</v>
      </c>
      <c r="AC35" s="17">
        <v>74.232699999999994</v>
      </c>
      <c r="AD35" s="17">
        <v>2.5058799999999999</v>
      </c>
    </row>
    <row r="36" spans="1:30">
      <c r="A36" s="21" t="s">
        <v>232</v>
      </c>
      <c r="B36" s="21" t="s">
        <v>233</v>
      </c>
      <c r="C36" s="21" t="s">
        <v>262</v>
      </c>
      <c r="D36" s="21" t="s">
        <v>395</v>
      </c>
      <c r="E36" s="21" t="s">
        <v>216</v>
      </c>
      <c r="F36" s="21" t="s">
        <v>469</v>
      </c>
      <c r="G36" s="17">
        <v>6.9075899999999999</v>
      </c>
      <c r="H36" s="17">
        <v>2.5739999999999999E-2</v>
      </c>
      <c r="I36" s="17">
        <v>0.43262</v>
      </c>
      <c r="J36" s="17">
        <v>1.7595499999999999</v>
      </c>
      <c r="K36" s="17">
        <v>3.5907300000000002</v>
      </c>
      <c r="L36" s="17">
        <v>5.3448200000000003</v>
      </c>
      <c r="M36" s="17">
        <v>7.10975</v>
      </c>
      <c r="N36" s="17">
        <v>9.3589500000000001</v>
      </c>
      <c r="O36" s="17">
        <v>11.05842</v>
      </c>
      <c r="P36" s="17">
        <v>11.717000000000001</v>
      </c>
      <c r="Q36" s="17">
        <v>11.00774</v>
      </c>
      <c r="R36" s="17">
        <v>10.16455</v>
      </c>
      <c r="S36" s="17">
        <v>9.0755400000000002</v>
      </c>
      <c r="T36" s="17">
        <v>6.9450000000000003</v>
      </c>
      <c r="U36" s="17">
        <v>5.2151100000000001</v>
      </c>
      <c r="V36" s="17">
        <v>3.9576699999999998</v>
      </c>
      <c r="W36" s="17">
        <v>3.3481900000000002</v>
      </c>
      <c r="X36" s="17">
        <v>2.9294699999999998</v>
      </c>
      <c r="Y36" s="17">
        <v>2.0750099999999998</v>
      </c>
      <c r="Z36" s="17">
        <v>6.7101699999999997</v>
      </c>
      <c r="AA36" s="17">
        <v>7.3143399999999996</v>
      </c>
      <c r="AB36" s="17">
        <v>5.3534100000000002</v>
      </c>
      <c r="AC36" s="17">
        <v>3.6623800000000002</v>
      </c>
      <c r="AD36" s="17">
        <v>7.5666500000000001</v>
      </c>
    </row>
    <row r="37" spans="1:30">
      <c r="A37" s="21" t="s">
        <v>232</v>
      </c>
      <c r="B37" s="21" t="s">
        <v>237</v>
      </c>
      <c r="C37" s="21" t="s">
        <v>264</v>
      </c>
      <c r="D37" s="21" t="s">
        <v>394</v>
      </c>
      <c r="E37" s="21" t="s">
        <v>214</v>
      </c>
      <c r="F37" s="21" t="s">
        <v>466</v>
      </c>
      <c r="G37" s="17">
        <v>28.282640000000001</v>
      </c>
      <c r="H37" s="17">
        <v>99.63758</v>
      </c>
      <c r="I37" s="17">
        <v>92.623530000000002</v>
      </c>
      <c r="J37" s="17">
        <v>63.317439999999998</v>
      </c>
      <c r="K37" s="17">
        <v>37.788159999999998</v>
      </c>
      <c r="L37" s="17">
        <v>26.801729999999999</v>
      </c>
      <c r="M37" s="17">
        <v>21.773040000000002</v>
      </c>
      <c r="N37" s="17">
        <v>20.193069999999999</v>
      </c>
      <c r="O37" s="17">
        <v>18.227350000000001</v>
      </c>
      <c r="P37" s="17">
        <v>14.72071</v>
      </c>
      <c r="Q37" s="17">
        <v>11.33648</v>
      </c>
      <c r="R37" s="17">
        <v>9.1237100000000009</v>
      </c>
      <c r="S37" s="17">
        <v>7.1474000000000002</v>
      </c>
      <c r="T37" s="17">
        <v>5.2498500000000003</v>
      </c>
      <c r="U37" s="17">
        <v>4.31297</v>
      </c>
      <c r="V37" s="17">
        <v>3.7712699999999999</v>
      </c>
      <c r="W37" s="17">
        <v>4.3004699999999998</v>
      </c>
      <c r="X37" s="17">
        <v>4.8291700000000004</v>
      </c>
      <c r="Y37" s="17">
        <v>3.1982900000000001</v>
      </c>
      <c r="Z37" s="17">
        <v>37.757150000000003</v>
      </c>
      <c r="AA37" s="17">
        <v>6.3465499999999997</v>
      </c>
      <c r="AB37" s="17">
        <v>4.5498200000000004</v>
      </c>
      <c r="AC37" s="17">
        <v>4.0092600000000003</v>
      </c>
      <c r="AD37" s="17">
        <v>29.121469999999999</v>
      </c>
    </row>
    <row r="38" spans="1:30">
      <c r="A38" s="21" t="s">
        <v>232</v>
      </c>
      <c r="B38" s="21" t="s">
        <v>237</v>
      </c>
      <c r="C38" s="21" t="s">
        <v>264</v>
      </c>
      <c r="D38" s="21" t="s">
        <v>394</v>
      </c>
      <c r="E38" s="21" t="s">
        <v>214</v>
      </c>
      <c r="F38" s="21" t="s">
        <v>467</v>
      </c>
      <c r="G38" s="17">
        <v>57.009810000000002</v>
      </c>
      <c r="H38" s="17">
        <v>0.32018000000000002</v>
      </c>
      <c r="I38" s="17">
        <v>6.8635400000000004</v>
      </c>
      <c r="J38" s="17">
        <v>34.721969999999999</v>
      </c>
      <c r="K38" s="17">
        <v>58.379689999999997</v>
      </c>
      <c r="L38" s="17">
        <v>67.469880000000003</v>
      </c>
      <c r="M38" s="17">
        <v>70.390309999999999</v>
      </c>
      <c r="N38" s="17">
        <v>69.837239999999994</v>
      </c>
      <c r="O38" s="17">
        <v>69.624870000000001</v>
      </c>
      <c r="P38" s="17">
        <v>71.73639</v>
      </c>
      <c r="Q38" s="17">
        <v>73.138559999999998</v>
      </c>
      <c r="R38" s="17">
        <v>72.668760000000006</v>
      </c>
      <c r="S38" s="17">
        <v>71.026619999999994</v>
      </c>
      <c r="T38" s="17">
        <v>66.986419999999995</v>
      </c>
      <c r="U38" s="17">
        <v>57.079749999999997</v>
      </c>
      <c r="V38" s="17">
        <v>42.636710000000001</v>
      </c>
      <c r="W38" s="17">
        <v>25.93317</v>
      </c>
      <c r="X38" s="17">
        <v>11.26807</v>
      </c>
      <c r="Y38" s="17">
        <v>5.7569299999999997</v>
      </c>
      <c r="Z38" s="17">
        <v>54.670409999999997</v>
      </c>
      <c r="AA38" s="17">
        <v>62.426169999999999</v>
      </c>
      <c r="AB38" s="17">
        <v>52.93262</v>
      </c>
      <c r="AC38" s="17">
        <v>34.584330000000001</v>
      </c>
      <c r="AD38" s="17">
        <v>61.497329999999998</v>
      </c>
    </row>
    <row r="39" spans="1:30">
      <c r="A39" s="21" t="s">
        <v>232</v>
      </c>
      <c r="B39" s="21" t="s">
        <v>237</v>
      </c>
      <c r="C39" s="21" t="s">
        <v>264</v>
      </c>
      <c r="D39" s="21" t="s">
        <v>394</v>
      </c>
      <c r="E39" s="21" t="s">
        <v>214</v>
      </c>
      <c r="F39" s="21" t="s">
        <v>468</v>
      </c>
      <c r="G39" s="17">
        <v>7.6853199999999999</v>
      </c>
      <c r="H39" s="17">
        <v>1.112E-2</v>
      </c>
      <c r="I39" s="17">
        <v>4.3970000000000002E-2</v>
      </c>
      <c r="J39" s="17">
        <v>3.0589999999999999E-2</v>
      </c>
      <c r="K39" s="17">
        <v>9.1569999999999999E-2</v>
      </c>
      <c r="L39" s="17">
        <v>0.20580000000000001</v>
      </c>
      <c r="M39" s="17">
        <v>0.36848999999999998</v>
      </c>
      <c r="N39" s="17">
        <v>0.72318000000000005</v>
      </c>
      <c r="O39" s="17">
        <v>1.31721</v>
      </c>
      <c r="P39" s="17">
        <v>2.2571500000000002</v>
      </c>
      <c r="Q39" s="17">
        <v>4.1125499999999997</v>
      </c>
      <c r="R39" s="17">
        <v>7.1128799999999996</v>
      </c>
      <c r="S39" s="17">
        <v>11.86679</v>
      </c>
      <c r="T39" s="17">
        <v>20.420719999999999</v>
      </c>
      <c r="U39" s="17">
        <v>33.332239999999999</v>
      </c>
      <c r="V39" s="17">
        <v>49.788969999999999</v>
      </c>
      <c r="W39" s="17">
        <v>66.573580000000007</v>
      </c>
      <c r="X39" s="17">
        <v>81.011830000000003</v>
      </c>
      <c r="Y39" s="17">
        <v>89.125799999999998</v>
      </c>
      <c r="Z39" s="17">
        <v>0.96564000000000005</v>
      </c>
      <c r="AA39" s="17">
        <v>23.243220000000001</v>
      </c>
      <c r="AB39" s="17">
        <v>37.093319999999999</v>
      </c>
      <c r="AC39" s="17">
        <v>57.884880000000003</v>
      </c>
      <c r="AD39" s="17">
        <v>1.70357</v>
      </c>
    </row>
    <row r="40" spans="1:30">
      <c r="A40" s="21" t="s">
        <v>232</v>
      </c>
      <c r="B40" s="21" t="s">
        <v>237</v>
      </c>
      <c r="C40" s="21" t="s">
        <v>264</v>
      </c>
      <c r="D40" s="21" t="s">
        <v>394</v>
      </c>
      <c r="E40" s="21" t="s">
        <v>214</v>
      </c>
      <c r="F40" s="21" t="s">
        <v>469</v>
      </c>
      <c r="G40" s="17">
        <v>7.0222300000000004</v>
      </c>
      <c r="H40" s="17">
        <v>3.1130000000000001E-2</v>
      </c>
      <c r="I40" s="17">
        <v>0.46897</v>
      </c>
      <c r="J40" s="17">
        <v>1.9299900000000001</v>
      </c>
      <c r="K40" s="17">
        <v>3.7405900000000001</v>
      </c>
      <c r="L40" s="17">
        <v>5.5225900000000001</v>
      </c>
      <c r="M40" s="17">
        <v>7.4681600000000001</v>
      </c>
      <c r="N40" s="17">
        <v>9.2465100000000007</v>
      </c>
      <c r="O40" s="17">
        <v>10.830579999999999</v>
      </c>
      <c r="P40" s="17">
        <v>11.28575</v>
      </c>
      <c r="Q40" s="17">
        <v>11.412409999999999</v>
      </c>
      <c r="R40" s="17">
        <v>11.09465</v>
      </c>
      <c r="S40" s="17">
        <v>9.9591899999999995</v>
      </c>
      <c r="T40" s="17">
        <v>7.3430099999999996</v>
      </c>
      <c r="U40" s="17">
        <v>5.2750399999999997</v>
      </c>
      <c r="V40" s="17">
        <v>3.8030400000000002</v>
      </c>
      <c r="W40" s="17">
        <v>3.19278</v>
      </c>
      <c r="X40" s="17">
        <v>2.89093</v>
      </c>
      <c r="Y40" s="17">
        <v>1.9189799999999999</v>
      </c>
      <c r="Z40" s="17">
        <v>6.6067999999999998</v>
      </c>
      <c r="AA40" s="17">
        <v>7.9840600000000004</v>
      </c>
      <c r="AB40" s="17">
        <v>5.4242299999999997</v>
      </c>
      <c r="AC40" s="17">
        <v>3.5215299999999998</v>
      </c>
      <c r="AD40" s="17">
        <v>7.6776299999999997</v>
      </c>
    </row>
    <row r="41" spans="1:30">
      <c r="A41" s="21" t="s">
        <v>232</v>
      </c>
      <c r="B41" s="21" t="s">
        <v>237</v>
      </c>
      <c r="C41" s="21" t="s">
        <v>264</v>
      </c>
      <c r="D41" s="21" t="s">
        <v>394</v>
      </c>
      <c r="E41" s="21" t="s">
        <v>215</v>
      </c>
      <c r="F41" s="21" t="s">
        <v>466</v>
      </c>
      <c r="G41" s="17">
        <v>31.162120000000002</v>
      </c>
      <c r="H41" s="17">
        <v>99.701009999999997</v>
      </c>
      <c r="I41" s="17">
        <v>94.012709999999998</v>
      </c>
      <c r="J41" s="17">
        <v>66.969149999999999</v>
      </c>
      <c r="K41" s="17">
        <v>41.621160000000003</v>
      </c>
      <c r="L41" s="17">
        <v>30.189620000000001</v>
      </c>
      <c r="M41" s="17">
        <v>24.26342</v>
      </c>
      <c r="N41" s="17">
        <v>22.587759999999999</v>
      </c>
      <c r="O41" s="17">
        <v>20.3416</v>
      </c>
      <c r="P41" s="17">
        <v>16.43139</v>
      </c>
      <c r="Q41" s="17">
        <v>13.177569999999999</v>
      </c>
      <c r="R41" s="17">
        <v>10.170870000000001</v>
      </c>
      <c r="S41" s="17">
        <v>6.9411699999999996</v>
      </c>
      <c r="T41" s="17">
        <v>3.8374299999999999</v>
      </c>
      <c r="U41" s="17">
        <v>2.2598400000000001</v>
      </c>
      <c r="V41" s="17">
        <v>1.34809</v>
      </c>
      <c r="W41" s="17">
        <v>1.0628</v>
      </c>
      <c r="X41" s="17">
        <v>0.84316999999999998</v>
      </c>
      <c r="Y41" s="17">
        <v>3.5087700000000002</v>
      </c>
      <c r="Z41" s="17">
        <v>40.720820000000003</v>
      </c>
      <c r="AA41" s="17">
        <v>5.8834099999999996</v>
      </c>
      <c r="AB41" s="17">
        <v>2.61097</v>
      </c>
      <c r="AC41" s="17">
        <v>1.25667</v>
      </c>
      <c r="AD41" s="17">
        <v>31.791689999999999</v>
      </c>
    </row>
    <row r="42" spans="1:30">
      <c r="A42" s="21" t="s">
        <v>232</v>
      </c>
      <c r="B42" s="21" t="s">
        <v>237</v>
      </c>
      <c r="C42" s="21" t="s">
        <v>264</v>
      </c>
      <c r="D42" s="21" t="s">
        <v>394</v>
      </c>
      <c r="E42" s="21" t="s">
        <v>215</v>
      </c>
      <c r="F42" s="21" t="s">
        <v>467</v>
      </c>
      <c r="G42" s="17">
        <v>61.30668</v>
      </c>
      <c r="H42" s="17">
        <v>0.26865</v>
      </c>
      <c r="I42" s="17">
        <v>5.7704599999999999</v>
      </c>
      <c r="J42" s="17">
        <v>31.9953</v>
      </c>
      <c r="K42" s="17">
        <v>56.075789999999998</v>
      </c>
      <c r="L42" s="17">
        <v>66.188460000000006</v>
      </c>
      <c r="M42" s="17">
        <v>70.886880000000005</v>
      </c>
      <c r="N42" s="17">
        <v>71.380780000000001</v>
      </c>
      <c r="O42" s="17">
        <v>71.61345</v>
      </c>
      <c r="P42" s="17">
        <v>74.363500000000002</v>
      </c>
      <c r="Q42" s="17">
        <v>76.691029999999998</v>
      </c>
      <c r="R42" s="17">
        <v>77.900890000000004</v>
      </c>
      <c r="S42" s="17">
        <v>80.726780000000005</v>
      </c>
      <c r="T42" s="17">
        <v>83.228099999999998</v>
      </c>
      <c r="U42" s="17">
        <v>82.036320000000003</v>
      </c>
      <c r="V42" s="17">
        <v>75.823480000000004</v>
      </c>
      <c r="W42" s="17">
        <v>64.186800000000005</v>
      </c>
      <c r="X42" s="17">
        <v>43.170319999999997</v>
      </c>
      <c r="Y42" s="17">
        <v>33.333329999999997</v>
      </c>
      <c r="Z42" s="17">
        <v>54.506610000000002</v>
      </c>
      <c r="AA42" s="17">
        <v>79.289990000000003</v>
      </c>
      <c r="AB42" s="17">
        <v>79.276809999999998</v>
      </c>
      <c r="AC42" s="17">
        <v>70.838350000000005</v>
      </c>
      <c r="AD42" s="17">
        <v>62.22871</v>
      </c>
    </row>
    <row r="43" spans="1:30">
      <c r="A43" s="21" t="s">
        <v>232</v>
      </c>
      <c r="B43" s="21" t="s">
        <v>237</v>
      </c>
      <c r="C43" s="21" t="s">
        <v>264</v>
      </c>
      <c r="D43" s="21" t="s">
        <v>394</v>
      </c>
      <c r="E43" s="21" t="s">
        <v>215</v>
      </c>
      <c r="F43" s="21" t="s">
        <v>468</v>
      </c>
      <c r="G43" s="17">
        <v>2.7447900000000001</v>
      </c>
      <c r="H43" s="17">
        <v>8.6700000000000006E-3</v>
      </c>
      <c r="I43" s="17">
        <v>2.4639999999999999E-2</v>
      </c>
      <c r="J43" s="17">
        <v>1.068E-2</v>
      </c>
      <c r="K43" s="17">
        <v>3.7990000000000003E-2</v>
      </c>
      <c r="L43" s="17">
        <v>0.11228</v>
      </c>
      <c r="M43" s="17">
        <v>0.19741</v>
      </c>
      <c r="N43" s="17">
        <v>0.35520000000000002</v>
      </c>
      <c r="O43" s="17">
        <v>0.66534000000000004</v>
      </c>
      <c r="P43" s="17">
        <v>1.03773</v>
      </c>
      <c r="Q43" s="17">
        <v>1.9730399999999999</v>
      </c>
      <c r="R43" s="17">
        <v>3.3199399999999999</v>
      </c>
      <c r="S43" s="17">
        <v>5.0601500000000001</v>
      </c>
      <c r="T43" s="17">
        <v>7.7484200000000003</v>
      </c>
      <c r="U43" s="17">
        <v>12.19492</v>
      </c>
      <c r="V43" s="17">
        <v>20.691849999999999</v>
      </c>
      <c r="W43" s="17">
        <v>33.49436</v>
      </c>
      <c r="X43" s="17">
        <v>54.806069999999998</v>
      </c>
      <c r="Y43" s="17">
        <v>63.157890000000002</v>
      </c>
      <c r="Z43" s="17">
        <v>0.45838000000000001</v>
      </c>
      <c r="AA43" s="17">
        <v>8.7913800000000002</v>
      </c>
      <c r="AB43" s="17">
        <v>14.40399</v>
      </c>
      <c r="AC43" s="17">
        <v>26.063009999999998</v>
      </c>
      <c r="AD43" s="17">
        <v>0.80003999999999997</v>
      </c>
    </row>
    <row r="44" spans="1:30">
      <c r="A44" s="21" t="s">
        <v>232</v>
      </c>
      <c r="B44" s="21" t="s">
        <v>237</v>
      </c>
      <c r="C44" s="21" t="s">
        <v>264</v>
      </c>
      <c r="D44" s="21" t="s">
        <v>394</v>
      </c>
      <c r="E44" s="21" t="s">
        <v>215</v>
      </c>
      <c r="F44" s="21" t="s">
        <v>469</v>
      </c>
      <c r="G44" s="17">
        <v>4.7864100000000001</v>
      </c>
      <c r="H44" s="17">
        <v>2.1669999999999998E-2</v>
      </c>
      <c r="I44" s="17">
        <v>0.19217999999999999</v>
      </c>
      <c r="J44" s="17">
        <v>1.0248699999999999</v>
      </c>
      <c r="K44" s="17">
        <v>2.2650600000000001</v>
      </c>
      <c r="L44" s="17">
        <v>3.5096500000000002</v>
      </c>
      <c r="M44" s="17">
        <v>4.6522899999999998</v>
      </c>
      <c r="N44" s="17">
        <v>5.6762499999999996</v>
      </c>
      <c r="O44" s="17">
        <v>7.3796099999999996</v>
      </c>
      <c r="P44" s="17">
        <v>8.1673799999999996</v>
      </c>
      <c r="Q44" s="17">
        <v>8.1583500000000004</v>
      </c>
      <c r="R44" s="17">
        <v>8.6082999999999998</v>
      </c>
      <c r="S44" s="17">
        <v>7.2718999999999996</v>
      </c>
      <c r="T44" s="17">
        <v>5.1860499999999998</v>
      </c>
      <c r="U44" s="17">
        <v>3.5089199999999998</v>
      </c>
      <c r="V44" s="17">
        <v>2.13659</v>
      </c>
      <c r="W44" s="17">
        <v>1.25604</v>
      </c>
      <c r="X44" s="17">
        <v>1.1804399999999999</v>
      </c>
      <c r="Y44" s="17">
        <v>0</v>
      </c>
      <c r="Z44" s="17">
        <v>4.3141999999999996</v>
      </c>
      <c r="AA44" s="17">
        <v>6.0352199999999998</v>
      </c>
      <c r="AB44" s="17">
        <v>3.7082299999999999</v>
      </c>
      <c r="AC44" s="17">
        <v>1.8419700000000001</v>
      </c>
      <c r="AD44" s="17">
        <v>5.17957</v>
      </c>
    </row>
    <row r="45" spans="1:30">
      <c r="A45" s="21" t="s">
        <v>232</v>
      </c>
      <c r="B45" s="21" t="s">
        <v>237</v>
      </c>
      <c r="C45" s="21" t="s">
        <v>264</v>
      </c>
      <c r="D45" s="21" t="s">
        <v>394</v>
      </c>
      <c r="E45" s="21" t="s">
        <v>216</v>
      </c>
      <c r="F45" s="21" t="s">
        <v>466</v>
      </c>
      <c r="G45" s="17">
        <v>25.8032</v>
      </c>
      <c r="H45" s="17">
        <v>99.570719999999994</v>
      </c>
      <c r="I45" s="17">
        <v>91.258229999999998</v>
      </c>
      <c r="J45" s="17">
        <v>59.978529999999999</v>
      </c>
      <c r="K45" s="17">
        <v>34.220300000000002</v>
      </c>
      <c r="L45" s="17">
        <v>23.668320000000001</v>
      </c>
      <c r="M45" s="17">
        <v>19.472069999999999</v>
      </c>
      <c r="N45" s="17">
        <v>18.0029</v>
      </c>
      <c r="O45" s="17">
        <v>16.38364</v>
      </c>
      <c r="P45" s="17">
        <v>13.210979999999999</v>
      </c>
      <c r="Q45" s="17">
        <v>9.6841500000000007</v>
      </c>
      <c r="R45" s="17">
        <v>8.2030999999999992</v>
      </c>
      <c r="S45" s="17">
        <v>7.3180699999999996</v>
      </c>
      <c r="T45" s="17">
        <v>6.2947800000000003</v>
      </c>
      <c r="U45" s="17">
        <v>5.6715600000000004</v>
      </c>
      <c r="V45" s="17">
        <v>5.1157199999999996</v>
      </c>
      <c r="W45" s="17">
        <v>5.6166499999999999</v>
      </c>
      <c r="X45" s="17">
        <v>5.7935499999999998</v>
      </c>
      <c r="Y45" s="17">
        <v>3.1553399999999998</v>
      </c>
      <c r="Z45" s="17">
        <v>35.013440000000003</v>
      </c>
      <c r="AA45" s="17">
        <v>6.6831199999999997</v>
      </c>
      <c r="AB45" s="17">
        <v>5.7438599999999997</v>
      </c>
      <c r="AC45" s="17">
        <v>5.3053900000000001</v>
      </c>
      <c r="AD45" s="17">
        <v>26.691649999999999</v>
      </c>
    </row>
    <row r="46" spans="1:30">
      <c r="A46" s="21" t="s">
        <v>232</v>
      </c>
      <c r="B46" s="21" t="s">
        <v>237</v>
      </c>
      <c r="C46" s="21" t="s">
        <v>264</v>
      </c>
      <c r="D46" s="21" t="s">
        <v>394</v>
      </c>
      <c r="E46" s="21" t="s">
        <v>216</v>
      </c>
      <c r="F46" s="21" t="s">
        <v>467</v>
      </c>
      <c r="G46" s="17">
        <v>53.309919999999998</v>
      </c>
      <c r="H46" s="17">
        <v>0.37447999999999998</v>
      </c>
      <c r="I46" s="17">
        <v>7.9378099999999998</v>
      </c>
      <c r="J46" s="17">
        <v>37.215089999999996</v>
      </c>
      <c r="K46" s="17">
        <v>60.52422</v>
      </c>
      <c r="L46" s="17">
        <v>68.655050000000003</v>
      </c>
      <c r="M46" s="17">
        <v>69.931510000000003</v>
      </c>
      <c r="N46" s="17">
        <v>68.425529999999995</v>
      </c>
      <c r="O46" s="17">
        <v>67.890749999999997</v>
      </c>
      <c r="P46" s="17">
        <v>69.417869999999994</v>
      </c>
      <c r="Q46" s="17">
        <v>69.950329999999994</v>
      </c>
      <c r="R46" s="17">
        <v>68.068939999999998</v>
      </c>
      <c r="S46" s="17">
        <v>62.999079999999999</v>
      </c>
      <c r="T46" s="17">
        <v>54.97052</v>
      </c>
      <c r="U46" s="17">
        <v>40.565519999999999</v>
      </c>
      <c r="V46" s="17">
        <v>24.22382</v>
      </c>
      <c r="W46" s="17">
        <v>10.382300000000001</v>
      </c>
      <c r="X46" s="17">
        <v>3.5495700000000001</v>
      </c>
      <c r="Y46" s="17">
        <v>1.9417500000000001</v>
      </c>
      <c r="Z46" s="17">
        <v>54.822049999999997</v>
      </c>
      <c r="AA46" s="17">
        <v>50.1708</v>
      </c>
      <c r="AB46" s="17">
        <v>36.708489999999998</v>
      </c>
      <c r="AC46" s="17">
        <v>17.513069999999999</v>
      </c>
      <c r="AD46" s="17">
        <v>60.831800000000001</v>
      </c>
    </row>
    <row r="47" spans="1:30">
      <c r="A47" s="21" t="s">
        <v>232</v>
      </c>
      <c r="B47" s="21" t="s">
        <v>237</v>
      </c>
      <c r="C47" s="21" t="s">
        <v>264</v>
      </c>
      <c r="D47" s="21" t="s">
        <v>394</v>
      </c>
      <c r="E47" s="21" t="s">
        <v>216</v>
      </c>
      <c r="F47" s="21" t="s">
        <v>468</v>
      </c>
      <c r="G47" s="17">
        <v>11.93946</v>
      </c>
      <c r="H47" s="17">
        <v>1.37E-2</v>
      </c>
      <c r="I47" s="17">
        <v>6.2960000000000002E-2</v>
      </c>
      <c r="J47" s="17">
        <v>4.8809999999999999E-2</v>
      </c>
      <c r="K47" s="17">
        <v>0.14144000000000001</v>
      </c>
      <c r="L47" s="17">
        <v>0.2923</v>
      </c>
      <c r="M47" s="17">
        <v>0.52654999999999996</v>
      </c>
      <c r="N47" s="17">
        <v>1.0597399999999999</v>
      </c>
      <c r="O47" s="17">
        <v>1.8856599999999999</v>
      </c>
      <c r="P47" s="17">
        <v>3.3333300000000001</v>
      </c>
      <c r="Q47" s="17">
        <v>6.03268</v>
      </c>
      <c r="R47" s="17">
        <v>10.44744</v>
      </c>
      <c r="S47" s="17">
        <v>17.499739999999999</v>
      </c>
      <c r="T47" s="17">
        <v>29.795919999999999</v>
      </c>
      <c r="U47" s="17">
        <v>47.319200000000002</v>
      </c>
      <c r="V47" s="17">
        <v>65.932829999999996</v>
      </c>
      <c r="W47" s="17">
        <v>80.020949999999999</v>
      </c>
      <c r="X47" s="17">
        <v>87.352099999999993</v>
      </c>
      <c r="Y47" s="17">
        <v>92.718450000000004</v>
      </c>
      <c r="Z47" s="17">
        <v>1.43526</v>
      </c>
      <c r="AA47" s="17">
        <v>33.745750000000001</v>
      </c>
      <c r="AB47" s="17">
        <v>51.066609999999997</v>
      </c>
      <c r="AC47" s="17">
        <v>72.869129999999998</v>
      </c>
      <c r="AD47" s="17">
        <v>2.5257499999999999</v>
      </c>
    </row>
    <row r="48" spans="1:30">
      <c r="A48" s="21" t="s">
        <v>232</v>
      </c>
      <c r="B48" s="21" t="s">
        <v>237</v>
      </c>
      <c r="C48" s="21" t="s">
        <v>264</v>
      </c>
      <c r="D48" s="21" t="s">
        <v>394</v>
      </c>
      <c r="E48" s="21" t="s">
        <v>216</v>
      </c>
      <c r="F48" s="21" t="s">
        <v>469</v>
      </c>
      <c r="G48" s="17">
        <v>8.9474199999999993</v>
      </c>
      <c r="H48" s="17">
        <v>4.1099999999999998E-2</v>
      </c>
      <c r="I48" s="17">
        <v>0.74099000000000004</v>
      </c>
      <c r="J48" s="17">
        <v>2.7575799999999999</v>
      </c>
      <c r="K48" s="17">
        <v>5.1140400000000001</v>
      </c>
      <c r="L48" s="17">
        <v>7.3843300000000003</v>
      </c>
      <c r="M48" s="17">
        <v>10.06986</v>
      </c>
      <c r="N48" s="17">
        <v>12.51183</v>
      </c>
      <c r="O48" s="17">
        <v>13.83995</v>
      </c>
      <c r="P48" s="17">
        <v>14.03782</v>
      </c>
      <c r="Q48" s="17">
        <v>14.332839999999999</v>
      </c>
      <c r="R48" s="17">
        <v>13.280530000000001</v>
      </c>
      <c r="S48" s="17">
        <v>12.183109999999999</v>
      </c>
      <c r="T48" s="17">
        <v>8.9387799999999995</v>
      </c>
      <c r="U48" s="17">
        <v>6.4437199999999999</v>
      </c>
      <c r="V48" s="17">
        <v>4.7276300000000004</v>
      </c>
      <c r="W48" s="17">
        <v>3.9801000000000002</v>
      </c>
      <c r="X48" s="17">
        <v>3.30477</v>
      </c>
      <c r="Y48" s="17">
        <v>2.1844700000000001</v>
      </c>
      <c r="Z48" s="17">
        <v>8.7292500000000004</v>
      </c>
      <c r="AA48" s="17">
        <v>9.4003300000000003</v>
      </c>
      <c r="AB48" s="17">
        <v>6.4810400000000001</v>
      </c>
      <c r="AC48" s="17">
        <v>4.3124099999999999</v>
      </c>
      <c r="AD48" s="17">
        <v>9.9507999999999992</v>
      </c>
    </row>
    <row r="49" spans="1:30">
      <c r="A49" s="21" t="s">
        <v>232</v>
      </c>
      <c r="B49" s="21" t="s">
        <v>237</v>
      </c>
      <c r="C49" s="21" t="s">
        <v>264</v>
      </c>
      <c r="D49" s="21" t="s">
        <v>395</v>
      </c>
      <c r="E49" s="21" t="s">
        <v>214</v>
      </c>
      <c r="F49" s="21" t="s">
        <v>466</v>
      </c>
      <c r="G49" s="17">
        <v>28.139320000000001</v>
      </c>
      <c r="H49" s="17">
        <v>99.640280000000004</v>
      </c>
      <c r="I49" s="17">
        <v>92.580669999999998</v>
      </c>
      <c r="J49" s="17">
        <v>63.033560000000001</v>
      </c>
      <c r="K49" s="17">
        <v>37.865000000000002</v>
      </c>
      <c r="L49" s="17">
        <v>26.902640000000002</v>
      </c>
      <c r="M49" s="17">
        <v>21.857700000000001</v>
      </c>
      <c r="N49" s="17">
        <v>20.281099999999999</v>
      </c>
      <c r="O49" s="17">
        <v>18.307929999999999</v>
      </c>
      <c r="P49" s="17">
        <v>14.74761</v>
      </c>
      <c r="Q49" s="17">
        <v>11.32999</v>
      </c>
      <c r="R49" s="17">
        <v>9.1232600000000001</v>
      </c>
      <c r="S49" s="17">
        <v>7.1486200000000002</v>
      </c>
      <c r="T49" s="17">
        <v>5.2472200000000004</v>
      </c>
      <c r="U49" s="17">
        <v>4.3067799999999998</v>
      </c>
      <c r="V49" s="17">
        <v>3.7740100000000001</v>
      </c>
      <c r="W49" s="17">
        <v>4.2971700000000004</v>
      </c>
      <c r="X49" s="17">
        <v>4.8339400000000001</v>
      </c>
      <c r="Y49" s="17">
        <v>3.1982900000000001</v>
      </c>
      <c r="Z49" s="17">
        <v>37.641280000000002</v>
      </c>
      <c r="AA49" s="17">
        <v>6.3446800000000003</v>
      </c>
      <c r="AB49" s="17">
        <v>4.5473100000000004</v>
      </c>
      <c r="AC49" s="17">
        <v>4.0102599999999997</v>
      </c>
      <c r="AD49" s="17">
        <v>28.947859999999999</v>
      </c>
    </row>
    <row r="50" spans="1:30">
      <c r="A50" s="21" t="s">
        <v>232</v>
      </c>
      <c r="B50" s="21" t="s">
        <v>237</v>
      </c>
      <c r="C50" s="21" t="s">
        <v>264</v>
      </c>
      <c r="D50" s="21" t="s">
        <v>395</v>
      </c>
      <c r="E50" s="21" t="s">
        <v>214</v>
      </c>
      <c r="F50" s="21" t="s">
        <v>467</v>
      </c>
      <c r="G50" s="17">
        <v>57.087049999999998</v>
      </c>
      <c r="H50" s="17">
        <v>0.31727</v>
      </c>
      <c r="I50" s="17">
        <v>6.8936900000000003</v>
      </c>
      <c r="J50" s="17">
        <v>34.986890000000002</v>
      </c>
      <c r="K50" s="17">
        <v>58.295909999999999</v>
      </c>
      <c r="L50" s="17">
        <v>67.353579999999994</v>
      </c>
      <c r="M50" s="17">
        <v>70.327349999999996</v>
      </c>
      <c r="N50" s="17">
        <v>69.790750000000003</v>
      </c>
      <c r="O50" s="17">
        <v>69.570509999999999</v>
      </c>
      <c r="P50" s="17">
        <v>71.717749999999995</v>
      </c>
      <c r="Q50" s="17">
        <v>73.151449999999997</v>
      </c>
      <c r="R50" s="17">
        <v>72.660669999999996</v>
      </c>
      <c r="S50" s="17">
        <v>71.028390000000002</v>
      </c>
      <c r="T50" s="17">
        <v>66.97645</v>
      </c>
      <c r="U50" s="17">
        <v>57.066540000000003</v>
      </c>
      <c r="V50" s="17">
        <v>42.631360000000001</v>
      </c>
      <c r="W50" s="17">
        <v>25.913499999999999</v>
      </c>
      <c r="X50" s="17">
        <v>11.27918</v>
      </c>
      <c r="Y50" s="17">
        <v>5.7569299999999997</v>
      </c>
      <c r="Z50" s="17">
        <v>54.764769999999999</v>
      </c>
      <c r="AA50" s="17">
        <v>62.413649999999997</v>
      </c>
      <c r="AB50" s="17">
        <v>52.919400000000003</v>
      </c>
      <c r="AC50" s="17">
        <v>34.578150000000001</v>
      </c>
      <c r="AD50" s="17">
        <v>61.635170000000002</v>
      </c>
    </row>
    <row r="51" spans="1:30">
      <c r="A51" s="21" t="s">
        <v>232</v>
      </c>
      <c r="B51" s="21" t="s">
        <v>237</v>
      </c>
      <c r="C51" s="21" t="s">
        <v>264</v>
      </c>
      <c r="D51" s="21" t="s">
        <v>395</v>
      </c>
      <c r="E51" s="21" t="s">
        <v>214</v>
      </c>
      <c r="F51" s="21" t="s">
        <v>468</v>
      </c>
      <c r="G51" s="17">
        <v>7.7346000000000004</v>
      </c>
      <c r="H51" s="17">
        <v>1.1169999999999999E-2</v>
      </c>
      <c r="I51" s="17">
        <v>4.5269999999999998E-2</v>
      </c>
      <c r="J51" s="17">
        <v>2.8840000000000001E-2</v>
      </c>
      <c r="K51" s="17">
        <v>8.8419999999999999E-2</v>
      </c>
      <c r="L51" s="17">
        <v>0.20405000000000001</v>
      </c>
      <c r="M51" s="17">
        <v>0.36071999999999999</v>
      </c>
      <c r="N51" s="17">
        <v>0.71852000000000005</v>
      </c>
      <c r="O51" s="17">
        <v>1.31491</v>
      </c>
      <c r="P51" s="17">
        <v>2.2439</v>
      </c>
      <c r="Q51" s="17">
        <v>4.10832</v>
      </c>
      <c r="R51" s="17">
        <v>7.1136299999999997</v>
      </c>
      <c r="S51" s="17">
        <v>11.86558</v>
      </c>
      <c r="T51" s="17">
        <v>20.430219999999998</v>
      </c>
      <c r="U51" s="17">
        <v>33.349719999999998</v>
      </c>
      <c r="V51" s="17">
        <v>49.79336</v>
      </c>
      <c r="W51" s="17">
        <v>66.601420000000005</v>
      </c>
      <c r="X51" s="17">
        <v>80.993089999999995</v>
      </c>
      <c r="Y51" s="17">
        <v>89.125799999999998</v>
      </c>
      <c r="Z51" s="17">
        <v>0.96718000000000004</v>
      </c>
      <c r="AA51" s="17">
        <v>23.257020000000001</v>
      </c>
      <c r="AB51" s="17">
        <v>37.108490000000003</v>
      </c>
      <c r="AC51" s="17">
        <v>57.892270000000003</v>
      </c>
      <c r="AD51" s="17">
        <v>1.7112499999999999</v>
      </c>
    </row>
    <row r="52" spans="1:30">
      <c r="A52" s="21" t="s">
        <v>232</v>
      </c>
      <c r="B52" s="21" t="s">
        <v>237</v>
      </c>
      <c r="C52" s="21" t="s">
        <v>264</v>
      </c>
      <c r="D52" s="21" t="s">
        <v>395</v>
      </c>
      <c r="E52" s="21" t="s">
        <v>214</v>
      </c>
      <c r="F52" s="21" t="s">
        <v>469</v>
      </c>
      <c r="G52" s="17">
        <v>7.03904</v>
      </c>
      <c r="H52" s="17">
        <v>3.1280000000000002E-2</v>
      </c>
      <c r="I52" s="17">
        <v>0.48037000000000002</v>
      </c>
      <c r="J52" s="17">
        <v>1.9507099999999999</v>
      </c>
      <c r="K52" s="17">
        <v>3.7506699999999999</v>
      </c>
      <c r="L52" s="17">
        <v>5.5397299999999996</v>
      </c>
      <c r="M52" s="17">
        <v>7.4542299999999999</v>
      </c>
      <c r="N52" s="17">
        <v>9.2096300000000006</v>
      </c>
      <c r="O52" s="17">
        <v>10.80664</v>
      </c>
      <c r="P52" s="17">
        <v>11.29074</v>
      </c>
      <c r="Q52" s="17">
        <v>11.41023</v>
      </c>
      <c r="R52" s="17">
        <v>11.10244</v>
      </c>
      <c r="S52" s="17">
        <v>9.9574099999999994</v>
      </c>
      <c r="T52" s="17">
        <v>7.3461100000000004</v>
      </c>
      <c r="U52" s="17">
        <v>5.2769599999999999</v>
      </c>
      <c r="V52" s="17">
        <v>3.8012600000000001</v>
      </c>
      <c r="W52" s="17">
        <v>3.1879200000000001</v>
      </c>
      <c r="X52" s="17">
        <v>2.89378</v>
      </c>
      <c r="Y52" s="17">
        <v>1.9189799999999999</v>
      </c>
      <c r="Z52" s="17">
        <v>6.6267699999999996</v>
      </c>
      <c r="AA52" s="17">
        <v>7.9846599999999999</v>
      </c>
      <c r="AB52" s="17">
        <v>5.4248000000000003</v>
      </c>
      <c r="AC52" s="17">
        <v>3.51932</v>
      </c>
      <c r="AD52" s="17">
        <v>7.7057200000000003</v>
      </c>
    </row>
    <row r="53" spans="1:30">
      <c r="A53" s="21" t="s">
        <v>232</v>
      </c>
      <c r="B53" s="21" t="s">
        <v>237</v>
      </c>
      <c r="C53" s="21" t="s">
        <v>264</v>
      </c>
      <c r="D53" s="21" t="s">
        <v>395</v>
      </c>
      <c r="E53" s="21" t="s">
        <v>215</v>
      </c>
      <c r="F53" s="21" t="s">
        <v>466</v>
      </c>
      <c r="G53" s="17">
        <v>30.975840000000002</v>
      </c>
      <c r="H53" s="17">
        <v>99.699600000000004</v>
      </c>
      <c r="I53" s="17">
        <v>93.955600000000004</v>
      </c>
      <c r="J53" s="17">
        <v>66.609819999999999</v>
      </c>
      <c r="K53" s="17">
        <v>41.77655</v>
      </c>
      <c r="L53" s="17">
        <v>30.299469999999999</v>
      </c>
      <c r="M53" s="17">
        <v>24.324729999999999</v>
      </c>
      <c r="N53" s="17">
        <v>22.628900000000002</v>
      </c>
      <c r="O53" s="17">
        <v>20.379729999999999</v>
      </c>
      <c r="P53" s="17">
        <v>16.460070000000002</v>
      </c>
      <c r="Q53" s="17">
        <v>13.16883</v>
      </c>
      <c r="R53" s="17">
        <v>10.17611</v>
      </c>
      <c r="S53" s="17">
        <v>6.9383999999999997</v>
      </c>
      <c r="T53" s="17">
        <v>3.8310399999999998</v>
      </c>
      <c r="U53" s="17">
        <v>2.2476500000000001</v>
      </c>
      <c r="V53" s="17">
        <v>1.3492900000000001</v>
      </c>
      <c r="W53" s="17">
        <v>1.0641700000000001</v>
      </c>
      <c r="X53" s="17">
        <v>0.84458999999999995</v>
      </c>
      <c r="Y53" s="17">
        <v>3.5087700000000002</v>
      </c>
      <c r="Z53" s="17">
        <v>40.548220000000001</v>
      </c>
      <c r="AA53" s="17">
        <v>5.8804999999999996</v>
      </c>
      <c r="AB53" s="17">
        <v>2.6049000000000002</v>
      </c>
      <c r="AC53" s="17">
        <v>1.25797</v>
      </c>
      <c r="AD53" s="17">
        <v>31.563649999999999</v>
      </c>
    </row>
    <row r="54" spans="1:30">
      <c r="A54" s="21" t="s">
        <v>232</v>
      </c>
      <c r="B54" s="21" t="s">
        <v>237</v>
      </c>
      <c r="C54" s="21" t="s">
        <v>264</v>
      </c>
      <c r="D54" s="21" t="s">
        <v>395</v>
      </c>
      <c r="E54" s="21" t="s">
        <v>215</v>
      </c>
      <c r="F54" s="21" t="s">
        <v>467</v>
      </c>
      <c r="G54" s="17">
        <v>61.446219999999997</v>
      </c>
      <c r="H54" s="17">
        <v>0.26993</v>
      </c>
      <c r="I54" s="17">
        <v>5.8203500000000004</v>
      </c>
      <c r="J54" s="17">
        <v>32.328510000000001</v>
      </c>
      <c r="K54" s="17">
        <v>55.89528</v>
      </c>
      <c r="L54" s="17">
        <v>66.050650000000005</v>
      </c>
      <c r="M54" s="17">
        <v>70.80883</v>
      </c>
      <c r="N54" s="17">
        <v>71.33211</v>
      </c>
      <c r="O54" s="17">
        <v>71.553129999999996</v>
      </c>
      <c r="P54" s="17">
        <v>74.331729999999993</v>
      </c>
      <c r="Q54" s="17">
        <v>76.698040000000006</v>
      </c>
      <c r="R54" s="17">
        <v>77.894819999999996</v>
      </c>
      <c r="S54" s="17">
        <v>80.725740000000002</v>
      </c>
      <c r="T54" s="17">
        <v>83.220780000000005</v>
      </c>
      <c r="U54" s="17">
        <v>82.018770000000004</v>
      </c>
      <c r="V54" s="17">
        <v>75.827389999999994</v>
      </c>
      <c r="W54" s="17">
        <v>64.140600000000006</v>
      </c>
      <c r="X54" s="17">
        <v>43.24324</v>
      </c>
      <c r="Y54" s="17">
        <v>33.333329999999997</v>
      </c>
      <c r="Z54" s="17">
        <v>54.642530000000001</v>
      </c>
      <c r="AA54" s="17">
        <v>79.283069999999995</v>
      </c>
      <c r="AB54" s="17">
        <v>79.265730000000005</v>
      </c>
      <c r="AC54" s="17">
        <v>70.834050000000005</v>
      </c>
      <c r="AD54" s="17">
        <v>62.411670000000001</v>
      </c>
    </row>
    <row r="55" spans="1:30">
      <c r="A55" s="21" t="s">
        <v>232</v>
      </c>
      <c r="B55" s="21" t="s">
        <v>237</v>
      </c>
      <c r="C55" s="21" t="s">
        <v>264</v>
      </c>
      <c r="D55" s="21" t="s">
        <v>395</v>
      </c>
      <c r="E55" s="21" t="s">
        <v>215</v>
      </c>
      <c r="F55" s="21" t="s">
        <v>468</v>
      </c>
      <c r="G55" s="17">
        <v>2.7643499999999999</v>
      </c>
      <c r="H55" s="17">
        <v>8.7100000000000007E-3</v>
      </c>
      <c r="I55" s="17">
        <v>2.546E-2</v>
      </c>
      <c r="J55" s="17">
        <v>1.0999999999999999E-2</v>
      </c>
      <c r="K55" s="17">
        <v>3.8640000000000001E-2</v>
      </c>
      <c r="L55" s="17">
        <v>0.1134</v>
      </c>
      <c r="M55" s="17">
        <v>0.19855</v>
      </c>
      <c r="N55" s="17">
        <v>0.35665999999999998</v>
      </c>
      <c r="O55" s="17">
        <v>0.66410999999999998</v>
      </c>
      <c r="P55" s="17">
        <v>1.0287500000000001</v>
      </c>
      <c r="Q55" s="17">
        <v>1.9757499999999999</v>
      </c>
      <c r="R55" s="17">
        <v>3.3188300000000002</v>
      </c>
      <c r="S55" s="17">
        <v>5.0702100000000003</v>
      </c>
      <c r="T55" s="17">
        <v>7.7603099999999996</v>
      </c>
      <c r="U55" s="17">
        <v>12.21801</v>
      </c>
      <c r="V55" s="17">
        <v>20.697559999999999</v>
      </c>
      <c r="W55" s="17">
        <v>33.537570000000002</v>
      </c>
      <c r="X55" s="17">
        <v>54.729730000000004</v>
      </c>
      <c r="Y55" s="17">
        <v>63.157890000000002</v>
      </c>
      <c r="Z55" s="17">
        <v>0.46106999999999998</v>
      </c>
      <c r="AA55" s="17">
        <v>8.8027200000000008</v>
      </c>
      <c r="AB55" s="17">
        <v>14.420579999999999</v>
      </c>
      <c r="AC55" s="17">
        <v>26.07272</v>
      </c>
      <c r="AD55" s="17">
        <v>0.80525000000000002</v>
      </c>
    </row>
    <row r="56" spans="1:30">
      <c r="A56" s="21" t="s">
        <v>232</v>
      </c>
      <c r="B56" s="21" t="s">
        <v>237</v>
      </c>
      <c r="C56" s="21" t="s">
        <v>264</v>
      </c>
      <c r="D56" s="21" t="s">
        <v>395</v>
      </c>
      <c r="E56" s="21" t="s">
        <v>215</v>
      </c>
      <c r="F56" s="21" t="s">
        <v>469</v>
      </c>
      <c r="G56" s="17">
        <v>4.81358</v>
      </c>
      <c r="H56" s="17">
        <v>2.1770000000000001E-2</v>
      </c>
      <c r="I56" s="17">
        <v>0.19858999999999999</v>
      </c>
      <c r="J56" s="17">
        <v>1.0506599999999999</v>
      </c>
      <c r="K56" s="17">
        <v>2.28952</v>
      </c>
      <c r="L56" s="17">
        <v>3.5364800000000001</v>
      </c>
      <c r="M56" s="17">
        <v>4.6678899999999999</v>
      </c>
      <c r="N56" s="17">
        <v>5.6823300000000003</v>
      </c>
      <c r="O56" s="17">
        <v>7.4030300000000002</v>
      </c>
      <c r="P56" s="17">
        <v>8.1794399999999996</v>
      </c>
      <c r="Q56" s="17">
        <v>8.1573799999999999</v>
      </c>
      <c r="R56" s="17">
        <v>8.6102399999999992</v>
      </c>
      <c r="S56" s="17">
        <v>7.2656499999999999</v>
      </c>
      <c r="T56" s="17">
        <v>5.1878700000000002</v>
      </c>
      <c r="U56" s="17">
        <v>3.5155599999999998</v>
      </c>
      <c r="V56" s="17">
        <v>2.1257600000000001</v>
      </c>
      <c r="W56" s="17">
        <v>1.25766</v>
      </c>
      <c r="X56" s="17">
        <v>1.1824300000000001</v>
      </c>
      <c r="Y56" s="17">
        <v>0</v>
      </c>
      <c r="Z56" s="17">
        <v>4.3481800000000002</v>
      </c>
      <c r="AA56" s="17">
        <v>6.0337100000000001</v>
      </c>
      <c r="AB56" s="17">
        <v>3.70879</v>
      </c>
      <c r="AC56" s="17">
        <v>1.8352599999999999</v>
      </c>
      <c r="AD56" s="17">
        <v>5.21943</v>
      </c>
    </row>
    <row r="57" spans="1:30">
      <c r="A57" s="21" t="s">
        <v>232</v>
      </c>
      <c r="B57" s="21" t="s">
        <v>237</v>
      </c>
      <c r="C57" s="21" t="s">
        <v>264</v>
      </c>
      <c r="D57" s="21" t="s">
        <v>395</v>
      </c>
      <c r="E57" s="21" t="s">
        <v>216</v>
      </c>
      <c r="F57" s="21" t="s">
        <v>466</v>
      </c>
      <c r="G57" s="17">
        <v>25.695920000000001</v>
      </c>
      <c r="H57" s="17">
        <v>99.577749999999995</v>
      </c>
      <c r="I57" s="17">
        <v>91.238879999999995</v>
      </c>
      <c r="J57" s="17">
        <v>59.776560000000003</v>
      </c>
      <c r="K57" s="17">
        <v>34.229660000000003</v>
      </c>
      <c r="L57" s="17">
        <v>23.754280000000001</v>
      </c>
      <c r="M57" s="17">
        <v>19.567329999999998</v>
      </c>
      <c r="N57" s="17">
        <v>18.120699999999999</v>
      </c>
      <c r="O57" s="17">
        <v>16.49231</v>
      </c>
      <c r="P57" s="17">
        <v>13.23316</v>
      </c>
      <c r="Q57" s="17">
        <v>9.6786499999999993</v>
      </c>
      <c r="R57" s="17">
        <v>8.1974199999999993</v>
      </c>
      <c r="S57" s="17">
        <v>7.3226800000000001</v>
      </c>
      <c r="T57" s="17">
        <v>6.2948500000000003</v>
      </c>
      <c r="U57" s="17">
        <v>5.6687000000000003</v>
      </c>
      <c r="V57" s="17">
        <v>5.11897</v>
      </c>
      <c r="W57" s="17">
        <v>5.6116400000000004</v>
      </c>
      <c r="X57" s="17">
        <v>5.7982899999999997</v>
      </c>
      <c r="Y57" s="17">
        <v>3.1553399999999998</v>
      </c>
      <c r="Z57" s="17">
        <v>34.946750000000002</v>
      </c>
      <c r="AA57" s="17">
        <v>6.6820000000000004</v>
      </c>
      <c r="AB57" s="17">
        <v>5.7432400000000001</v>
      </c>
      <c r="AC57" s="17">
        <v>5.3060700000000001</v>
      </c>
      <c r="AD57" s="17">
        <v>26.564920000000001</v>
      </c>
    </row>
    <row r="58" spans="1:30">
      <c r="A58" s="21" t="s">
        <v>232</v>
      </c>
      <c r="B58" s="21" t="s">
        <v>237</v>
      </c>
      <c r="C58" s="21" t="s">
        <v>264</v>
      </c>
      <c r="D58" s="21" t="s">
        <v>395</v>
      </c>
      <c r="E58" s="21" t="s">
        <v>216</v>
      </c>
      <c r="F58" s="21" t="s">
        <v>467</v>
      </c>
      <c r="G58" s="17">
        <v>53.332030000000003</v>
      </c>
      <c r="H58" s="17">
        <v>0.36717</v>
      </c>
      <c r="I58" s="17">
        <v>7.94116</v>
      </c>
      <c r="J58" s="17">
        <v>37.40795</v>
      </c>
      <c r="K58" s="17">
        <v>60.52702</v>
      </c>
      <c r="L58" s="17">
        <v>68.561199999999999</v>
      </c>
      <c r="M58" s="17">
        <v>69.880359999999996</v>
      </c>
      <c r="N58" s="17">
        <v>68.372420000000005</v>
      </c>
      <c r="O58" s="17">
        <v>67.833039999999997</v>
      </c>
      <c r="P58" s="17">
        <v>69.406019999999998</v>
      </c>
      <c r="Q58" s="17">
        <v>69.966489999999993</v>
      </c>
      <c r="R58" s="17">
        <v>68.057940000000002</v>
      </c>
      <c r="S58" s="17">
        <v>62.999040000000001</v>
      </c>
      <c r="T58" s="17">
        <v>54.959580000000003</v>
      </c>
      <c r="U58" s="17">
        <v>40.56306</v>
      </c>
      <c r="V58" s="17">
        <v>24.218029999999999</v>
      </c>
      <c r="W58" s="17">
        <v>10.37105</v>
      </c>
      <c r="X58" s="17">
        <v>3.55247</v>
      </c>
      <c r="Y58" s="17">
        <v>1.9417500000000001</v>
      </c>
      <c r="Z58" s="17">
        <v>54.878079999999997</v>
      </c>
      <c r="AA58" s="17">
        <v>50.154319999999998</v>
      </c>
      <c r="AB58" s="17">
        <v>36.69829</v>
      </c>
      <c r="AC58" s="17">
        <v>17.508420000000001</v>
      </c>
      <c r="AD58" s="17">
        <v>60.927790000000002</v>
      </c>
    </row>
    <row r="59" spans="1:30">
      <c r="A59" s="21" t="s">
        <v>232</v>
      </c>
      <c r="B59" s="21" t="s">
        <v>237</v>
      </c>
      <c r="C59" s="21" t="s">
        <v>264</v>
      </c>
      <c r="D59" s="21" t="s">
        <v>395</v>
      </c>
      <c r="E59" s="21" t="s">
        <v>216</v>
      </c>
      <c r="F59" s="21" t="s">
        <v>468</v>
      </c>
      <c r="G59" s="17">
        <v>12.01599</v>
      </c>
      <c r="H59" s="17">
        <v>1.3769999999999999E-2</v>
      </c>
      <c r="I59" s="17">
        <v>6.4600000000000005E-2</v>
      </c>
      <c r="J59" s="17">
        <v>4.5089999999999998E-2</v>
      </c>
      <c r="K59" s="17">
        <v>0.13467000000000001</v>
      </c>
      <c r="L59" s="17">
        <v>0.28806999999999999</v>
      </c>
      <c r="M59" s="17">
        <v>0.51127</v>
      </c>
      <c r="N59" s="17">
        <v>1.05149</v>
      </c>
      <c r="O59" s="17">
        <v>1.88524</v>
      </c>
      <c r="P59" s="17">
        <v>3.31854</v>
      </c>
      <c r="Q59" s="17">
        <v>6.0234500000000004</v>
      </c>
      <c r="R59" s="17">
        <v>10.45064</v>
      </c>
      <c r="S59" s="17">
        <v>17.49211</v>
      </c>
      <c r="T59" s="17">
        <v>29.802890000000001</v>
      </c>
      <c r="U59" s="17">
        <v>47.32629</v>
      </c>
      <c r="V59" s="17">
        <v>65.932360000000003</v>
      </c>
      <c r="W59" s="17">
        <v>80.044579999999996</v>
      </c>
      <c r="X59" s="17">
        <v>87.341769999999997</v>
      </c>
      <c r="Y59" s="17">
        <v>92.718450000000004</v>
      </c>
      <c r="Z59" s="17">
        <v>1.4362999999999999</v>
      </c>
      <c r="AA59" s="17">
        <v>33.761229999999998</v>
      </c>
      <c r="AB59" s="17">
        <v>51.077150000000003</v>
      </c>
      <c r="AC59" s="17">
        <v>72.873310000000004</v>
      </c>
      <c r="AD59" s="17">
        <v>2.5366</v>
      </c>
    </row>
    <row r="60" spans="1:30">
      <c r="A60" s="21" t="s">
        <v>232</v>
      </c>
      <c r="B60" s="21" t="s">
        <v>237</v>
      </c>
      <c r="C60" s="21" t="s">
        <v>264</v>
      </c>
      <c r="D60" s="21" t="s">
        <v>395</v>
      </c>
      <c r="E60" s="21" t="s">
        <v>216</v>
      </c>
      <c r="F60" s="21" t="s">
        <v>469</v>
      </c>
      <c r="G60" s="17">
        <v>8.9560600000000008</v>
      </c>
      <c r="H60" s="17">
        <v>4.1309999999999999E-2</v>
      </c>
      <c r="I60" s="17">
        <v>0.75534999999999997</v>
      </c>
      <c r="J60" s="17">
        <v>2.7704</v>
      </c>
      <c r="K60" s="17">
        <v>5.1086400000000003</v>
      </c>
      <c r="L60" s="17">
        <v>7.3964499999999997</v>
      </c>
      <c r="M60" s="17">
        <v>10.041040000000001</v>
      </c>
      <c r="N60" s="17">
        <v>12.45539</v>
      </c>
      <c r="O60" s="17">
        <v>13.78941</v>
      </c>
      <c r="P60" s="17">
        <v>14.04228</v>
      </c>
      <c r="Q60" s="17">
        <v>14.3314</v>
      </c>
      <c r="R60" s="17">
        <v>13.293990000000001</v>
      </c>
      <c r="S60" s="17">
        <v>12.186170000000001</v>
      </c>
      <c r="T60" s="17">
        <v>8.9426799999999993</v>
      </c>
      <c r="U60" s="17">
        <v>6.4419500000000003</v>
      </c>
      <c r="V60" s="17">
        <v>4.7306400000000002</v>
      </c>
      <c r="W60" s="17">
        <v>3.9727299999999999</v>
      </c>
      <c r="X60" s="17">
        <v>3.3074699999999999</v>
      </c>
      <c r="Y60" s="17">
        <v>2.1844700000000001</v>
      </c>
      <c r="Z60" s="17">
        <v>8.73888</v>
      </c>
      <c r="AA60" s="17">
        <v>9.40245</v>
      </c>
      <c r="AB60" s="17">
        <v>6.4813200000000002</v>
      </c>
      <c r="AC60" s="17">
        <v>4.3121999999999998</v>
      </c>
      <c r="AD60" s="17">
        <v>9.9706899999999994</v>
      </c>
    </row>
    <row r="61" spans="1:30">
      <c r="A61" s="21" t="s">
        <v>240</v>
      </c>
      <c r="B61" s="21" t="s">
        <v>237</v>
      </c>
      <c r="C61" s="21" t="s">
        <v>265</v>
      </c>
      <c r="D61" s="21" t="s">
        <v>394</v>
      </c>
      <c r="E61" s="21" t="s">
        <v>214</v>
      </c>
      <c r="F61" s="21" t="s">
        <v>466</v>
      </c>
      <c r="G61" s="17">
        <v>25.339759999999998</v>
      </c>
      <c r="H61" s="17">
        <v>99.485240000000005</v>
      </c>
      <c r="I61" s="17">
        <v>89.891890000000004</v>
      </c>
      <c r="J61" s="17">
        <v>62.864199999999997</v>
      </c>
      <c r="K61" s="17">
        <v>39.917700000000004</v>
      </c>
      <c r="L61" s="17">
        <v>28.068380000000001</v>
      </c>
      <c r="M61" s="17">
        <v>21.421949999999999</v>
      </c>
      <c r="N61" s="17">
        <v>21.146850000000001</v>
      </c>
      <c r="O61" s="17">
        <v>18.444579999999998</v>
      </c>
      <c r="P61" s="17">
        <v>15.290609999999999</v>
      </c>
      <c r="Q61" s="17">
        <v>12.069940000000001</v>
      </c>
      <c r="R61" s="17">
        <v>9.0138700000000007</v>
      </c>
      <c r="S61" s="17">
        <v>6.7421300000000004</v>
      </c>
      <c r="T61" s="17">
        <v>4.8550000000000004</v>
      </c>
      <c r="U61" s="17">
        <v>2.9182100000000002</v>
      </c>
      <c r="V61" s="17">
        <v>2.7627299999999999</v>
      </c>
      <c r="W61" s="17">
        <v>2.3501799999999999</v>
      </c>
      <c r="X61" s="17">
        <v>4.1474700000000002</v>
      </c>
      <c r="Y61" s="17">
        <v>0</v>
      </c>
      <c r="Z61" s="17">
        <v>36.407519999999998</v>
      </c>
      <c r="AA61" s="17">
        <v>5.6371500000000001</v>
      </c>
      <c r="AB61" s="17">
        <v>3.5498799999999999</v>
      </c>
      <c r="AC61" s="17">
        <v>2.71278</v>
      </c>
      <c r="AD61" s="17">
        <v>26.78613</v>
      </c>
    </row>
    <row r="62" spans="1:30">
      <c r="A62" s="21" t="s">
        <v>240</v>
      </c>
      <c r="B62" s="21" t="s">
        <v>237</v>
      </c>
      <c r="C62" s="21" t="s">
        <v>265</v>
      </c>
      <c r="D62" s="21" t="s">
        <v>394</v>
      </c>
      <c r="E62" s="21" t="s">
        <v>214</v>
      </c>
      <c r="F62" s="21" t="s">
        <v>467</v>
      </c>
      <c r="G62" s="17">
        <v>56.21219</v>
      </c>
      <c r="H62" s="17">
        <v>0.44612000000000002</v>
      </c>
      <c r="I62" s="17">
        <v>9.45946</v>
      </c>
      <c r="J62" s="17">
        <v>33.77778</v>
      </c>
      <c r="K62" s="17">
        <v>53.991770000000002</v>
      </c>
      <c r="L62" s="17">
        <v>63.179490000000001</v>
      </c>
      <c r="M62" s="17">
        <v>67.542500000000004</v>
      </c>
      <c r="N62" s="17">
        <v>66.041960000000003</v>
      </c>
      <c r="O62" s="17">
        <v>66.716329999999999</v>
      </c>
      <c r="P62" s="17">
        <v>69.269750000000002</v>
      </c>
      <c r="Q62" s="17">
        <v>70.699380000000005</v>
      </c>
      <c r="R62" s="17">
        <v>70.518749999999997</v>
      </c>
      <c r="S62" s="17">
        <v>70.103350000000006</v>
      </c>
      <c r="T62" s="17">
        <v>66.047569999999993</v>
      </c>
      <c r="U62" s="17">
        <v>55.487050000000004</v>
      </c>
      <c r="V62" s="17">
        <v>41.765979999999999</v>
      </c>
      <c r="W62" s="17">
        <v>26.32197</v>
      </c>
      <c r="X62" s="17">
        <v>13.36406</v>
      </c>
      <c r="Y62" s="17">
        <v>0</v>
      </c>
      <c r="Z62" s="17">
        <v>53.568860000000001</v>
      </c>
      <c r="AA62" s="17">
        <v>60.917789999999997</v>
      </c>
      <c r="AB62" s="17">
        <v>52.076680000000003</v>
      </c>
      <c r="AC62" s="17">
        <v>34.723640000000003</v>
      </c>
      <c r="AD62" s="17">
        <v>60.882379999999998</v>
      </c>
    </row>
    <row r="63" spans="1:30">
      <c r="A63" s="21" t="s">
        <v>240</v>
      </c>
      <c r="B63" s="21" t="s">
        <v>237</v>
      </c>
      <c r="C63" s="21" t="s">
        <v>265</v>
      </c>
      <c r="D63" s="21" t="s">
        <v>394</v>
      </c>
      <c r="E63" s="21" t="s">
        <v>214</v>
      </c>
      <c r="F63" s="21" t="s">
        <v>468</v>
      </c>
      <c r="G63" s="17">
        <v>10.03726</v>
      </c>
      <c r="H63" s="17">
        <v>0</v>
      </c>
      <c r="I63" s="17">
        <v>0</v>
      </c>
      <c r="J63" s="17">
        <v>0</v>
      </c>
      <c r="K63" s="17">
        <v>0.16461000000000001</v>
      </c>
      <c r="L63" s="17">
        <v>0.30769000000000002</v>
      </c>
      <c r="M63" s="17">
        <v>0.43276999999999999</v>
      </c>
      <c r="N63" s="17">
        <v>0.95104999999999995</v>
      </c>
      <c r="O63" s="17">
        <v>1.5494600000000001</v>
      </c>
      <c r="P63" s="17">
        <v>2.8315899999999998</v>
      </c>
      <c r="Q63" s="17">
        <v>4.8787399999999996</v>
      </c>
      <c r="R63" s="17">
        <v>8.1407299999999996</v>
      </c>
      <c r="S63" s="17">
        <v>13.065939999999999</v>
      </c>
      <c r="T63" s="17">
        <v>22.97165</v>
      </c>
      <c r="U63" s="17">
        <v>36.621450000000003</v>
      </c>
      <c r="V63" s="17">
        <v>52.166849999999997</v>
      </c>
      <c r="W63" s="17">
        <v>68.625150000000005</v>
      </c>
      <c r="X63" s="17">
        <v>80.184330000000003</v>
      </c>
      <c r="Y63" s="17">
        <v>94.285709999999995</v>
      </c>
      <c r="Z63" s="17">
        <v>1.3043</v>
      </c>
      <c r="AA63" s="17">
        <v>25.58352</v>
      </c>
      <c r="AB63" s="17">
        <v>39.640279999999997</v>
      </c>
      <c r="AC63" s="17">
        <v>59.477789999999999</v>
      </c>
      <c r="AD63" s="17">
        <v>2.3119499999999999</v>
      </c>
    </row>
    <row r="64" spans="1:30">
      <c r="A64" s="21" t="s">
        <v>240</v>
      </c>
      <c r="B64" s="21" t="s">
        <v>237</v>
      </c>
      <c r="C64" s="21" t="s">
        <v>265</v>
      </c>
      <c r="D64" s="21" t="s">
        <v>394</v>
      </c>
      <c r="E64" s="21" t="s">
        <v>214</v>
      </c>
      <c r="F64" s="21" t="s">
        <v>469</v>
      </c>
      <c r="G64" s="17">
        <v>8.4107800000000008</v>
      </c>
      <c r="H64" s="17">
        <v>6.8629999999999997E-2</v>
      </c>
      <c r="I64" s="17">
        <v>0.64864999999999995</v>
      </c>
      <c r="J64" s="17">
        <v>3.3580199999999998</v>
      </c>
      <c r="K64" s="17">
        <v>5.9259300000000001</v>
      </c>
      <c r="L64" s="17">
        <v>8.4444400000000002</v>
      </c>
      <c r="M64" s="17">
        <v>10.602779999999999</v>
      </c>
      <c r="N64" s="17">
        <v>11.860139999999999</v>
      </c>
      <c r="O64" s="17">
        <v>13.289630000000001</v>
      </c>
      <c r="P64" s="17">
        <v>12.60805</v>
      </c>
      <c r="Q64" s="17">
        <v>12.35195</v>
      </c>
      <c r="R64" s="17">
        <v>12.32666</v>
      </c>
      <c r="S64" s="17">
        <v>10.08858</v>
      </c>
      <c r="T64" s="17">
        <v>6.1257700000000002</v>
      </c>
      <c r="U64" s="17">
        <v>4.9732799999999999</v>
      </c>
      <c r="V64" s="17">
        <v>3.30444</v>
      </c>
      <c r="W64" s="17">
        <v>2.7027000000000001</v>
      </c>
      <c r="X64" s="17">
        <v>2.3041499999999999</v>
      </c>
      <c r="Y64" s="17">
        <v>5.7142900000000001</v>
      </c>
      <c r="Z64" s="17">
        <v>8.7193199999999997</v>
      </c>
      <c r="AA64" s="17">
        <v>7.8615399999999998</v>
      </c>
      <c r="AB64" s="17">
        <v>4.7331700000000003</v>
      </c>
      <c r="AC64" s="17">
        <v>3.0857899999999998</v>
      </c>
      <c r="AD64" s="17">
        <v>10.019539999999999</v>
      </c>
    </row>
    <row r="65" spans="1:30">
      <c r="A65" s="21" t="s">
        <v>240</v>
      </c>
      <c r="B65" s="21" t="s">
        <v>237</v>
      </c>
      <c r="C65" s="21" t="s">
        <v>265</v>
      </c>
      <c r="D65" s="21" t="s">
        <v>394</v>
      </c>
      <c r="E65" s="21" t="s">
        <v>215</v>
      </c>
      <c r="F65" s="21" t="s">
        <v>466</v>
      </c>
      <c r="G65" s="17">
        <v>29.705089999999998</v>
      </c>
      <c r="H65" s="17">
        <v>99.678460000000001</v>
      </c>
      <c r="I65" s="17">
        <v>91.622479999999996</v>
      </c>
      <c r="J65" s="17">
        <v>68.123140000000006</v>
      </c>
      <c r="K65" s="17">
        <v>46.34975</v>
      </c>
      <c r="L65" s="17">
        <v>31.660779999999999</v>
      </c>
      <c r="M65" s="17">
        <v>25.326370000000001</v>
      </c>
      <c r="N65" s="17">
        <v>25.014579999999999</v>
      </c>
      <c r="O65" s="17">
        <v>22.819220000000001</v>
      </c>
      <c r="P65" s="17">
        <v>18.147210000000001</v>
      </c>
      <c r="Q65" s="17">
        <v>15.98579</v>
      </c>
      <c r="R65" s="17">
        <v>11.909990000000001</v>
      </c>
      <c r="S65" s="17">
        <v>7.6385199999999998</v>
      </c>
      <c r="T65" s="17">
        <v>3.7180499999999999</v>
      </c>
      <c r="U65" s="17">
        <v>0.84926000000000001</v>
      </c>
      <c r="V65" s="17">
        <v>1.6491800000000001</v>
      </c>
      <c r="W65" s="17">
        <v>0.40322999999999998</v>
      </c>
      <c r="X65" s="17">
        <v>0</v>
      </c>
      <c r="Y65" s="17">
        <v>0</v>
      </c>
      <c r="Z65" s="17">
        <v>41.065390000000001</v>
      </c>
      <c r="AA65" s="17">
        <v>6.2199600000000004</v>
      </c>
      <c r="AB65" s="17">
        <v>2.1356799999999998</v>
      </c>
      <c r="AC65" s="17">
        <v>1.26183</v>
      </c>
      <c r="AD65" s="17">
        <v>31.087900000000001</v>
      </c>
    </row>
    <row r="66" spans="1:30">
      <c r="A66" s="21" t="s">
        <v>240</v>
      </c>
      <c r="B66" s="21" t="s">
        <v>237</v>
      </c>
      <c r="C66" s="21" t="s">
        <v>265</v>
      </c>
      <c r="D66" s="21" t="s">
        <v>394</v>
      </c>
      <c r="E66" s="21" t="s">
        <v>215</v>
      </c>
      <c r="F66" s="21" t="s">
        <v>467</v>
      </c>
      <c r="G66" s="17">
        <v>60.944099999999999</v>
      </c>
      <c r="H66" s="17">
        <v>0.32153999999999999</v>
      </c>
      <c r="I66" s="17">
        <v>8.0593800000000009</v>
      </c>
      <c r="J66" s="17">
        <v>30.287980000000001</v>
      </c>
      <c r="K66" s="17">
        <v>50.084890000000001</v>
      </c>
      <c r="L66" s="17">
        <v>63.038870000000003</v>
      </c>
      <c r="M66" s="17">
        <v>68.668409999999994</v>
      </c>
      <c r="N66" s="17">
        <v>66.822159999999997</v>
      </c>
      <c r="O66" s="17">
        <v>66.940579999999997</v>
      </c>
      <c r="P66" s="17">
        <v>71.637060000000005</v>
      </c>
      <c r="Q66" s="17">
        <v>73.238600000000005</v>
      </c>
      <c r="R66" s="17">
        <v>75.082329999999999</v>
      </c>
      <c r="S66" s="17">
        <v>78.64443</v>
      </c>
      <c r="T66" s="17">
        <v>83.578620000000001</v>
      </c>
      <c r="U66" s="17">
        <v>82.908699999999996</v>
      </c>
      <c r="V66" s="17">
        <v>71.964020000000005</v>
      </c>
      <c r="W66" s="17">
        <v>64.112899999999996</v>
      </c>
      <c r="X66" s="17">
        <v>39.393940000000001</v>
      </c>
      <c r="Y66" s="17">
        <v>0</v>
      </c>
      <c r="Z66" s="17">
        <v>52.783259999999999</v>
      </c>
      <c r="AA66" s="17">
        <v>77.814999999999998</v>
      </c>
      <c r="AB66" s="17">
        <v>78.894469999999998</v>
      </c>
      <c r="AC66" s="17">
        <v>68.55941</v>
      </c>
      <c r="AD66" s="17">
        <v>61.235219999999998</v>
      </c>
    </row>
    <row r="67" spans="1:30">
      <c r="A67" s="21" t="s">
        <v>240</v>
      </c>
      <c r="B67" s="21" t="s">
        <v>237</v>
      </c>
      <c r="C67" s="21" t="s">
        <v>265</v>
      </c>
      <c r="D67" s="21" t="s">
        <v>394</v>
      </c>
      <c r="E67" s="21" t="s">
        <v>215</v>
      </c>
      <c r="F67" s="21" t="s">
        <v>468</v>
      </c>
      <c r="G67" s="17">
        <v>3.5760100000000001</v>
      </c>
      <c r="H67" s="17">
        <v>0</v>
      </c>
      <c r="I67" s="17">
        <v>0</v>
      </c>
      <c r="J67" s="17">
        <v>0</v>
      </c>
      <c r="K67" s="17">
        <v>0</v>
      </c>
      <c r="L67" s="17">
        <v>0.14133999999999999</v>
      </c>
      <c r="M67" s="17">
        <v>0.19581999999999999</v>
      </c>
      <c r="N67" s="17">
        <v>0.29154999999999998</v>
      </c>
      <c r="O67" s="17">
        <v>0.75853000000000004</v>
      </c>
      <c r="P67" s="17">
        <v>0.88832</v>
      </c>
      <c r="Q67" s="17">
        <v>2.0130300000000001</v>
      </c>
      <c r="R67" s="17">
        <v>3.89682</v>
      </c>
      <c r="S67" s="17">
        <v>6.0785400000000003</v>
      </c>
      <c r="T67" s="17">
        <v>8.3656100000000002</v>
      </c>
      <c r="U67" s="17">
        <v>12.6327</v>
      </c>
      <c r="V67" s="17">
        <v>24.43778</v>
      </c>
      <c r="W67" s="17">
        <v>34.677419999999998</v>
      </c>
      <c r="X67" s="17">
        <v>60.606059999999999</v>
      </c>
      <c r="Y67" s="17">
        <v>100</v>
      </c>
      <c r="Z67" s="17">
        <v>0.49324000000000001</v>
      </c>
      <c r="AA67" s="17">
        <v>9.9490200000000009</v>
      </c>
      <c r="AB67" s="17">
        <v>15.67211</v>
      </c>
      <c r="AC67" s="17">
        <v>28.601469999999999</v>
      </c>
      <c r="AD67" s="17">
        <v>0.97516999999999998</v>
      </c>
    </row>
    <row r="68" spans="1:30">
      <c r="A68" s="21" t="s">
        <v>240</v>
      </c>
      <c r="B68" s="21" t="s">
        <v>237</v>
      </c>
      <c r="C68" s="21" t="s">
        <v>265</v>
      </c>
      <c r="D68" s="21" t="s">
        <v>394</v>
      </c>
      <c r="E68" s="21" t="s">
        <v>215</v>
      </c>
      <c r="F68" s="21" t="s">
        <v>469</v>
      </c>
      <c r="G68" s="17">
        <v>5.7747999999999999</v>
      </c>
      <c r="H68" s="17">
        <v>0</v>
      </c>
      <c r="I68" s="17">
        <v>0.31813000000000002</v>
      </c>
      <c r="J68" s="17">
        <v>1.5888800000000001</v>
      </c>
      <c r="K68" s="17">
        <v>3.5653700000000002</v>
      </c>
      <c r="L68" s="17">
        <v>5.1590100000000003</v>
      </c>
      <c r="M68" s="17">
        <v>5.8094000000000001</v>
      </c>
      <c r="N68" s="17">
        <v>7.8717199999999998</v>
      </c>
      <c r="O68" s="17">
        <v>9.4816699999999994</v>
      </c>
      <c r="P68" s="17">
        <v>9.3274100000000004</v>
      </c>
      <c r="Q68" s="17">
        <v>8.7625799999999998</v>
      </c>
      <c r="R68" s="17">
        <v>9.1108700000000002</v>
      </c>
      <c r="S68" s="17">
        <v>7.6385199999999998</v>
      </c>
      <c r="T68" s="17">
        <v>4.33772</v>
      </c>
      <c r="U68" s="17">
        <v>3.60934</v>
      </c>
      <c r="V68" s="17">
        <v>1.94903</v>
      </c>
      <c r="W68" s="17">
        <v>0.80645</v>
      </c>
      <c r="X68" s="17">
        <v>0</v>
      </c>
      <c r="Y68" s="17">
        <v>0</v>
      </c>
      <c r="Z68" s="17">
        <v>5.6581200000000003</v>
      </c>
      <c r="AA68" s="17">
        <v>6.0160200000000001</v>
      </c>
      <c r="AB68" s="17">
        <v>3.2977400000000001</v>
      </c>
      <c r="AC68" s="17">
        <v>1.5772900000000001</v>
      </c>
      <c r="AD68" s="17">
        <v>6.7017100000000003</v>
      </c>
    </row>
    <row r="69" spans="1:30">
      <c r="A69" s="21" t="s">
        <v>240</v>
      </c>
      <c r="B69" s="21" t="s">
        <v>237</v>
      </c>
      <c r="C69" s="21" t="s">
        <v>265</v>
      </c>
      <c r="D69" s="21" t="s">
        <v>394</v>
      </c>
      <c r="E69" s="21" t="s">
        <v>216</v>
      </c>
      <c r="F69" s="21" t="s">
        <v>466</v>
      </c>
      <c r="G69" s="17">
        <v>21.597519999999999</v>
      </c>
      <c r="H69" s="17">
        <v>99.264160000000004</v>
      </c>
      <c r="I69" s="17">
        <v>88.092609999999993</v>
      </c>
      <c r="J69" s="17">
        <v>57.662080000000003</v>
      </c>
      <c r="K69" s="17">
        <v>33.865810000000003</v>
      </c>
      <c r="L69" s="17">
        <v>24.701989999999999</v>
      </c>
      <c r="M69" s="17">
        <v>17.909569999999999</v>
      </c>
      <c r="N69" s="17">
        <v>17.580649999999999</v>
      </c>
      <c r="O69" s="17">
        <v>14.5434</v>
      </c>
      <c r="P69" s="17">
        <v>12.759980000000001</v>
      </c>
      <c r="Q69" s="17">
        <v>8.5083500000000001</v>
      </c>
      <c r="R69" s="17">
        <v>6.4671799999999999</v>
      </c>
      <c r="S69" s="17">
        <v>5.9863900000000001</v>
      </c>
      <c r="T69" s="17">
        <v>5.6805399999999997</v>
      </c>
      <c r="U69" s="17">
        <v>4.2253499999999997</v>
      </c>
      <c r="V69" s="17">
        <v>3.3927100000000001</v>
      </c>
      <c r="W69" s="17">
        <v>3.1509100000000001</v>
      </c>
      <c r="X69" s="17">
        <v>4.8913000000000002</v>
      </c>
      <c r="Y69" s="17">
        <v>0</v>
      </c>
      <c r="Z69" s="17">
        <v>32.006129999999999</v>
      </c>
      <c r="AA69" s="17">
        <v>5.2179399999999996</v>
      </c>
      <c r="AB69" s="17">
        <v>4.4047799999999997</v>
      </c>
      <c r="AC69" s="17">
        <v>3.4034</v>
      </c>
      <c r="AD69" s="17">
        <v>22.832439999999998</v>
      </c>
    </row>
    <row r="70" spans="1:30">
      <c r="A70" s="21" t="s">
        <v>240</v>
      </c>
      <c r="B70" s="21" t="s">
        <v>237</v>
      </c>
      <c r="C70" s="21" t="s">
        <v>265</v>
      </c>
      <c r="D70" s="21" t="s">
        <v>394</v>
      </c>
      <c r="E70" s="21" t="s">
        <v>216</v>
      </c>
      <c r="F70" s="21" t="s">
        <v>467</v>
      </c>
      <c r="G70" s="17">
        <v>52.155679999999997</v>
      </c>
      <c r="H70" s="17">
        <v>0.58867000000000003</v>
      </c>
      <c r="I70" s="17">
        <v>10.915100000000001</v>
      </c>
      <c r="J70" s="17">
        <v>37.229860000000002</v>
      </c>
      <c r="K70" s="17">
        <v>57.667729999999999</v>
      </c>
      <c r="L70" s="17">
        <v>63.311259999999997</v>
      </c>
      <c r="M70" s="17">
        <v>66.529650000000004</v>
      </c>
      <c r="N70" s="17">
        <v>65.322580000000002</v>
      </c>
      <c r="O70" s="17">
        <v>66.516350000000003</v>
      </c>
      <c r="P70" s="17">
        <v>67.172569999999993</v>
      </c>
      <c r="Q70" s="17">
        <v>68.389880000000005</v>
      </c>
      <c r="R70" s="17">
        <v>66.505790000000005</v>
      </c>
      <c r="S70" s="17">
        <v>62.90249</v>
      </c>
      <c r="T70" s="17">
        <v>53.318339999999999</v>
      </c>
      <c r="U70" s="17">
        <v>38.162309999999998</v>
      </c>
      <c r="V70" s="17">
        <v>24.681930000000001</v>
      </c>
      <c r="W70" s="17">
        <v>10.779439999999999</v>
      </c>
      <c r="X70" s="17">
        <v>8.6956500000000005</v>
      </c>
      <c r="Y70" s="17">
        <v>0</v>
      </c>
      <c r="Z70" s="17">
        <v>54.311210000000003</v>
      </c>
      <c r="AA70" s="17">
        <v>48.763620000000003</v>
      </c>
      <c r="AB70" s="17">
        <v>35.864820000000002</v>
      </c>
      <c r="AC70" s="17">
        <v>18.61862</v>
      </c>
      <c r="AD70" s="17">
        <v>60.558100000000003</v>
      </c>
    </row>
    <row r="71" spans="1:30">
      <c r="A71" s="21" t="s">
        <v>240</v>
      </c>
      <c r="B71" s="21" t="s">
        <v>237</v>
      </c>
      <c r="C71" s="21" t="s">
        <v>265</v>
      </c>
      <c r="D71" s="21" t="s">
        <v>394</v>
      </c>
      <c r="E71" s="21" t="s">
        <v>216</v>
      </c>
      <c r="F71" s="21" t="s">
        <v>468</v>
      </c>
      <c r="G71" s="17">
        <v>15.576269999999999</v>
      </c>
      <c r="H71" s="17">
        <v>0</v>
      </c>
      <c r="I71" s="17">
        <v>0</v>
      </c>
      <c r="J71" s="17">
        <v>0</v>
      </c>
      <c r="K71" s="17">
        <v>0.31949</v>
      </c>
      <c r="L71" s="17">
        <v>0.46357999999999999</v>
      </c>
      <c r="M71" s="17">
        <v>0.64592000000000005</v>
      </c>
      <c r="N71" s="17">
        <v>1.55914</v>
      </c>
      <c r="O71" s="17">
        <v>2.2547899999999998</v>
      </c>
      <c r="P71" s="17">
        <v>4.5531199999999998</v>
      </c>
      <c r="Q71" s="17">
        <v>7.4851900000000002</v>
      </c>
      <c r="R71" s="17">
        <v>11.872590000000001</v>
      </c>
      <c r="S71" s="17">
        <v>18.95692</v>
      </c>
      <c r="T71" s="17">
        <v>33.57705</v>
      </c>
      <c r="U71" s="17">
        <v>51.777329999999999</v>
      </c>
      <c r="V71" s="17">
        <v>67.854110000000006</v>
      </c>
      <c r="W71" s="17">
        <v>82.587059999999994</v>
      </c>
      <c r="X71" s="17">
        <v>83.695650000000001</v>
      </c>
      <c r="Y71" s="17">
        <v>93.75</v>
      </c>
      <c r="Z71" s="17">
        <v>2.0707100000000001</v>
      </c>
      <c r="AA71" s="17">
        <v>36.829419999999999</v>
      </c>
      <c r="AB71" s="17">
        <v>54.129489999999997</v>
      </c>
      <c r="AC71" s="17">
        <v>74.174170000000004</v>
      </c>
      <c r="AD71" s="17">
        <v>3.5405500000000001</v>
      </c>
    </row>
    <row r="72" spans="1:30">
      <c r="A72" s="21" t="s">
        <v>240</v>
      </c>
      <c r="B72" s="21" t="s">
        <v>237</v>
      </c>
      <c r="C72" s="21" t="s">
        <v>265</v>
      </c>
      <c r="D72" s="21" t="s">
        <v>394</v>
      </c>
      <c r="E72" s="21" t="s">
        <v>216</v>
      </c>
      <c r="F72" s="21" t="s">
        <v>469</v>
      </c>
      <c r="G72" s="17">
        <v>10.67052</v>
      </c>
      <c r="H72" s="17">
        <v>0.14717</v>
      </c>
      <c r="I72" s="17">
        <v>0.99228000000000005</v>
      </c>
      <c r="J72" s="17">
        <v>5.10806</v>
      </c>
      <c r="K72" s="17">
        <v>8.14696</v>
      </c>
      <c r="L72" s="17">
        <v>11.52318</v>
      </c>
      <c r="M72" s="17">
        <v>14.914859999999999</v>
      </c>
      <c r="N72" s="17">
        <v>15.53763</v>
      </c>
      <c r="O72" s="17">
        <v>16.685459999999999</v>
      </c>
      <c r="P72" s="17">
        <v>15.514329999999999</v>
      </c>
      <c r="Q72" s="17">
        <v>15.61659</v>
      </c>
      <c r="R72" s="17">
        <v>15.154439999999999</v>
      </c>
      <c r="S72" s="17">
        <v>12.154199999999999</v>
      </c>
      <c r="T72" s="17">
        <v>7.4240700000000004</v>
      </c>
      <c r="U72" s="17">
        <v>5.8350099999999996</v>
      </c>
      <c r="V72" s="17">
        <v>4.07125</v>
      </c>
      <c r="W72" s="17">
        <v>3.4825900000000001</v>
      </c>
      <c r="X72" s="17">
        <v>2.71739</v>
      </c>
      <c r="Y72" s="17">
        <v>6.25</v>
      </c>
      <c r="Z72" s="17">
        <v>11.61196</v>
      </c>
      <c r="AA72" s="17">
        <v>9.1890199999999993</v>
      </c>
      <c r="AB72" s="17">
        <v>5.6009099999999998</v>
      </c>
      <c r="AC72" s="17">
        <v>3.8037999999999998</v>
      </c>
      <c r="AD72" s="17">
        <v>13.068899999999999</v>
      </c>
    </row>
    <row r="73" spans="1:30">
      <c r="A73" s="21" t="s">
        <v>240</v>
      </c>
      <c r="B73" s="21" t="s">
        <v>237</v>
      </c>
      <c r="C73" s="21" t="s">
        <v>265</v>
      </c>
      <c r="D73" s="21" t="s">
        <v>395</v>
      </c>
      <c r="E73" s="21" t="s">
        <v>214</v>
      </c>
      <c r="F73" s="21" t="s">
        <v>466</v>
      </c>
      <c r="G73" s="17">
        <v>25.16591</v>
      </c>
      <c r="H73" s="17">
        <v>99.482219999999998</v>
      </c>
      <c r="I73" s="17">
        <v>89.585669999999993</v>
      </c>
      <c r="J73" s="17">
        <v>62.178829999999998</v>
      </c>
      <c r="K73" s="17">
        <v>39.89002</v>
      </c>
      <c r="L73" s="17">
        <v>28.338539999999998</v>
      </c>
      <c r="M73" s="17">
        <v>21.555759999999999</v>
      </c>
      <c r="N73" s="17">
        <v>21.269390000000001</v>
      </c>
      <c r="O73" s="17">
        <v>18.642530000000001</v>
      </c>
      <c r="P73" s="17">
        <v>15.36388</v>
      </c>
      <c r="Q73" s="17">
        <v>12.04411</v>
      </c>
      <c r="R73" s="17">
        <v>9.00901</v>
      </c>
      <c r="S73" s="17">
        <v>6.7504299999999997</v>
      </c>
      <c r="T73" s="17">
        <v>4.8255600000000003</v>
      </c>
      <c r="U73" s="17">
        <v>2.9194100000000001</v>
      </c>
      <c r="V73" s="17">
        <v>2.76423</v>
      </c>
      <c r="W73" s="17">
        <v>2.3501799999999999</v>
      </c>
      <c r="X73" s="17">
        <v>4.1474700000000002</v>
      </c>
      <c r="Y73" s="17">
        <v>0</v>
      </c>
      <c r="Z73" s="17">
        <v>36.278759999999998</v>
      </c>
      <c r="AA73" s="17">
        <v>5.6311400000000003</v>
      </c>
      <c r="AB73" s="17">
        <v>3.53972</v>
      </c>
      <c r="AC73" s="17">
        <v>2.7136999999999998</v>
      </c>
      <c r="AD73" s="17">
        <v>26.579640000000001</v>
      </c>
    </row>
    <row r="74" spans="1:30">
      <c r="A74" s="21" t="s">
        <v>240</v>
      </c>
      <c r="B74" s="21" t="s">
        <v>237</v>
      </c>
      <c r="C74" s="21" t="s">
        <v>265</v>
      </c>
      <c r="D74" s="21" t="s">
        <v>395</v>
      </c>
      <c r="E74" s="21" t="s">
        <v>214</v>
      </c>
      <c r="F74" s="21" t="s">
        <v>467</v>
      </c>
      <c r="G74" s="17">
        <v>56.318019999999997</v>
      </c>
      <c r="H74" s="17">
        <v>0.44874000000000003</v>
      </c>
      <c r="I74" s="17">
        <v>9.7424400000000002</v>
      </c>
      <c r="J74" s="17">
        <v>34.378210000000003</v>
      </c>
      <c r="K74" s="17">
        <v>53.934010000000001</v>
      </c>
      <c r="L74" s="17">
        <v>62.989939999999997</v>
      </c>
      <c r="M74" s="17">
        <v>67.510149999999996</v>
      </c>
      <c r="N74" s="17">
        <v>66.036670000000001</v>
      </c>
      <c r="O74" s="17">
        <v>66.666669999999996</v>
      </c>
      <c r="P74" s="17">
        <v>69.272239999999996</v>
      </c>
      <c r="Q74" s="17">
        <v>70.709639999999993</v>
      </c>
      <c r="R74" s="17">
        <v>70.527670000000001</v>
      </c>
      <c r="S74" s="17">
        <v>70.115790000000004</v>
      </c>
      <c r="T74" s="17">
        <v>66.058040000000005</v>
      </c>
      <c r="U74" s="17">
        <v>55.46875</v>
      </c>
      <c r="V74" s="17">
        <v>41.788620000000002</v>
      </c>
      <c r="W74" s="17">
        <v>26.32197</v>
      </c>
      <c r="X74" s="17">
        <v>13.36406</v>
      </c>
      <c r="Y74" s="17">
        <v>0</v>
      </c>
      <c r="Z74" s="17">
        <v>53.701450000000001</v>
      </c>
      <c r="AA74" s="17">
        <v>60.917580000000001</v>
      </c>
      <c r="AB74" s="17">
        <v>52.077660000000002</v>
      </c>
      <c r="AC74" s="17">
        <v>34.735410000000002</v>
      </c>
      <c r="AD74" s="17">
        <v>61.071779999999997</v>
      </c>
    </row>
    <row r="75" spans="1:30">
      <c r="A75" s="21" t="s">
        <v>240</v>
      </c>
      <c r="B75" s="21" t="s">
        <v>237</v>
      </c>
      <c r="C75" s="21" t="s">
        <v>265</v>
      </c>
      <c r="D75" s="21" t="s">
        <v>395</v>
      </c>
      <c r="E75" s="21" t="s">
        <v>214</v>
      </c>
      <c r="F75" s="21" t="s">
        <v>468</v>
      </c>
      <c r="G75" s="17">
        <v>10.1053</v>
      </c>
      <c r="H75" s="17">
        <v>0</v>
      </c>
      <c r="I75" s="17">
        <v>0</v>
      </c>
      <c r="J75" s="17">
        <v>0</v>
      </c>
      <c r="K75" s="17">
        <v>0.12690000000000001</v>
      </c>
      <c r="L75" s="17">
        <v>0.27749000000000001</v>
      </c>
      <c r="M75" s="17">
        <v>0.40611999999999998</v>
      </c>
      <c r="N75" s="17">
        <v>0.90268000000000004</v>
      </c>
      <c r="O75" s="17">
        <v>1.5384599999999999</v>
      </c>
      <c r="P75" s="17">
        <v>2.7852700000000001</v>
      </c>
      <c r="Q75" s="17">
        <v>4.8911499999999997</v>
      </c>
      <c r="R75" s="17">
        <v>8.1081099999999999</v>
      </c>
      <c r="S75" s="17">
        <v>13.082039999999999</v>
      </c>
      <c r="T75" s="17">
        <v>22.986630000000002</v>
      </c>
      <c r="U75" s="17">
        <v>36.636510000000001</v>
      </c>
      <c r="V75" s="17">
        <v>52.140920000000001</v>
      </c>
      <c r="W75" s="17">
        <v>68.625150000000005</v>
      </c>
      <c r="X75" s="17">
        <v>80.184330000000003</v>
      </c>
      <c r="Y75" s="17">
        <v>94.285709999999995</v>
      </c>
      <c r="Z75" s="17">
        <v>1.2945500000000001</v>
      </c>
      <c r="AA75" s="17">
        <v>25.593309999999999</v>
      </c>
      <c r="AB75" s="17">
        <v>39.647210000000001</v>
      </c>
      <c r="AC75" s="17">
        <v>59.464039999999997</v>
      </c>
      <c r="AD75" s="17">
        <v>2.3086500000000001</v>
      </c>
    </row>
    <row r="76" spans="1:30">
      <c r="A76" s="21" t="s">
        <v>240</v>
      </c>
      <c r="B76" s="21" t="s">
        <v>237</v>
      </c>
      <c r="C76" s="21" t="s">
        <v>265</v>
      </c>
      <c r="D76" s="21" t="s">
        <v>395</v>
      </c>
      <c r="E76" s="21" t="s">
        <v>214</v>
      </c>
      <c r="F76" s="21" t="s">
        <v>469</v>
      </c>
      <c r="G76" s="17">
        <v>8.4107599999999998</v>
      </c>
      <c r="H76" s="17">
        <v>6.9040000000000004E-2</v>
      </c>
      <c r="I76" s="17">
        <v>0.67188999999999999</v>
      </c>
      <c r="J76" s="17">
        <v>3.4429599999999998</v>
      </c>
      <c r="K76" s="17">
        <v>6.0490700000000004</v>
      </c>
      <c r="L76" s="17">
        <v>8.3940300000000008</v>
      </c>
      <c r="M76" s="17">
        <v>10.52796</v>
      </c>
      <c r="N76" s="17">
        <v>11.791259999999999</v>
      </c>
      <c r="O76" s="17">
        <v>13.152340000000001</v>
      </c>
      <c r="P76" s="17">
        <v>12.578620000000001</v>
      </c>
      <c r="Q76" s="17">
        <v>12.3551</v>
      </c>
      <c r="R76" s="17">
        <v>12.35521</v>
      </c>
      <c r="S76" s="17">
        <v>10.051740000000001</v>
      </c>
      <c r="T76" s="17">
        <v>6.1297699999999997</v>
      </c>
      <c r="U76" s="17">
        <v>4.9753299999999996</v>
      </c>
      <c r="V76" s="17">
        <v>3.3062299999999998</v>
      </c>
      <c r="W76" s="17">
        <v>2.7027000000000001</v>
      </c>
      <c r="X76" s="17">
        <v>2.3041499999999999</v>
      </c>
      <c r="Y76" s="17">
        <v>5.7142900000000001</v>
      </c>
      <c r="Z76" s="17">
        <v>8.7252299999999998</v>
      </c>
      <c r="AA76" s="17">
        <v>7.8579699999999999</v>
      </c>
      <c r="AB76" s="17">
        <v>4.7354099999999999</v>
      </c>
      <c r="AC76" s="17">
        <v>3.08684</v>
      </c>
      <c r="AD76" s="17">
        <v>10.03993</v>
      </c>
    </row>
    <row r="77" spans="1:30">
      <c r="A77" s="21" t="s">
        <v>240</v>
      </c>
      <c r="B77" s="21" t="s">
        <v>237</v>
      </c>
      <c r="C77" s="21" t="s">
        <v>265</v>
      </c>
      <c r="D77" s="21" t="s">
        <v>395</v>
      </c>
      <c r="E77" s="21" t="s">
        <v>215</v>
      </c>
      <c r="F77" s="21" t="s">
        <v>466</v>
      </c>
      <c r="G77" s="17">
        <v>29.437370000000001</v>
      </c>
      <c r="H77" s="17">
        <v>99.676169999999999</v>
      </c>
      <c r="I77" s="17">
        <v>91.270719999999997</v>
      </c>
      <c r="J77" s="17">
        <v>67.531120000000001</v>
      </c>
      <c r="K77" s="17">
        <v>46.214100000000002</v>
      </c>
      <c r="L77" s="17">
        <v>31.81495</v>
      </c>
      <c r="M77" s="17">
        <v>25.393699999999999</v>
      </c>
      <c r="N77" s="17">
        <v>25.043780000000002</v>
      </c>
      <c r="O77" s="17">
        <v>22.848099999999999</v>
      </c>
      <c r="P77" s="17">
        <v>18.147210000000001</v>
      </c>
      <c r="Q77" s="17">
        <v>16.014230000000001</v>
      </c>
      <c r="R77" s="17">
        <v>11.93619</v>
      </c>
      <c r="S77" s="17">
        <v>7.6508599999999998</v>
      </c>
      <c r="T77" s="17">
        <v>3.6434099999999998</v>
      </c>
      <c r="U77" s="17">
        <v>0.85016000000000003</v>
      </c>
      <c r="V77" s="17">
        <v>1.6491800000000001</v>
      </c>
      <c r="W77" s="17">
        <v>0.40322999999999998</v>
      </c>
      <c r="X77" s="17">
        <v>0</v>
      </c>
      <c r="Y77" s="17">
        <v>0</v>
      </c>
      <c r="Z77" s="17">
        <v>40.77317</v>
      </c>
      <c r="AA77" s="17">
        <v>6.2135400000000001</v>
      </c>
      <c r="AB77" s="17">
        <v>2.1055899999999999</v>
      </c>
      <c r="AC77" s="17">
        <v>1.26183</v>
      </c>
      <c r="AD77" s="17">
        <v>30.76117</v>
      </c>
    </row>
    <row r="78" spans="1:30">
      <c r="A78" s="21" t="s">
        <v>240</v>
      </c>
      <c r="B78" s="21" t="s">
        <v>237</v>
      </c>
      <c r="C78" s="21" t="s">
        <v>265</v>
      </c>
      <c r="D78" s="21" t="s">
        <v>395</v>
      </c>
      <c r="E78" s="21" t="s">
        <v>215</v>
      </c>
      <c r="F78" s="21" t="s">
        <v>467</v>
      </c>
      <c r="G78" s="17">
        <v>61.156829999999999</v>
      </c>
      <c r="H78" s="17">
        <v>0.32383000000000001</v>
      </c>
      <c r="I78" s="17">
        <v>8.3977900000000005</v>
      </c>
      <c r="J78" s="17">
        <v>30.80913</v>
      </c>
      <c r="K78" s="17">
        <v>50.130549999999999</v>
      </c>
      <c r="L78" s="17">
        <v>62.846980000000002</v>
      </c>
      <c r="M78" s="17">
        <v>68.569550000000007</v>
      </c>
      <c r="N78" s="17">
        <v>66.841800000000006</v>
      </c>
      <c r="O78" s="17">
        <v>66.89873</v>
      </c>
      <c r="P78" s="17">
        <v>71.637060000000005</v>
      </c>
      <c r="Q78" s="17">
        <v>73.190979999999996</v>
      </c>
      <c r="R78" s="17">
        <v>75.082509999999999</v>
      </c>
      <c r="S78" s="17">
        <v>78.663790000000006</v>
      </c>
      <c r="T78" s="17">
        <v>83.643410000000003</v>
      </c>
      <c r="U78" s="17">
        <v>82.890540000000001</v>
      </c>
      <c r="V78" s="17">
        <v>71.964020000000005</v>
      </c>
      <c r="W78" s="17">
        <v>64.112899999999996</v>
      </c>
      <c r="X78" s="17">
        <v>39.393940000000001</v>
      </c>
      <c r="Y78" s="17">
        <v>0</v>
      </c>
      <c r="Z78" s="17">
        <v>53.018650000000001</v>
      </c>
      <c r="AA78" s="17">
        <v>77.829639999999998</v>
      </c>
      <c r="AB78" s="17">
        <v>78.912629999999993</v>
      </c>
      <c r="AC78" s="17">
        <v>68.55941</v>
      </c>
      <c r="AD78" s="17">
        <v>61.501399999999997</v>
      </c>
    </row>
    <row r="79" spans="1:30">
      <c r="A79" s="21" t="s">
        <v>240</v>
      </c>
      <c r="B79" s="21" t="s">
        <v>237</v>
      </c>
      <c r="C79" s="21" t="s">
        <v>265</v>
      </c>
      <c r="D79" s="21" t="s">
        <v>395</v>
      </c>
      <c r="E79" s="21" t="s">
        <v>215</v>
      </c>
      <c r="F79" s="21" t="s">
        <v>468</v>
      </c>
      <c r="G79" s="17">
        <v>3.5977399999999999</v>
      </c>
      <c r="H79" s="17">
        <v>0</v>
      </c>
      <c r="I79" s="17">
        <v>0</v>
      </c>
      <c r="J79" s="17">
        <v>0</v>
      </c>
      <c r="K79" s="17">
        <v>0</v>
      </c>
      <c r="L79" s="17">
        <v>0.14235</v>
      </c>
      <c r="M79" s="17">
        <v>0.19685</v>
      </c>
      <c r="N79" s="17">
        <v>0.29188999999999998</v>
      </c>
      <c r="O79" s="17">
        <v>0.75949</v>
      </c>
      <c r="P79" s="17">
        <v>0.88832</v>
      </c>
      <c r="Q79" s="17">
        <v>2.01661</v>
      </c>
      <c r="R79" s="17">
        <v>3.85039</v>
      </c>
      <c r="S79" s="17">
        <v>6.0883599999999998</v>
      </c>
      <c r="T79" s="17">
        <v>8.37209</v>
      </c>
      <c r="U79" s="17">
        <v>12.64612</v>
      </c>
      <c r="V79" s="17">
        <v>24.43778</v>
      </c>
      <c r="W79" s="17">
        <v>34.677419999999998</v>
      </c>
      <c r="X79" s="17">
        <v>60.606059999999999</v>
      </c>
      <c r="Y79" s="17">
        <v>100</v>
      </c>
      <c r="Z79" s="17">
        <v>0.49836000000000003</v>
      </c>
      <c r="AA79" s="17">
        <v>9.9474900000000002</v>
      </c>
      <c r="AB79" s="17">
        <v>15.68196</v>
      </c>
      <c r="AC79" s="17">
        <v>28.601469999999999</v>
      </c>
      <c r="AD79" s="17">
        <v>0.97765000000000002</v>
      </c>
    </row>
    <row r="80" spans="1:30">
      <c r="A80" s="21" t="s">
        <v>240</v>
      </c>
      <c r="B80" s="21" t="s">
        <v>237</v>
      </c>
      <c r="C80" s="21" t="s">
        <v>265</v>
      </c>
      <c r="D80" s="21" t="s">
        <v>395</v>
      </c>
      <c r="E80" s="21" t="s">
        <v>215</v>
      </c>
      <c r="F80" s="21" t="s">
        <v>469</v>
      </c>
      <c r="G80" s="17">
        <v>5.8080600000000002</v>
      </c>
      <c r="H80" s="17">
        <v>0</v>
      </c>
      <c r="I80" s="17">
        <v>0.33149000000000001</v>
      </c>
      <c r="J80" s="17">
        <v>1.6597500000000001</v>
      </c>
      <c r="K80" s="17">
        <v>3.6553499999999999</v>
      </c>
      <c r="L80" s="17">
        <v>5.1957300000000002</v>
      </c>
      <c r="M80" s="17">
        <v>5.8399000000000001</v>
      </c>
      <c r="N80" s="17">
        <v>7.8225300000000004</v>
      </c>
      <c r="O80" s="17">
        <v>9.4936699999999998</v>
      </c>
      <c r="P80" s="17">
        <v>9.3274100000000004</v>
      </c>
      <c r="Q80" s="17">
        <v>8.7781699999999994</v>
      </c>
      <c r="R80" s="17">
        <v>9.1309100000000001</v>
      </c>
      <c r="S80" s="17">
        <v>7.5969800000000003</v>
      </c>
      <c r="T80" s="17">
        <v>4.3410900000000003</v>
      </c>
      <c r="U80" s="17">
        <v>3.6131799999999998</v>
      </c>
      <c r="V80" s="17">
        <v>1.94903</v>
      </c>
      <c r="W80" s="17">
        <v>0.80645</v>
      </c>
      <c r="X80" s="17">
        <v>0</v>
      </c>
      <c r="Y80" s="17">
        <v>0</v>
      </c>
      <c r="Z80" s="17">
        <v>5.7098100000000001</v>
      </c>
      <c r="AA80" s="17">
        <v>6.0093300000000003</v>
      </c>
      <c r="AB80" s="17">
        <v>3.2998099999999999</v>
      </c>
      <c r="AC80" s="17">
        <v>1.5772900000000001</v>
      </c>
      <c r="AD80" s="17">
        <v>6.7597800000000001</v>
      </c>
    </row>
    <row r="81" spans="1:30">
      <c r="A81" s="21" t="s">
        <v>240</v>
      </c>
      <c r="B81" s="21" t="s">
        <v>237</v>
      </c>
      <c r="C81" s="21" t="s">
        <v>265</v>
      </c>
      <c r="D81" s="21" t="s">
        <v>395</v>
      </c>
      <c r="E81" s="21" t="s">
        <v>216</v>
      </c>
      <c r="F81" s="21" t="s">
        <v>466</v>
      </c>
      <c r="G81" s="17">
        <v>21.492059999999999</v>
      </c>
      <c r="H81" s="17">
        <v>99.260900000000007</v>
      </c>
      <c r="I81" s="17">
        <v>87.854709999999997</v>
      </c>
      <c r="J81" s="17">
        <v>56.924639999999997</v>
      </c>
      <c r="K81" s="17">
        <v>33.909469999999999</v>
      </c>
      <c r="L81" s="17">
        <v>25.033829999999998</v>
      </c>
      <c r="M81" s="17">
        <v>18.067979999999999</v>
      </c>
      <c r="N81" s="17">
        <v>17.740169999999999</v>
      </c>
      <c r="O81" s="17">
        <v>14.81268</v>
      </c>
      <c r="P81" s="17">
        <v>12.875780000000001</v>
      </c>
      <c r="Q81" s="17">
        <v>8.42788</v>
      </c>
      <c r="R81" s="17">
        <v>6.43445</v>
      </c>
      <c r="S81" s="17">
        <v>5.9918300000000002</v>
      </c>
      <c r="T81" s="17">
        <v>5.6837400000000002</v>
      </c>
      <c r="U81" s="17">
        <v>4.2253499999999997</v>
      </c>
      <c r="V81" s="17">
        <v>3.3955899999999999</v>
      </c>
      <c r="W81" s="17">
        <v>3.1509100000000001</v>
      </c>
      <c r="X81" s="17">
        <v>4.8913000000000002</v>
      </c>
      <c r="Y81" s="17">
        <v>0</v>
      </c>
      <c r="Z81" s="17">
        <v>32.003790000000002</v>
      </c>
      <c r="AA81" s="17">
        <v>5.2123799999999996</v>
      </c>
      <c r="AB81" s="17">
        <v>4.40646</v>
      </c>
      <c r="AC81" s="17">
        <v>3.4051100000000001</v>
      </c>
      <c r="AD81" s="17">
        <v>22.71171</v>
      </c>
    </row>
    <row r="82" spans="1:30">
      <c r="A82" s="21" t="s">
        <v>240</v>
      </c>
      <c r="B82" s="21" t="s">
        <v>237</v>
      </c>
      <c r="C82" s="21" t="s">
        <v>265</v>
      </c>
      <c r="D82" s="21" t="s">
        <v>395</v>
      </c>
      <c r="E82" s="21" t="s">
        <v>216</v>
      </c>
      <c r="F82" s="21" t="s">
        <v>467</v>
      </c>
      <c r="G82" s="17">
        <v>52.156199999999998</v>
      </c>
      <c r="H82" s="17">
        <v>0.59128000000000003</v>
      </c>
      <c r="I82" s="17">
        <v>11.12372</v>
      </c>
      <c r="J82" s="17">
        <v>37.881869999999999</v>
      </c>
      <c r="K82" s="17">
        <v>57.530859999999997</v>
      </c>
      <c r="L82" s="17">
        <v>63.12585</v>
      </c>
      <c r="M82" s="17">
        <v>66.547409999999999</v>
      </c>
      <c r="N82" s="17">
        <v>65.283839999999998</v>
      </c>
      <c r="O82" s="17">
        <v>66.455330000000004</v>
      </c>
      <c r="P82" s="17">
        <v>67.158249999999995</v>
      </c>
      <c r="Q82" s="17">
        <v>68.449489999999997</v>
      </c>
      <c r="R82" s="17">
        <v>66.521529999999998</v>
      </c>
      <c r="S82" s="17">
        <v>62.914209999999997</v>
      </c>
      <c r="T82" s="17">
        <v>53.292070000000002</v>
      </c>
      <c r="U82" s="17">
        <v>38.162309999999998</v>
      </c>
      <c r="V82" s="17">
        <v>24.70289</v>
      </c>
      <c r="W82" s="17">
        <v>10.779439999999999</v>
      </c>
      <c r="X82" s="17">
        <v>8.6956500000000005</v>
      </c>
      <c r="Y82" s="17">
        <v>0</v>
      </c>
      <c r="Z82" s="17">
        <v>54.350920000000002</v>
      </c>
      <c r="AA82" s="17">
        <v>48.757210000000001</v>
      </c>
      <c r="AB82" s="17">
        <v>35.859450000000002</v>
      </c>
      <c r="AC82" s="17">
        <v>18.627939999999999</v>
      </c>
      <c r="AD82" s="17">
        <v>60.674379999999999</v>
      </c>
    </row>
    <row r="83" spans="1:30">
      <c r="A83" s="21" t="s">
        <v>240</v>
      </c>
      <c r="B83" s="21" t="s">
        <v>237</v>
      </c>
      <c r="C83" s="21" t="s">
        <v>265</v>
      </c>
      <c r="D83" s="21" t="s">
        <v>395</v>
      </c>
      <c r="E83" s="21" t="s">
        <v>216</v>
      </c>
      <c r="F83" s="21" t="s">
        <v>468</v>
      </c>
      <c r="G83" s="17">
        <v>15.70241</v>
      </c>
      <c r="H83" s="17">
        <v>0</v>
      </c>
      <c r="I83" s="17">
        <v>0</v>
      </c>
      <c r="J83" s="17">
        <v>0</v>
      </c>
      <c r="K83" s="17">
        <v>0.24690999999999999</v>
      </c>
      <c r="L83" s="17">
        <v>0.40594999999999998</v>
      </c>
      <c r="M83" s="17">
        <v>0.59630000000000005</v>
      </c>
      <c r="N83" s="17">
        <v>1.4738</v>
      </c>
      <c r="O83" s="17">
        <v>2.2478400000000001</v>
      </c>
      <c r="P83" s="17">
        <v>4.4809999999999999</v>
      </c>
      <c r="Q83" s="17">
        <v>7.5094500000000002</v>
      </c>
      <c r="R83" s="17">
        <v>11.852930000000001</v>
      </c>
      <c r="S83" s="17">
        <v>18.974129999999999</v>
      </c>
      <c r="T83" s="17">
        <v>33.595950000000002</v>
      </c>
      <c r="U83" s="17">
        <v>51.777329999999999</v>
      </c>
      <c r="V83" s="17">
        <v>67.826830000000001</v>
      </c>
      <c r="W83" s="17">
        <v>82.587059999999994</v>
      </c>
      <c r="X83" s="17">
        <v>83.695650000000001</v>
      </c>
      <c r="Y83" s="17">
        <v>93.75</v>
      </c>
      <c r="Z83" s="17">
        <v>2.0518700000000001</v>
      </c>
      <c r="AA83" s="17">
        <v>36.843209999999999</v>
      </c>
      <c r="AB83" s="17">
        <v>54.131050000000002</v>
      </c>
      <c r="AC83" s="17">
        <v>74.161240000000006</v>
      </c>
      <c r="AD83" s="17">
        <v>3.5398200000000002</v>
      </c>
    </row>
    <row r="84" spans="1:30">
      <c r="A84" s="21" t="s">
        <v>240</v>
      </c>
      <c r="B84" s="21" t="s">
        <v>237</v>
      </c>
      <c r="C84" s="21" t="s">
        <v>265</v>
      </c>
      <c r="D84" s="21" t="s">
        <v>395</v>
      </c>
      <c r="E84" s="21" t="s">
        <v>216</v>
      </c>
      <c r="F84" s="21" t="s">
        <v>469</v>
      </c>
      <c r="G84" s="17">
        <v>10.649330000000001</v>
      </c>
      <c r="H84" s="17">
        <v>0.14782000000000001</v>
      </c>
      <c r="I84" s="17">
        <v>1.0215700000000001</v>
      </c>
      <c r="J84" s="17">
        <v>5.1934800000000001</v>
      </c>
      <c r="K84" s="17">
        <v>8.3127600000000008</v>
      </c>
      <c r="L84" s="17">
        <v>11.434369999999999</v>
      </c>
      <c r="M84" s="17">
        <v>14.788309999999999</v>
      </c>
      <c r="N84" s="17">
        <v>15.502179999999999</v>
      </c>
      <c r="O84" s="17">
        <v>16.48415</v>
      </c>
      <c r="P84" s="17">
        <v>15.484970000000001</v>
      </c>
      <c r="Q84" s="17">
        <v>15.61318</v>
      </c>
      <c r="R84" s="17">
        <v>15.1911</v>
      </c>
      <c r="S84" s="17">
        <v>12.11984</v>
      </c>
      <c r="T84" s="17">
        <v>7.4282500000000002</v>
      </c>
      <c r="U84" s="17">
        <v>5.8350099999999996</v>
      </c>
      <c r="V84" s="17">
        <v>4.0747</v>
      </c>
      <c r="W84" s="17">
        <v>3.4825900000000001</v>
      </c>
      <c r="X84" s="17">
        <v>2.71739</v>
      </c>
      <c r="Y84" s="17">
        <v>6.25</v>
      </c>
      <c r="Z84" s="17">
        <v>11.59342</v>
      </c>
      <c r="AA84" s="17">
        <v>9.1872100000000003</v>
      </c>
      <c r="AB84" s="17">
        <v>5.60304</v>
      </c>
      <c r="AC84" s="17">
        <v>3.8057099999999999</v>
      </c>
      <c r="AD84" s="17">
        <v>13.07409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4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DA8BBD-9F30-4C08-9EE0-AFC85B776E2B}">
  <sheetPr>
    <pageSetUpPr fitToPage="1"/>
  </sheetPr>
  <dimension ref="A1:M25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20" style="20" customWidth="1"/>
    <col min="2" max="2" width="2.375" style="20" bestFit="1" customWidth="1"/>
    <col min="3" max="3" width="11.25" style="20" bestFit="1" customWidth="1"/>
    <col min="4" max="16384" width="12.625" style="20"/>
  </cols>
  <sheetData>
    <row r="1" spans="1:13" s="11" customFormat="1">
      <c r="A1" s="11" t="s">
        <v>192</v>
      </c>
    </row>
    <row r="2" spans="1:13" s="11" customFormat="1">
      <c r="A2" s="11" t="s">
        <v>479</v>
      </c>
    </row>
    <row r="3" spans="1:13" s="11" customFormat="1"/>
    <row r="4" spans="1:13" s="11" customFormat="1" hidden="1"/>
    <row r="5" spans="1:13" s="11" customFormat="1">
      <c r="E5" s="12" t="s">
        <v>207</v>
      </c>
      <c r="F5" s="12" t="s">
        <v>207</v>
      </c>
      <c r="G5" s="12" t="s">
        <v>207</v>
      </c>
      <c r="H5" s="12" t="s">
        <v>207</v>
      </c>
      <c r="I5" s="12" t="s">
        <v>207</v>
      </c>
      <c r="J5" s="12" t="s">
        <v>207</v>
      </c>
      <c r="K5" s="12" t="s">
        <v>207</v>
      </c>
      <c r="L5" s="12" t="s">
        <v>207</v>
      </c>
      <c r="M5" s="12" t="s">
        <v>207</v>
      </c>
    </row>
    <row r="6" spans="1:13" s="11" customFormat="1" ht="36">
      <c r="E6" s="12" t="s">
        <v>480</v>
      </c>
      <c r="F6" s="12" t="s">
        <v>480</v>
      </c>
      <c r="G6" s="12" t="s">
        <v>480</v>
      </c>
      <c r="H6" s="12" t="s">
        <v>480</v>
      </c>
      <c r="I6" s="12" t="s">
        <v>480</v>
      </c>
      <c r="J6" s="12" t="s">
        <v>480</v>
      </c>
      <c r="K6" s="12" t="s">
        <v>480</v>
      </c>
      <c r="L6" s="12" t="s">
        <v>480</v>
      </c>
      <c r="M6" s="12" t="s">
        <v>480</v>
      </c>
    </row>
    <row r="7" spans="1:13" s="11" customFormat="1">
      <c r="E7" s="12">
        <v>1</v>
      </c>
      <c r="F7" s="12">
        <v>1</v>
      </c>
      <c r="G7" s="12">
        <v>1</v>
      </c>
      <c r="H7" s="12">
        <v>2</v>
      </c>
      <c r="I7" s="12">
        <v>2</v>
      </c>
      <c r="J7" s="12">
        <v>2</v>
      </c>
      <c r="K7" s="12">
        <v>2</v>
      </c>
      <c r="L7" s="12">
        <v>2</v>
      </c>
      <c r="M7" s="12">
        <v>2</v>
      </c>
    </row>
    <row r="8" spans="1:13" s="11" customFormat="1" ht="24">
      <c r="E8" s="12" t="s">
        <v>214</v>
      </c>
      <c r="F8" s="12" t="s">
        <v>217</v>
      </c>
      <c r="G8" s="12" t="s">
        <v>218</v>
      </c>
      <c r="H8" s="12" t="s">
        <v>481</v>
      </c>
      <c r="I8" s="12" t="s">
        <v>482</v>
      </c>
      <c r="J8" s="12" t="s">
        <v>483</v>
      </c>
      <c r="K8" s="12" t="s">
        <v>484</v>
      </c>
      <c r="L8" s="12" t="s">
        <v>485</v>
      </c>
      <c r="M8" s="12" t="s">
        <v>486</v>
      </c>
    </row>
    <row r="9" spans="1:13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</row>
    <row r="10" spans="1:13" s="11" customFormat="1">
      <c r="A10" s="14" t="s">
        <v>487</v>
      </c>
      <c r="B10" s="14" t="s">
        <v>224</v>
      </c>
      <c r="C10" s="14" t="s">
        <v>259</v>
      </c>
      <c r="D10" s="14" t="s">
        <v>23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</row>
    <row r="11" spans="1:13">
      <c r="A11" s="15" t="s">
        <v>214</v>
      </c>
      <c r="B11" s="15" t="s">
        <v>232</v>
      </c>
      <c r="C11" s="15" t="s">
        <v>233</v>
      </c>
      <c r="D11" s="15" t="s">
        <v>262</v>
      </c>
      <c r="E11" s="16">
        <v>55830154</v>
      </c>
      <c r="F11" s="16">
        <v>55704949</v>
      </c>
      <c r="G11" s="16">
        <v>125205</v>
      </c>
      <c r="H11" s="16">
        <v>4844</v>
      </c>
      <c r="I11" s="16">
        <v>9925</v>
      </c>
      <c r="J11" s="16">
        <v>72742</v>
      </c>
      <c r="K11" s="16">
        <v>2629</v>
      </c>
      <c r="L11" s="16">
        <v>635</v>
      </c>
      <c r="M11" s="16">
        <v>34430</v>
      </c>
    </row>
    <row r="12" spans="1:13">
      <c r="A12" s="21" t="s">
        <v>214</v>
      </c>
      <c r="B12" s="21" t="s">
        <v>232</v>
      </c>
      <c r="C12" s="21" t="s">
        <v>237</v>
      </c>
      <c r="D12" s="21" t="s">
        <v>264</v>
      </c>
      <c r="E12" s="16">
        <v>719154</v>
      </c>
      <c r="F12" s="16">
        <v>716740</v>
      </c>
      <c r="G12" s="16">
        <v>2414</v>
      </c>
      <c r="H12" s="16">
        <v>107</v>
      </c>
      <c r="I12" s="16">
        <v>391</v>
      </c>
      <c r="J12" s="16">
        <v>1702</v>
      </c>
      <c r="K12" s="16">
        <v>65</v>
      </c>
      <c r="L12" s="16">
        <v>14</v>
      </c>
      <c r="M12" s="16">
        <v>135</v>
      </c>
    </row>
    <row r="13" spans="1:13">
      <c r="A13" s="21" t="s">
        <v>214</v>
      </c>
      <c r="B13" s="21" t="s">
        <v>240</v>
      </c>
      <c r="C13" s="21" t="s">
        <v>237</v>
      </c>
      <c r="D13" s="21" t="s">
        <v>265</v>
      </c>
      <c r="E13" s="16">
        <v>49204</v>
      </c>
      <c r="F13" s="16">
        <v>48996</v>
      </c>
      <c r="G13" s="16">
        <v>208</v>
      </c>
      <c r="H13" s="16">
        <v>17</v>
      </c>
      <c r="I13" s="16">
        <v>29</v>
      </c>
      <c r="J13" s="16">
        <v>145</v>
      </c>
      <c r="K13" s="22" t="s">
        <v>268</v>
      </c>
      <c r="L13" s="16">
        <v>1</v>
      </c>
      <c r="M13" s="16">
        <v>16</v>
      </c>
    </row>
    <row r="14" spans="1:13">
      <c r="A14" s="21" t="s">
        <v>488</v>
      </c>
      <c r="B14" s="21" t="s">
        <v>232</v>
      </c>
      <c r="C14" s="21" t="s">
        <v>233</v>
      </c>
      <c r="D14" s="21" t="s">
        <v>262</v>
      </c>
      <c r="E14" s="16">
        <v>52711553</v>
      </c>
      <c r="F14" s="16">
        <v>52666958</v>
      </c>
      <c r="G14" s="16">
        <v>44595</v>
      </c>
      <c r="H14" s="16">
        <v>342</v>
      </c>
      <c r="I14" s="16">
        <v>1502</v>
      </c>
      <c r="J14" s="16">
        <v>7993</v>
      </c>
      <c r="K14" s="16">
        <v>418</v>
      </c>
      <c r="L14" s="16">
        <v>56</v>
      </c>
      <c r="M14" s="16">
        <v>34284</v>
      </c>
    </row>
    <row r="15" spans="1:13">
      <c r="A15" s="21" t="s">
        <v>488</v>
      </c>
      <c r="B15" s="21" t="s">
        <v>232</v>
      </c>
      <c r="C15" s="21" t="s">
        <v>237</v>
      </c>
      <c r="D15" s="21" t="s">
        <v>264</v>
      </c>
      <c r="E15" s="16">
        <v>661623</v>
      </c>
      <c r="F15" s="16">
        <v>661261</v>
      </c>
      <c r="G15" s="16">
        <v>362</v>
      </c>
      <c r="H15" s="16">
        <v>5</v>
      </c>
      <c r="I15" s="16">
        <v>52</v>
      </c>
      <c r="J15" s="16">
        <v>161</v>
      </c>
      <c r="K15" s="16">
        <v>8</v>
      </c>
      <c r="L15" s="16">
        <v>1</v>
      </c>
      <c r="M15" s="16">
        <v>135</v>
      </c>
    </row>
    <row r="16" spans="1:13">
      <c r="A16" s="21" t="s">
        <v>488</v>
      </c>
      <c r="B16" s="21" t="s">
        <v>240</v>
      </c>
      <c r="C16" s="21" t="s">
        <v>237</v>
      </c>
      <c r="D16" s="21" t="s">
        <v>265</v>
      </c>
      <c r="E16" s="16">
        <v>44682</v>
      </c>
      <c r="F16" s="16">
        <v>44654</v>
      </c>
      <c r="G16" s="16">
        <v>28</v>
      </c>
      <c r="H16" s="16">
        <v>1</v>
      </c>
      <c r="I16" s="16">
        <v>4</v>
      </c>
      <c r="J16" s="16">
        <v>7</v>
      </c>
      <c r="K16" s="22" t="s">
        <v>268</v>
      </c>
      <c r="L16" s="22" t="s">
        <v>268</v>
      </c>
      <c r="M16" s="16">
        <v>16</v>
      </c>
    </row>
    <row r="17" spans="1:13">
      <c r="A17" s="21" t="s">
        <v>489</v>
      </c>
      <c r="B17" s="21" t="s">
        <v>232</v>
      </c>
      <c r="C17" s="21" t="s">
        <v>233</v>
      </c>
      <c r="D17" s="21" t="s">
        <v>262</v>
      </c>
      <c r="E17" s="16">
        <v>3085482</v>
      </c>
      <c r="F17" s="16">
        <v>3037990</v>
      </c>
      <c r="G17" s="16">
        <v>47492</v>
      </c>
      <c r="H17" s="16">
        <v>2382</v>
      </c>
      <c r="I17" s="16">
        <v>3009</v>
      </c>
      <c r="J17" s="16">
        <v>40597</v>
      </c>
      <c r="K17" s="16">
        <v>1222</v>
      </c>
      <c r="L17" s="16">
        <v>173</v>
      </c>
      <c r="M17" s="16">
        <v>109</v>
      </c>
    </row>
    <row r="18" spans="1:13">
      <c r="A18" s="21" t="s">
        <v>489</v>
      </c>
      <c r="B18" s="21" t="s">
        <v>232</v>
      </c>
      <c r="C18" s="21" t="s">
        <v>237</v>
      </c>
      <c r="D18" s="21" t="s">
        <v>264</v>
      </c>
      <c r="E18" s="16">
        <v>56830</v>
      </c>
      <c r="F18" s="16">
        <v>55479</v>
      </c>
      <c r="G18" s="16">
        <v>1351</v>
      </c>
      <c r="H18" s="16">
        <v>43</v>
      </c>
      <c r="I18" s="16">
        <v>144</v>
      </c>
      <c r="J18" s="16">
        <v>1115</v>
      </c>
      <c r="K18" s="16">
        <v>41</v>
      </c>
      <c r="L18" s="16">
        <v>8</v>
      </c>
      <c r="M18" s="22" t="s">
        <v>268</v>
      </c>
    </row>
    <row r="19" spans="1:13">
      <c r="A19" s="21" t="s">
        <v>489</v>
      </c>
      <c r="B19" s="21" t="s">
        <v>240</v>
      </c>
      <c r="C19" s="21" t="s">
        <v>237</v>
      </c>
      <c r="D19" s="21" t="s">
        <v>265</v>
      </c>
      <c r="E19" s="16">
        <v>4461</v>
      </c>
      <c r="F19" s="16">
        <v>4342</v>
      </c>
      <c r="G19" s="16">
        <v>119</v>
      </c>
      <c r="H19" s="16">
        <v>4</v>
      </c>
      <c r="I19" s="16">
        <v>8</v>
      </c>
      <c r="J19" s="16">
        <v>106</v>
      </c>
      <c r="K19" s="22" t="s">
        <v>268</v>
      </c>
      <c r="L19" s="16">
        <v>1</v>
      </c>
      <c r="M19" s="22" t="s">
        <v>268</v>
      </c>
    </row>
    <row r="20" spans="1:13">
      <c r="A20" s="21" t="s">
        <v>490</v>
      </c>
      <c r="B20" s="21" t="s">
        <v>232</v>
      </c>
      <c r="C20" s="21" t="s">
        <v>233</v>
      </c>
      <c r="D20" s="21" t="s">
        <v>262</v>
      </c>
      <c r="E20" s="16">
        <v>13104</v>
      </c>
      <c r="F20" s="16">
        <v>1</v>
      </c>
      <c r="G20" s="16">
        <v>13103</v>
      </c>
      <c r="H20" s="16">
        <v>897</v>
      </c>
      <c r="I20" s="16">
        <v>1690</v>
      </c>
      <c r="J20" s="16">
        <v>10037</v>
      </c>
      <c r="K20" s="16">
        <v>376</v>
      </c>
      <c r="L20" s="16">
        <v>87</v>
      </c>
      <c r="M20" s="16">
        <v>16</v>
      </c>
    </row>
    <row r="21" spans="1:13">
      <c r="A21" s="21" t="s">
        <v>490</v>
      </c>
      <c r="B21" s="21" t="s">
        <v>232</v>
      </c>
      <c r="C21" s="21" t="s">
        <v>237</v>
      </c>
      <c r="D21" s="21" t="s">
        <v>264</v>
      </c>
      <c r="E21" s="16">
        <v>373</v>
      </c>
      <c r="F21" s="22" t="s">
        <v>268</v>
      </c>
      <c r="G21" s="16">
        <v>373</v>
      </c>
      <c r="H21" s="16">
        <v>28</v>
      </c>
      <c r="I21" s="16">
        <v>102</v>
      </c>
      <c r="J21" s="16">
        <v>233</v>
      </c>
      <c r="K21" s="16">
        <v>10</v>
      </c>
      <c r="L21" s="22" t="s">
        <v>268</v>
      </c>
      <c r="M21" s="22" t="s">
        <v>268</v>
      </c>
    </row>
    <row r="22" spans="1:13">
      <c r="A22" s="21" t="s">
        <v>490</v>
      </c>
      <c r="B22" s="21" t="s">
        <v>240</v>
      </c>
      <c r="C22" s="21" t="s">
        <v>237</v>
      </c>
      <c r="D22" s="21" t="s">
        <v>265</v>
      </c>
      <c r="E22" s="16">
        <v>32</v>
      </c>
      <c r="F22" s="22" t="s">
        <v>268</v>
      </c>
      <c r="G22" s="16">
        <v>32</v>
      </c>
      <c r="H22" s="16">
        <v>3</v>
      </c>
      <c r="I22" s="16">
        <v>8</v>
      </c>
      <c r="J22" s="16">
        <v>21</v>
      </c>
      <c r="K22" s="22" t="s">
        <v>268</v>
      </c>
      <c r="L22" s="22" t="s">
        <v>268</v>
      </c>
      <c r="M22" s="22" t="s">
        <v>268</v>
      </c>
    </row>
    <row r="23" spans="1:13">
      <c r="A23" s="21" t="s">
        <v>491</v>
      </c>
      <c r="B23" s="21" t="s">
        <v>232</v>
      </c>
      <c r="C23" s="21" t="s">
        <v>233</v>
      </c>
      <c r="D23" s="21" t="s">
        <v>262</v>
      </c>
      <c r="E23" s="16">
        <v>20015</v>
      </c>
      <c r="F23" s="22" t="s">
        <v>268</v>
      </c>
      <c r="G23" s="16">
        <v>20015</v>
      </c>
      <c r="H23" s="16">
        <v>1223</v>
      </c>
      <c r="I23" s="16">
        <v>3724</v>
      </c>
      <c r="J23" s="16">
        <v>14115</v>
      </c>
      <c r="K23" s="16">
        <v>613</v>
      </c>
      <c r="L23" s="16">
        <v>319</v>
      </c>
      <c r="M23" s="16">
        <v>21</v>
      </c>
    </row>
    <row r="24" spans="1:13">
      <c r="A24" s="21" t="s">
        <v>491</v>
      </c>
      <c r="B24" s="21" t="s">
        <v>232</v>
      </c>
      <c r="C24" s="21" t="s">
        <v>237</v>
      </c>
      <c r="D24" s="21" t="s">
        <v>264</v>
      </c>
      <c r="E24" s="16">
        <v>328</v>
      </c>
      <c r="F24" s="22" t="s">
        <v>268</v>
      </c>
      <c r="G24" s="16">
        <v>328</v>
      </c>
      <c r="H24" s="16">
        <v>31</v>
      </c>
      <c r="I24" s="16">
        <v>93</v>
      </c>
      <c r="J24" s="16">
        <v>193</v>
      </c>
      <c r="K24" s="16">
        <v>6</v>
      </c>
      <c r="L24" s="16">
        <v>5</v>
      </c>
      <c r="M24" s="22" t="s">
        <v>268</v>
      </c>
    </row>
    <row r="25" spans="1:13">
      <c r="A25" s="21" t="s">
        <v>491</v>
      </c>
      <c r="B25" s="21" t="s">
        <v>240</v>
      </c>
      <c r="C25" s="21" t="s">
        <v>237</v>
      </c>
      <c r="D25" s="21" t="s">
        <v>265</v>
      </c>
      <c r="E25" s="16">
        <v>29</v>
      </c>
      <c r="F25" s="22" t="s">
        <v>268</v>
      </c>
      <c r="G25" s="16">
        <v>29</v>
      </c>
      <c r="H25" s="16">
        <v>9</v>
      </c>
      <c r="I25" s="16">
        <v>9</v>
      </c>
      <c r="J25" s="16">
        <v>11</v>
      </c>
      <c r="K25" s="22" t="s">
        <v>268</v>
      </c>
      <c r="L25" s="22" t="s">
        <v>268</v>
      </c>
      <c r="M25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5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CC94868-9E75-48F1-A6A0-1B2BE518A224}">
  <sheetPr>
    <pageSetUpPr fitToPage="1"/>
  </sheetPr>
  <dimension ref="A1:M25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20" style="20" customWidth="1"/>
    <col min="2" max="2" width="2.375" style="20" bestFit="1" customWidth="1"/>
    <col min="3" max="3" width="11.25" style="20" bestFit="1" customWidth="1"/>
    <col min="4" max="16384" width="12.625" style="20"/>
  </cols>
  <sheetData>
    <row r="1" spans="1:13" s="11" customFormat="1">
      <c r="A1" s="11" t="s">
        <v>192</v>
      </c>
    </row>
    <row r="2" spans="1:13" s="11" customFormat="1">
      <c r="A2" s="11" t="s">
        <v>492</v>
      </c>
    </row>
    <row r="3" spans="1:13" s="11" customFormat="1"/>
    <row r="4" spans="1:13" s="11" customFormat="1" hidden="1"/>
    <row r="5" spans="1:13" s="11" customFormat="1">
      <c r="E5" s="12" t="s">
        <v>211</v>
      </c>
      <c r="F5" s="12" t="s">
        <v>211</v>
      </c>
      <c r="G5" s="12" t="s">
        <v>211</v>
      </c>
      <c r="H5" s="12" t="s">
        <v>211</v>
      </c>
      <c r="I5" s="12" t="s">
        <v>211</v>
      </c>
      <c r="J5" s="12" t="s">
        <v>211</v>
      </c>
      <c r="K5" s="12" t="s">
        <v>211</v>
      </c>
      <c r="L5" s="12" t="s">
        <v>211</v>
      </c>
      <c r="M5" s="12" t="s">
        <v>211</v>
      </c>
    </row>
    <row r="6" spans="1:13" s="11" customFormat="1" ht="36">
      <c r="E6" s="12" t="s">
        <v>480</v>
      </c>
      <c r="F6" s="12" t="s">
        <v>480</v>
      </c>
      <c r="G6" s="12" t="s">
        <v>480</v>
      </c>
      <c r="H6" s="12" t="s">
        <v>480</v>
      </c>
      <c r="I6" s="12" t="s">
        <v>480</v>
      </c>
      <c r="J6" s="12" t="s">
        <v>480</v>
      </c>
      <c r="K6" s="12" t="s">
        <v>480</v>
      </c>
      <c r="L6" s="12" t="s">
        <v>480</v>
      </c>
      <c r="M6" s="12" t="s">
        <v>480</v>
      </c>
    </row>
    <row r="7" spans="1:13" s="11" customFormat="1">
      <c r="E7" s="12">
        <v>1</v>
      </c>
      <c r="F7" s="12">
        <v>1</v>
      </c>
      <c r="G7" s="12">
        <v>1</v>
      </c>
      <c r="H7" s="12">
        <v>2</v>
      </c>
      <c r="I7" s="12">
        <v>2</v>
      </c>
      <c r="J7" s="12">
        <v>2</v>
      </c>
      <c r="K7" s="12">
        <v>2</v>
      </c>
      <c r="L7" s="12">
        <v>2</v>
      </c>
      <c r="M7" s="12">
        <v>2</v>
      </c>
    </row>
    <row r="8" spans="1:13" s="11" customFormat="1" ht="24">
      <c r="E8" s="12" t="s">
        <v>214</v>
      </c>
      <c r="F8" s="12" t="s">
        <v>217</v>
      </c>
      <c r="G8" s="12" t="s">
        <v>218</v>
      </c>
      <c r="H8" s="12" t="s">
        <v>481</v>
      </c>
      <c r="I8" s="12" t="s">
        <v>482</v>
      </c>
      <c r="J8" s="12" t="s">
        <v>483</v>
      </c>
      <c r="K8" s="12" t="s">
        <v>484</v>
      </c>
      <c r="L8" s="12" t="s">
        <v>485</v>
      </c>
      <c r="M8" s="12" t="s">
        <v>486</v>
      </c>
    </row>
    <row r="9" spans="1:13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</row>
    <row r="10" spans="1:13" s="11" customFormat="1">
      <c r="A10" s="14" t="s">
        <v>487</v>
      </c>
      <c r="B10" s="14" t="s">
        <v>224</v>
      </c>
      <c r="C10" s="14" t="s">
        <v>259</v>
      </c>
      <c r="D10" s="14" t="s">
        <v>23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</row>
    <row r="11" spans="1:13">
      <c r="A11" s="15" t="s">
        <v>214</v>
      </c>
      <c r="B11" s="15" t="s">
        <v>232</v>
      </c>
      <c r="C11" s="15" t="s">
        <v>233</v>
      </c>
      <c r="D11" s="15" t="s">
        <v>262</v>
      </c>
      <c r="E11" s="16">
        <v>126146099</v>
      </c>
      <c r="F11" s="16">
        <v>123162995</v>
      </c>
      <c r="G11" s="16">
        <v>2983104</v>
      </c>
      <c r="H11" s="16">
        <v>185206</v>
      </c>
      <c r="I11" s="16">
        <v>526400</v>
      </c>
      <c r="J11" s="16">
        <v>2094496</v>
      </c>
      <c r="K11" s="16">
        <v>92473</v>
      </c>
      <c r="L11" s="16">
        <v>46397</v>
      </c>
      <c r="M11" s="16">
        <v>38132</v>
      </c>
    </row>
    <row r="12" spans="1:13">
      <c r="A12" s="21" t="s">
        <v>214</v>
      </c>
      <c r="B12" s="21" t="s">
        <v>232</v>
      </c>
      <c r="C12" s="21" t="s">
        <v>237</v>
      </c>
      <c r="D12" s="21" t="s">
        <v>264</v>
      </c>
      <c r="E12" s="16">
        <v>1738301</v>
      </c>
      <c r="F12" s="16">
        <v>1678793</v>
      </c>
      <c r="G12" s="16">
        <v>59508</v>
      </c>
      <c r="H12" s="16">
        <v>4407</v>
      </c>
      <c r="I12" s="16">
        <v>14878</v>
      </c>
      <c r="J12" s="16">
        <v>38003</v>
      </c>
      <c r="K12" s="16">
        <v>1589</v>
      </c>
      <c r="L12" s="16">
        <v>489</v>
      </c>
      <c r="M12" s="16">
        <v>142</v>
      </c>
    </row>
    <row r="13" spans="1:13">
      <c r="A13" s="21" t="s">
        <v>214</v>
      </c>
      <c r="B13" s="21" t="s">
        <v>240</v>
      </c>
      <c r="C13" s="21" t="s">
        <v>237</v>
      </c>
      <c r="D13" s="21" t="s">
        <v>265</v>
      </c>
      <c r="E13" s="16">
        <v>123067</v>
      </c>
      <c r="F13" s="16">
        <v>117827</v>
      </c>
      <c r="G13" s="16">
        <v>5240</v>
      </c>
      <c r="H13" s="16">
        <v>913</v>
      </c>
      <c r="I13" s="16">
        <v>1211</v>
      </c>
      <c r="J13" s="16">
        <v>3092</v>
      </c>
      <c r="K13" s="22" t="s">
        <v>268</v>
      </c>
      <c r="L13" s="16">
        <v>8</v>
      </c>
      <c r="M13" s="16">
        <v>16</v>
      </c>
    </row>
    <row r="14" spans="1:13">
      <c r="A14" s="21" t="s">
        <v>488</v>
      </c>
      <c r="B14" s="21" t="s">
        <v>232</v>
      </c>
      <c r="C14" s="21" t="s">
        <v>233</v>
      </c>
      <c r="D14" s="21" t="s">
        <v>262</v>
      </c>
      <c r="E14" s="16">
        <v>106737413</v>
      </c>
      <c r="F14" s="16">
        <v>106672017</v>
      </c>
      <c r="G14" s="16">
        <v>65396</v>
      </c>
      <c r="H14" s="16">
        <v>961</v>
      </c>
      <c r="I14" s="16">
        <v>3481</v>
      </c>
      <c r="J14" s="16">
        <v>25294</v>
      </c>
      <c r="K14" s="16">
        <v>961</v>
      </c>
      <c r="L14" s="16">
        <v>129</v>
      </c>
      <c r="M14" s="16">
        <v>34570</v>
      </c>
    </row>
    <row r="15" spans="1:13">
      <c r="A15" s="21" t="s">
        <v>488</v>
      </c>
      <c r="B15" s="21" t="s">
        <v>232</v>
      </c>
      <c r="C15" s="21" t="s">
        <v>237</v>
      </c>
      <c r="D15" s="21" t="s">
        <v>264</v>
      </c>
      <c r="E15" s="16">
        <v>1371747</v>
      </c>
      <c r="F15" s="16">
        <v>1370977</v>
      </c>
      <c r="G15" s="16">
        <v>770</v>
      </c>
      <c r="H15" s="16">
        <v>18</v>
      </c>
      <c r="I15" s="16">
        <v>111</v>
      </c>
      <c r="J15" s="16">
        <v>481</v>
      </c>
      <c r="K15" s="16">
        <v>17</v>
      </c>
      <c r="L15" s="16">
        <v>1</v>
      </c>
      <c r="M15" s="16">
        <v>142</v>
      </c>
    </row>
    <row r="16" spans="1:13">
      <c r="A16" s="21" t="s">
        <v>488</v>
      </c>
      <c r="B16" s="21" t="s">
        <v>240</v>
      </c>
      <c r="C16" s="21" t="s">
        <v>237</v>
      </c>
      <c r="D16" s="21" t="s">
        <v>265</v>
      </c>
      <c r="E16" s="16">
        <v>93194</v>
      </c>
      <c r="F16" s="16">
        <v>93144</v>
      </c>
      <c r="G16" s="16">
        <v>50</v>
      </c>
      <c r="H16" s="16">
        <v>3</v>
      </c>
      <c r="I16" s="16">
        <v>9</v>
      </c>
      <c r="J16" s="16">
        <v>22</v>
      </c>
      <c r="K16" s="22" t="s">
        <v>268</v>
      </c>
      <c r="L16" s="22" t="s">
        <v>268</v>
      </c>
      <c r="M16" s="16">
        <v>16</v>
      </c>
    </row>
    <row r="17" spans="1:13">
      <c r="A17" s="21" t="s">
        <v>489</v>
      </c>
      <c r="B17" s="21" t="s">
        <v>232</v>
      </c>
      <c r="C17" s="21" t="s">
        <v>233</v>
      </c>
      <c r="D17" s="21" t="s">
        <v>262</v>
      </c>
      <c r="E17" s="16">
        <v>17164046</v>
      </c>
      <c r="F17" s="16">
        <v>16490944</v>
      </c>
      <c r="G17" s="16">
        <v>673102</v>
      </c>
      <c r="H17" s="16">
        <v>36580</v>
      </c>
      <c r="I17" s="16">
        <v>43280</v>
      </c>
      <c r="J17" s="16">
        <v>571290</v>
      </c>
      <c r="K17" s="16">
        <v>18215</v>
      </c>
      <c r="L17" s="16">
        <v>2482</v>
      </c>
      <c r="M17" s="16">
        <v>1255</v>
      </c>
    </row>
    <row r="18" spans="1:13">
      <c r="A18" s="21" t="s">
        <v>489</v>
      </c>
      <c r="B18" s="21" t="s">
        <v>232</v>
      </c>
      <c r="C18" s="21" t="s">
        <v>237</v>
      </c>
      <c r="D18" s="21" t="s">
        <v>264</v>
      </c>
      <c r="E18" s="16">
        <v>326625</v>
      </c>
      <c r="F18" s="16">
        <v>307816</v>
      </c>
      <c r="G18" s="16">
        <v>18809</v>
      </c>
      <c r="H18" s="16">
        <v>722</v>
      </c>
      <c r="I18" s="16">
        <v>2030</v>
      </c>
      <c r="J18" s="16">
        <v>15279</v>
      </c>
      <c r="K18" s="16">
        <v>694</v>
      </c>
      <c r="L18" s="16">
        <v>84</v>
      </c>
      <c r="M18" s="22" t="s">
        <v>268</v>
      </c>
    </row>
    <row r="19" spans="1:13">
      <c r="A19" s="21" t="s">
        <v>489</v>
      </c>
      <c r="B19" s="21" t="s">
        <v>240</v>
      </c>
      <c r="C19" s="21" t="s">
        <v>237</v>
      </c>
      <c r="D19" s="21" t="s">
        <v>265</v>
      </c>
      <c r="E19" s="16">
        <v>26321</v>
      </c>
      <c r="F19" s="16">
        <v>24683</v>
      </c>
      <c r="G19" s="16">
        <v>1638</v>
      </c>
      <c r="H19" s="16">
        <v>43</v>
      </c>
      <c r="I19" s="16">
        <v>121</v>
      </c>
      <c r="J19" s="16">
        <v>1466</v>
      </c>
      <c r="K19" s="22" t="s">
        <v>268</v>
      </c>
      <c r="L19" s="16">
        <v>8</v>
      </c>
      <c r="M19" s="22" t="s">
        <v>268</v>
      </c>
    </row>
    <row r="20" spans="1:13">
      <c r="A20" s="21" t="s">
        <v>490</v>
      </c>
      <c r="B20" s="21" t="s">
        <v>232</v>
      </c>
      <c r="C20" s="21" t="s">
        <v>233</v>
      </c>
      <c r="D20" s="21" t="s">
        <v>262</v>
      </c>
      <c r="E20" s="16">
        <v>518640</v>
      </c>
      <c r="F20" s="16">
        <v>34</v>
      </c>
      <c r="G20" s="16">
        <v>518606</v>
      </c>
      <c r="H20" s="16">
        <v>34893</v>
      </c>
      <c r="I20" s="16">
        <v>67232</v>
      </c>
      <c r="J20" s="16">
        <v>398188</v>
      </c>
      <c r="K20" s="16">
        <v>14257</v>
      </c>
      <c r="L20" s="16">
        <v>3403</v>
      </c>
      <c r="M20" s="16">
        <v>633</v>
      </c>
    </row>
    <row r="21" spans="1:13">
      <c r="A21" s="21" t="s">
        <v>490</v>
      </c>
      <c r="B21" s="21" t="s">
        <v>232</v>
      </c>
      <c r="C21" s="21" t="s">
        <v>237</v>
      </c>
      <c r="D21" s="21" t="s">
        <v>264</v>
      </c>
      <c r="E21" s="16">
        <v>14606</v>
      </c>
      <c r="F21" s="22" t="s">
        <v>268</v>
      </c>
      <c r="G21" s="16">
        <v>14606</v>
      </c>
      <c r="H21" s="16">
        <v>1069</v>
      </c>
      <c r="I21" s="16">
        <v>4045</v>
      </c>
      <c r="J21" s="16">
        <v>9138</v>
      </c>
      <c r="K21" s="16">
        <v>354</v>
      </c>
      <c r="L21" s="22" t="s">
        <v>268</v>
      </c>
      <c r="M21" s="22" t="s">
        <v>268</v>
      </c>
    </row>
    <row r="22" spans="1:13">
      <c r="A22" s="21" t="s">
        <v>490</v>
      </c>
      <c r="B22" s="21" t="s">
        <v>240</v>
      </c>
      <c r="C22" s="21" t="s">
        <v>237</v>
      </c>
      <c r="D22" s="21" t="s">
        <v>265</v>
      </c>
      <c r="E22" s="16">
        <v>1281</v>
      </c>
      <c r="F22" s="22" t="s">
        <v>268</v>
      </c>
      <c r="G22" s="16">
        <v>1281</v>
      </c>
      <c r="H22" s="16">
        <v>120</v>
      </c>
      <c r="I22" s="16">
        <v>329</v>
      </c>
      <c r="J22" s="16">
        <v>832</v>
      </c>
      <c r="K22" s="22" t="s">
        <v>268</v>
      </c>
      <c r="L22" s="22" t="s">
        <v>268</v>
      </c>
      <c r="M22" s="22" t="s">
        <v>268</v>
      </c>
    </row>
    <row r="23" spans="1:13">
      <c r="A23" s="21" t="s">
        <v>491</v>
      </c>
      <c r="B23" s="21" t="s">
        <v>232</v>
      </c>
      <c r="C23" s="21" t="s">
        <v>233</v>
      </c>
      <c r="D23" s="21" t="s">
        <v>262</v>
      </c>
      <c r="E23" s="16">
        <v>1726000</v>
      </c>
      <c r="F23" s="22" t="s">
        <v>268</v>
      </c>
      <c r="G23" s="16">
        <v>1726000</v>
      </c>
      <c r="H23" s="16">
        <v>112772</v>
      </c>
      <c r="I23" s="16">
        <v>412407</v>
      </c>
      <c r="J23" s="16">
        <v>1099724</v>
      </c>
      <c r="K23" s="16">
        <v>59040</v>
      </c>
      <c r="L23" s="16">
        <v>40383</v>
      </c>
      <c r="M23" s="16">
        <v>1674</v>
      </c>
    </row>
    <row r="24" spans="1:13">
      <c r="A24" s="21" t="s">
        <v>491</v>
      </c>
      <c r="B24" s="21" t="s">
        <v>232</v>
      </c>
      <c r="C24" s="21" t="s">
        <v>237</v>
      </c>
      <c r="D24" s="21" t="s">
        <v>264</v>
      </c>
      <c r="E24" s="16">
        <v>25323</v>
      </c>
      <c r="F24" s="22" t="s">
        <v>268</v>
      </c>
      <c r="G24" s="16">
        <v>25323</v>
      </c>
      <c r="H24" s="16">
        <v>2598</v>
      </c>
      <c r="I24" s="16">
        <v>8692</v>
      </c>
      <c r="J24" s="16">
        <v>13105</v>
      </c>
      <c r="K24" s="16">
        <v>524</v>
      </c>
      <c r="L24" s="16">
        <v>404</v>
      </c>
      <c r="M24" s="22" t="s">
        <v>268</v>
      </c>
    </row>
    <row r="25" spans="1:13">
      <c r="A25" s="21" t="s">
        <v>491</v>
      </c>
      <c r="B25" s="21" t="s">
        <v>240</v>
      </c>
      <c r="C25" s="21" t="s">
        <v>237</v>
      </c>
      <c r="D25" s="21" t="s">
        <v>265</v>
      </c>
      <c r="E25" s="16">
        <v>2271</v>
      </c>
      <c r="F25" s="22" t="s">
        <v>268</v>
      </c>
      <c r="G25" s="16">
        <v>2271</v>
      </c>
      <c r="H25" s="16">
        <v>747</v>
      </c>
      <c r="I25" s="16">
        <v>752</v>
      </c>
      <c r="J25" s="16">
        <v>772</v>
      </c>
      <c r="K25" s="22" t="s">
        <v>268</v>
      </c>
      <c r="L25" s="22" t="s">
        <v>268</v>
      </c>
      <c r="M25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5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591A54E-9B62-4FEC-A448-11A3B8F0C9CC}">
  <sheetPr>
    <pageSetUpPr fitToPage="1"/>
  </sheetPr>
  <dimension ref="A1:R13"/>
  <sheetViews>
    <sheetView zoomScaleNormal="100" workbookViewId="0">
      <pane xSplit="3" ySplit="10" topLeftCell="D11" activePane="bottomRight" state="frozen"/>
      <selection pane="topRight" activeCell="N1" sqref="N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16384" width="12.625" style="20"/>
  </cols>
  <sheetData>
    <row r="1" spans="1:18" s="11" customFormat="1">
      <c r="A1" s="11" t="s">
        <v>192</v>
      </c>
    </row>
    <row r="2" spans="1:18" s="11" customFormat="1">
      <c r="A2" s="11" t="s">
        <v>493</v>
      </c>
    </row>
    <row r="3" spans="1:18" s="11" customFormat="1"/>
    <row r="4" spans="1:18" s="11" customFormat="1" hidden="1"/>
    <row r="5" spans="1:18" s="11" customFormat="1" ht="36">
      <c r="D5" s="12" t="s">
        <v>494</v>
      </c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5</v>
      </c>
      <c r="P5" s="12" t="s">
        <v>496</v>
      </c>
      <c r="Q5" s="12" t="s">
        <v>497</v>
      </c>
      <c r="R5" s="12" t="s">
        <v>498</v>
      </c>
    </row>
    <row r="6" spans="1:18" s="11" customFormat="1" ht="24">
      <c r="D6" s="12" t="s">
        <v>487</v>
      </c>
      <c r="E6" s="12" t="s">
        <v>487</v>
      </c>
      <c r="F6" s="12" t="s">
        <v>487</v>
      </c>
      <c r="G6" s="12" t="s">
        <v>487</v>
      </c>
      <c r="H6" s="12" t="s">
        <v>487</v>
      </c>
      <c r="I6" s="12" t="s">
        <v>487</v>
      </c>
      <c r="J6" s="12" t="s">
        <v>487</v>
      </c>
      <c r="K6" s="12" t="s">
        <v>487</v>
      </c>
      <c r="L6" s="12" t="s">
        <v>487</v>
      </c>
      <c r="M6" s="12" t="s">
        <v>487</v>
      </c>
      <c r="N6" s="12" t="s">
        <v>487</v>
      </c>
      <c r="O6" s="12"/>
      <c r="P6" s="12"/>
      <c r="Q6" s="12"/>
      <c r="R6" s="12"/>
    </row>
    <row r="7" spans="1:18" s="11" customFormat="1">
      <c r="D7" s="12">
        <v>1</v>
      </c>
      <c r="E7" s="12">
        <v>1</v>
      </c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  <c r="M7" s="12">
        <v>1</v>
      </c>
      <c r="N7" s="12">
        <v>1</v>
      </c>
      <c r="O7" s="12"/>
      <c r="P7" s="12"/>
      <c r="Q7" s="12"/>
      <c r="R7" s="12"/>
    </row>
    <row r="8" spans="1:18" s="11" customFormat="1" ht="24">
      <c r="D8" s="12" t="s">
        <v>401</v>
      </c>
      <c r="E8" s="12" t="s">
        <v>499</v>
      </c>
      <c r="F8" s="12" t="s">
        <v>500</v>
      </c>
      <c r="G8" s="12" t="s">
        <v>501</v>
      </c>
      <c r="H8" s="12" t="s">
        <v>502</v>
      </c>
      <c r="I8" s="12" t="s">
        <v>503</v>
      </c>
      <c r="J8" s="12" t="s">
        <v>504</v>
      </c>
      <c r="K8" s="12" t="s">
        <v>505</v>
      </c>
      <c r="L8" s="12" t="s">
        <v>506</v>
      </c>
      <c r="M8" s="12" t="s">
        <v>507</v>
      </c>
      <c r="N8" s="12" t="s">
        <v>508</v>
      </c>
      <c r="O8" s="12"/>
      <c r="P8" s="12"/>
      <c r="Q8" s="12"/>
      <c r="R8" s="12"/>
    </row>
    <row r="9" spans="1:18" s="11" customFormat="1">
      <c r="D9" s="13" t="s">
        <v>223</v>
      </c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19</v>
      </c>
      <c r="P9" s="13" t="s">
        <v>219</v>
      </c>
      <c r="Q9" s="13" t="s">
        <v>219</v>
      </c>
      <c r="R9" s="13" t="s">
        <v>219</v>
      </c>
    </row>
    <row r="10" spans="1:18" s="11" customFormat="1">
      <c r="A10" s="14" t="s">
        <v>224</v>
      </c>
      <c r="B10" s="14" t="s">
        <v>259</v>
      </c>
      <c r="C10" s="14" t="s">
        <v>230</v>
      </c>
      <c r="D10" s="14" t="s">
        <v>231</v>
      </c>
      <c r="E10" s="14"/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</row>
    <row r="11" spans="1:18">
      <c r="A11" s="15" t="s">
        <v>232</v>
      </c>
      <c r="B11" s="15" t="s">
        <v>233</v>
      </c>
      <c r="C11" s="15" t="s">
        <v>262</v>
      </c>
      <c r="D11" s="16">
        <v>55704949</v>
      </c>
      <c r="E11" s="16">
        <v>21151042</v>
      </c>
      <c r="F11" s="16">
        <v>15656588</v>
      </c>
      <c r="G11" s="16">
        <v>9229513</v>
      </c>
      <c r="H11" s="16">
        <v>6629815</v>
      </c>
      <c r="I11" s="16">
        <v>2126291</v>
      </c>
      <c r="J11" s="16">
        <v>629499</v>
      </c>
      <c r="K11" s="16">
        <v>204128</v>
      </c>
      <c r="L11" s="16">
        <v>57526</v>
      </c>
      <c r="M11" s="16">
        <v>15168</v>
      </c>
      <c r="N11" s="16">
        <v>5379</v>
      </c>
      <c r="O11" s="16">
        <v>123162995</v>
      </c>
      <c r="P11" s="17">
        <v>2.2109899999999998</v>
      </c>
      <c r="Q11" s="16">
        <v>538532</v>
      </c>
      <c r="R11" s="16">
        <v>532045</v>
      </c>
    </row>
    <row r="12" spans="1:18">
      <c r="A12" s="21" t="s">
        <v>232</v>
      </c>
      <c r="B12" s="21" t="s">
        <v>237</v>
      </c>
      <c r="C12" s="21" t="s">
        <v>264</v>
      </c>
      <c r="D12" s="16">
        <v>716740</v>
      </c>
      <c r="E12" s="16">
        <v>242940</v>
      </c>
      <c r="F12" s="16">
        <v>212169</v>
      </c>
      <c r="G12" s="16">
        <v>120909</v>
      </c>
      <c r="H12" s="16">
        <v>85243</v>
      </c>
      <c r="I12" s="16">
        <v>35845</v>
      </c>
      <c r="J12" s="16">
        <v>12278</v>
      </c>
      <c r="K12" s="16">
        <v>4932</v>
      </c>
      <c r="L12" s="16">
        <v>1730</v>
      </c>
      <c r="M12" s="16">
        <v>493</v>
      </c>
      <c r="N12" s="16">
        <v>201</v>
      </c>
      <c r="O12" s="16">
        <v>1678793</v>
      </c>
      <c r="P12" s="17">
        <v>2.34226</v>
      </c>
      <c r="Q12" s="16">
        <v>6064</v>
      </c>
      <c r="R12" s="16">
        <v>6607</v>
      </c>
    </row>
    <row r="13" spans="1:18">
      <c r="A13" s="21" t="s">
        <v>240</v>
      </c>
      <c r="B13" s="21" t="s">
        <v>237</v>
      </c>
      <c r="C13" s="21" t="s">
        <v>265</v>
      </c>
      <c r="D13" s="16">
        <v>48996</v>
      </c>
      <c r="E13" s="16">
        <v>15791</v>
      </c>
      <c r="F13" s="16">
        <v>14870</v>
      </c>
      <c r="G13" s="16">
        <v>8359</v>
      </c>
      <c r="H13" s="16">
        <v>5634</v>
      </c>
      <c r="I13" s="16">
        <v>2541</v>
      </c>
      <c r="J13" s="16">
        <v>1051</v>
      </c>
      <c r="K13" s="16">
        <v>474</v>
      </c>
      <c r="L13" s="16">
        <v>186</v>
      </c>
      <c r="M13" s="16">
        <v>67</v>
      </c>
      <c r="N13" s="16">
        <v>23</v>
      </c>
      <c r="O13" s="16">
        <v>117827</v>
      </c>
      <c r="P13" s="17">
        <v>2.40483</v>
      </c>
      <c r="Q13" s="16">
        <v>649</v>
      </c>
      <c r="R13" s="16">
        <v>913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1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AFC84C-F126-412C-9178-67A5096DCD71}">
  <sheetPr>
    <pageSetUpPr fitToPage="1"/>
  </sheetPr>
  <dimension ref="A1:M25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 outlineLevelRow="1"/>
  <cols>
    <col min="1" max="1" width="20" style="20" customWidth="1"/>
    <col min="2" max="2" width="2.375" style="20" bestFit="1" customWidth="1"/>
    <col min="3" max="3" width="11.25" style="20" bestFit="1" customWidth="1"/>
    <col min="4" max="4" width="21.875" style="20" customWidth="1"/>
    <col min="5" max="16384" width="12.625" style="20"/>
  </cols>
  <sheetData>
    <row r="1" spans="1:13" s="11" customFormat="1">
      <c r="A1" s="11" t="s">
        <v>192</v>
      </c>
    </row>
    <row r="2" spans="1:13" s="11" customFormat="1">
      <c r="A2" s="11" t="s">
        <v>509</v>
      </c>
    </row>
    <row r="3" spans="1:13" s="11" customFormat="1"/>
    <row r="4" spans="1:13" s="11" customFormat="1" outlineLevel="1">
      <c r="A4" s="11" t="s">
        <v>510</v>
      </c>
    </row>
    <row r="5" spans="1:13" s="11" customFormat="1">
      <c r="E5" s="12" t="s">
        <v>207</v>
      </c>
      <c r="F5" s="12" t="s">
        <v>207</v>
      </c>
      <c r="G5" s="12" t="s">
        <v>207</v>
      </c>
      <c r="H5" s="12" t="s">
        <v>207</v>
      </c>
      <c r="I5" s="12" t="s">
        <v>207</v>
      </c>
      <c r="J5" s="12" t="s">
        <v>207</v>
      </c>
      <c r="K5" s="12" t="s">
        <v>207</v>
      </c>
      <c r="L5" s="12" t="s">
        <v>207</v>
      </c>
      <c r="M5" s="12" t="s">
        <v>207</v>
      </c>
    </row>
    <row r="6" spans="1:13" s="11" customFormat="1" ht="36">
      <c r="E6" s="12" t="s">
        <v>480</v>
      </c>
      <c r="F6" s="12" t="s">
        <v>480</v>
      </c>
      <c r="G6" s="12" t="s">
        <v>480</v>
      </c>
      <c r="H6" s="12" t="s">
        <v>480</v>
      </c>
      <c r="I6" s="12" t="s">
        <v>480</v>
      </c>
      <c r="J6" s="12" t="s">
        <v>480</v>
      </c>
      <c r="K6" s="12" t="s">
        <v>480</v>
      </c>
      <c r="L6" s="12" t="s">
        <v>480</v>
      </c>
      <c r="M6" s="12" t="s">
        <v>480</v>
      </c>
    </row>
    <row r="7" spans="1:13" s="11" customFormat="1">
      <c r="E7" s="12">
        <v>1</v>
      </c>
      <c r="F7" s="12">
        <v>1</v>
      </c>
      <c r="G7" s="12">
        <v>1</v>
      </c>
      <c r="H7" s="12">
        <v>2</v>
      </c>
      <c r="I7" s="12">
        <v>2</v>
      </c>
      <c r="J7" s="12">
        <v>2</v>
      </c>
      <c r="K7" s="12">
        <v>2</v>
      </c>
      <c r="L7" s="12">
        <v>2</v>
      </c>
      <c r="M7" s="12">
        <v>2</v>
      </c>
    </row>
    <row r="8" spans="1:13" s="11" customFormat="1" ht="24">
      <c r="E8" s="12" t="s">
        <v>214</v>
      </c>
      <c r="F8" s="12" t="s">
        <v>217</v>
      </c>
      <c r="G8" s="12" t="s">
        <v>218</v>
      </c>
      <c r="H8" s="12" t="s">
        <v>481</v>
      </c>
      <c r="I8" s="12" t="s">
        <v>482</v>
      </c>
      <c r="J8" s="12" t="s">
        <v>483</v>
      </c>
      <c r="K8" s="12" t="s">
        <v>484</v>
      </c>
      <c r="L8" s="12" t="s">
        <v>485</v>
      </c>
      <c r="M8" s="12" t="s">
        <v>486</v>
      </c>
    </row>
    <row r="9" spans="1:13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</row>
    <row r="10" spans="1:13" s="11" customFormat="1">
      <c r="A10" s="14" t="s">
        <v>487</v>
      </c>
      <c r="B10" s="14" t="s">
        <v>224</v>
      </c>
      <c r="C10" s="14" t="s">
        <v>259</v>
      </c>
      <c r="D10" s="14" t="s">
        <v>26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</row>
    <row r="11" spans="1:13">
      <c r="A11" s="15" t="s">
        <v>214</v>
      </c>
      <c r="B11" s="15" t="s">
        <v>232</v>
      </c>
      <c r="C11" s="15" t="s">
        <v>233</v>
      </c>
      <c r="D11" s="15" t="s">
        <v>262</v>
      </c>
      <c r="E11" s="16">
        <v>41205385</v>
      </c>
      <c r="F11" s="16">
        <v>41133578</v>
      </c>
      <c r="G11" s="16">
        <v>71807</v>
      </c>
      <c r="H11" s="16">
        <v>2825</v>
      </c>
      <c r="I11" s="16">
        <v>5494</v>
      </c>
      <c r="J11" s="16">
        <v>35177</v>
      </c>
      <c r="K11" s="16">
        <v>1564</v>
      </c>
      <c r="L11" s="16">
        <v>396</v>
      </c>
      <c r="M11" s="16">
        <v>26351</v>
      </c>
    </row>
    <row r="12" spans="1:13">
      <c r="A12" s="21" t="s">
        <v>214</v>
      </c>
      <c r="B12" s="21" t="s">
        <v>232</v>
      </c>
      <c r="C12" s="21" t="s">
        <v>237</v>
      </c>
      <c r="D12" s="21" t="s">
        <v>264</v>
      </c>
      <c r="E12" s="16">
        <v>387821</v>
      </c>
      <c r="F12" s="16">
        <v>386942</v>
      </c>
      <c r="G12" s="16">
        <v>879</v>
      </c>
      <c r="H12" s="16">
        <v>71</v>
      </c>
      <c r="I12" s="16">
        <v>185</v>
      </c>
      <c r="J12" s="16">
        <v>519</v>
      </c>
      <c r="K12" s="16">
        <v>57</v>
      </c>
      <c r="L12" s="16">
        <v>8</v>
      </c>
      <c r="M12" s="16">
        <v>39</v>
      </c>
    </row>
    <row r="13" spans="1:13">
      <c r="A13" s="21" t="s">
        <v>214</v>
      </c>
      <c r="B13" s="21" t="s">
        <v>240</v>
      </c>
      <c r="C13" s="21" t="s">
        <v>237</v>
      </c>
      <c r="D13" s="21" t="s">
        <v>265</v>
      </c>
      <c r="E13" s="16">
        <v>23224</v>
      </c>
      <c r="F13" s="16">
        <v>23147</v>
      </c>
      <c r="G13" s="16">
        <v>77</v>
      </c>
      <c r="H13" s="16">
        <v>11</v>
      </c>
      <c r="I13" s="16">
        <v>20</v>
      </c>
      <c r="J13" s="16">
        <v>41</v>
      </c>
      <c r="K13" s="22" t="s">
        <v>268</v>
      </c>
      <c r="L13" s="16">
        <v>1</v>
      </c>
      <c r="M13" s="16">
        <v>4</v>
      </c>
    </row>
    <row r="14" spans="1:13">
      <c r="A14" s="21" t="s">
        <v>488</v>
      </c>
      <c r="B14" s="21" t="s">
        <v>232</v>
      </c>
      <c r="C14" s="21" t="s">
        <v>233</v>
      </c>
      <c r="D14" s="21" t="s">
        <v>262</v>
      </c>
      <c r="E14" s="16">
        <v>39443867</v>
      </c>
      <c r="F14" s="16">
        <v>39411667</v>
      </c>
      <c r="G14" s="16">
        <v>32200</v>
      </c>
      <c r="H14" s="16">
        <v>188</v>
      </c>
      <c r="I14" s="16">
        <v>992</v>
      </c>
      <c r="J14" s="16">
        <v>4538</v>
      </c>
      <c r="K14" s="16">
        <v>218</v>
      </c>
      <c r="L14" s="16">
        <v>35</v>
      </c>
      <c r="M14" s="16">
        <v>26229</v>
      </c>
    </row>
    <row r="15" spans="1:13">
      <c r="A15" s="21" t="s">
        <v>488</v>
      </c>
      <c r="B15" s="21" t="s">
        <v>232</v>
      </c>
      <c r="C15" s="21" t="s">
        <v>237</v>
      </c>
      <c r="D15" s="21" t="s">
        <v>264</v>
      </c>
      <c r="E15" s="16">
        <v>365605</v>
      </c>
      <c r="F15" s="16">
        <v>365464</v>
      </c>
      <c r="G15" s="16">
        <v>141</v>
      </c>
      <c r="H15" s="16">
        <v>3</v>
      </c>
      <c r="I15" s="16">
        <v>32</v>
      </c>
      <c r="J15" s="16">
        <v>60</v>
      </c>
      <c r="K15" s="16">
        <v>6</v>
      </c>
      <c r="L15" s="16">
        <v>1</v>
      </c>
      <c r="M15" s="16">
        <v>39</v>
      </c>
    </row>
    <row r="16" spans="1:13">
      <c r="A16" s="21" t="s">
        <v>488</v>
      </c>
      <c r="B16" s="21" t="s">
        <v>240</v>
      </c>
      <c r="C16" s="21" t="s">
        <v>237</v>
      </c>
      <c r="D16" s="21" t="s">
        <v>265</v>
      </c>
      <c r="E16" s="16">
        <v>21628</v>
      </c>
      <c r="F16" s="16">
        <v>21615</v>
      </c>
      <c r="G16" s="16">
        <v>13</v>
      </c>
      <c r="H16" s="22" t="s">
        <v>268</v>
      </c>
      <c r="I16" s="16">
        <v>3</v>
      </c>
      <c r="J16" s="16">
        <v>6</v>
      </c>
      <c r="K16" s="22" t="s">
        <v>268</v>
      </c>
      <c r="L16" s="22" t="s">
        <v>268</v>
      </c>
      <c r="M16" s="16">
        <v>4</v>
      </c>
    </row>
    <row r="17" spans="1:13">
      <c r="A17" s="21" t="s">
        <v>489</v>
      </c>
      <c r="B17" s="21" t="s">
        <v>232</v>
      </c>
      <c r="C17" s="21" t="s">
        <v>233</v>
      </c>
      <c r="D17" s="21" t="s">
        <v>262</v>
      </c>
      <c r="E17" s="16">
        <v>1745390</v>
      </c>
      <c r="F17" s="16">
        <v>1721910</v>
      </c>
      <c r="G17" s="16">
        <v>23480</v>
      </c>
      <c r="H17" s="16">
        <v>1370</v>
      </c>
      <c r="I17" s="16">
        <v>1774</v>
      </c>
      <c r="J17" s="16">
        <v>19433</v>
      </c>
      <c r="K17" s="16">
        <v>702</v>
      </c>
      <c r="L17" s="16">
        <v>112</v>
      </c>
      <c r="M17" s="16">
        <v>89</v>
      </c>
    </row>
    <row r="18" spans="1:13">
      <c r="A18" s="21" t="s">
        <v>489</v>
      </c>
      <c r="B18" s="21" t="s">
        <v>232</v>
      </c>
      <c r="C18" s="21" t="s">
        <v>237</v>
      </c>
      <c r="D18" s="21" t="s">
        <v>264</v>
      </c>
      <c r="E18" s="16">
        <v>21933</v>
      </c>
      <c r="F18" s="16">
        <v>21478</v>
      </c>
      <c r="G18" s="16">
        <v>455</v>
      </c>
      <c r="H18" s="16">
        <v>29</v>
      </c>
      <c r="I18" s="16">
        <v>64</v>
      </c>
      <c r="J18" s="16">
        <v>324</v>
      </c>
      <c r="K18" s="16">
        <v>36</v>
      </c>
      <c r="L18" s="16">
        <v>2</v>
      </c>
      <c r="M18" s="22" t="s">
        <v>268</v>
      </c>
    </row>
    <row r="19" spans="1:13">
      <c r="A19" s="21" t="s">
        <v>489</v>
      </c>
      <c r="B19" s="21" t="s">
        <v>240</v>
      </c>
      <c r="C19" s="21" t="s">
        <v>237</v>
      </c>
      <c r="D19" s="21" t="s">
        <v>265</v>
      </c>
      <c r="E19" s="16">
        <v>1572</v>
      </c>
      <c r="F19" s="16">
        <v>1532</v>
      </c>
      <c r="G19" s="16">
        <v>40</v>
      </c>
      <c r="H19" s="16">
        <v>4</v>
      </c>
      <c r="I19" s="16">
        <v>7</v>
      </c>
      <c r="J19" s="16">
        <v>28</v>
      </c>
      <c r="K19" s="22" t="s">
        <v>268</v>
      </c>
      <c r="L19" s="16">
        <v>1</v>
      </c>
      <c r="M19" s="22" t="s">
        <v>268</v>
      </c>
    </row>
    <row r="20" spans="1:13">
      <c r="A20" s="21" t="s">
        <v>490</v>
      </c>
      <c r="B20" s="21" t="s">
        <v>232</v>
      </c>
      <c r="C20" s="21" t="s">
        <v>233</v>
      </c>
      <c r="D20" s="21" t="s">
        <v>262</v>
      </c>
      <c r="E20" s="16">
        <v>6725</v>
      </c>
      <c r="F20" s="16">
        <v>1</v>
      </c>
      <c r="G20" s="16">
        <v>6724</v>
      </c>
      <c r="H20" s="16">
        <v>536</v>
      </c>
      <c r="I20" s="16">
        <v>882</v>
      </c>
      <c r="J20" s="16">
        <v>5012</v>
      </c>
      <c r="K20" s="16">
        <v>225</v>
      </c>
      <c r="L20" s="16">
        <v>53</v>
      </c>
      <c r="M20" s="16">
        <v>16</v>
      </c>
    </row>
    <row r="21" spans="1:13">
      <c r="A21" s="21" t="s">
        <v>490</v>
      </c>
      <c r="B21" s="21" t="s">
        <v>232</v>
      </c>
      <c r="C21" s="21" t="s">
        <v>237</v>
      </c>
      <c r="D21" s="21" t="s">
        <v>264</v>
      </c>
      <c r="E21" s="16">
        <v>146</v>
      </c>
      <c r="F21" s="22" t="s">
        <v>268</v>
      </c>
      <c r="G21" s="16">
        <v>146</v>
      </c>
      <c r="H21" s="16">
        <v>19</v>
      </c>
      <c r="I21" s="16">
        <v>38</v>
      </c>
      <c r="J21" s="16">
        <v>80</v>
      </c>
      <c r="K21" s="16">
        <v>9</v>
      </c>
      <c r="L21" s="22" t="s">
        <v>268</v>
      </c>
      <c r="M21" s="22" t="s">
        <v>268</v>
      </c>
    </row>
    <row r="22" spans="1:13">
      <c r="A22" s="21" t="s">
        <v>490</v>
      </c>
      <c r="B22" s="21" t="s">
        <v>240</v>
      </c>
      <c r="C22" s="21" t="s">
        <v>237</v>
      </c>
      <c r="D22" s="21" t="s">
        <v>265</v>
      </c>
      <c r="E22" s="16">
        <v>9</v>
      </c>
      <c r="F22" s="22" t="s">
        <v>268</v>
      </c>
      <c r="G22" s="16">
        <v>9</v>
      </c>
      <c r="H22" s="16">
        <v>1</v>
      </c>
      <c r="I22" s="16">
        <v>5</v>
      </c>
      <c r="J22" s="16">
        <v>3</v>
      </c>
      <c r="K22" s="22" t="s">
        <v>268</v>
      </c>
      <c r="L22" s="22" t="s">
        <v>268</v>
      </c>
      <c r="M22" s="22" t="s">
        <v>268</v>
      </c>
    </row>
    <row r="23" spans="1:13">
      <c r="A23" s="21" t="s">
        <v>491</v>
      </c>
      <c r="B23" s="21" t="s">
        <v>232</v>
      </c>
      <c r="C23" s="21" t="s">
        <v>233</v>
      </c>
      <c r="D23" s="21" t="s">
        <v>262</v>
      </c>
      <c r="E23" s="16">
        <v>9403</v>
      </c>
      <c r="F23" s="22" t="s">
        <v>268</v>
      </c>
      <c r="G23" s="16">
        <v>9403</v>
      </c>
      <c r="H23" s="16">
        <v>731</v>
      </c>
      <c r="I23" s="16">
        <v>1846</v>
      </c>
      <c r="J23" s="16">
        <v>6194</v>
      </c>
      <c r="K23" s="16">
        <v>419</v>
      </c>
      <c r="L23" s="16">
        <v>196</v>
      </c>
      <c r="M23" s="16">
        <v>17</v>
      </c>
    </row>
    <row r="24" spans="1:13">
      <c r="A24" s="21" t="s">
        <v>491</v>
      </c>
      <c r="B24" s="21" t="s">
        <v>232</v>
      </c>
      <c r="C24" s="21" t="s">
        <v>237</v>
      </c>
      <c r="D24" s="21" t="s">
        <v>264</v>
      </c>
      <c r="E24" s="16">
        <v>137</v>
      </c>
      <c r="F24" s="22" t="s">
        <v>268</v>
      </c>
      <c r="G24" s="16">
        <v>137</v>
      </c>
      <c r="H24" s="16">
        <v>20</v>
      </c>
      <c r="I24" s="16">
        <v>51</v>
      </c>
      <c r="J24" s="16">
        <v>55</v>
      </c>
      <c r="K24" s="16">
        <v>6</v>
      </c>
      <c r="L24" s="16">
        <v>5</v>
      </c>
      <c r="M24" s="22" t="s">
        <v>268</v>
      </c>
    </row>
    <row r="25" spans="1:13">
      <c r="A25" s="21" t="s">
        <v>491</v>
      </c>
      <c r="B25" s="21" t="s">
        <v>240</v>
      </c>
      <c r="C25" s="21" t="s">
        <v>237</v>
      </c>
      <c r="D25" s="21" t="s">
        <v>265</v>
      </c>
      <c r="E25" s="16">
        <v>15</v>
      </c>
      <c r="F25" s="22" t="s">
        <v>268</v>
      </c>
      <c r="G25" s="16">
        <v>15</v>
      </c>
      <c r="H25" s="16">
        <v>6</v>
      </c>
      <c r="I25" s="16">
        <v>5</v>
      </c>
      <c r="J25" s="16">
        <v>4</v>
      </c>
      <c r="K25" s="22" t="s">
        <v>268</v>
      </c>
      <c r="L25" s="22" t="s">
        <v>268</v>
      </c>
      <c r="M25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5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B0820E-6DED-4447-B467-0E02CB87CF88}">
  <sheetPr>
    <pageSetUpPr fitToPage="1"/>
  </sheetPr>
  <dimension ref="A1:M25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 outlineLevelRow="1"/>
  <cols>
    <col min="1" max="1" width="20" style="20" customWidth="1"/>
    <col min="2" max="2" width="2.375" style="20" bestFit="1" customWidth="1"/>
    <col min="3" max="3" width="11.25" style="20" bestFit="1" customWidth="1"/>
    <col min="4" max="4" width="21.875" style="20" customWidth="1"/>
    <col min="5" max="16384" width="12.625" style="20"/>
  </cols>
  <sheetData>
    <row r="1" spans="1:13" s="11" customFormat="1">
      <c r="A1" s="11" t="s">
        <v>192</v>
      </c>
    </row>
    <row r="2" spans="1:13" s="11" customFormat="1">
      <c r="A2" s="11" t="s">
        <v>511</v>
      </c>
    </row>
    <row r="3" spans="1:13" s="11" customFormat="1"/>
    <row r="4" spans="1:13" s="11" customFormat="1" outlineLevel="1">
      <c r="A4" s="11" t="s">
        <v>510</v>
      </c>
    </row>
    <row r="5" spans="1:13" s="11" customFormat="1">
      <c r="E5" s="12" t="s">
        <v>211</v>
      </c>
      <c r="F5" s="12" t="s">
        <v>211</v>
      </c>
      <c r="G5" s="12" t="s">
        <v>211</v>
      </c>
      <c r="H5" s="12" t="s">
        <v>211</v>
      </c>
      <c r="I5" s="12" t="s">
        <v>211</v>
      </c>
      <c r="J5" s="12" t="s">
        <v>211</v>
      </c>
      <c r="K5" s="12" t="s">
        <v>211</v>
      </c>
      <c r="L5" s="12" t="s">
        <v>211</v>
      </c>
      <c r="M5" s="12" t="s">
        <v>211</v>
      </c>
    </row>
    <row r="6" spans="1:13" s="11" customFormat="1" ht="36">
      <c r="E6" s="12" t="s">
        <v>480</v>
      </c>
      <c r="F6" s="12" t="s">
        <v>480</v>
      </c>
      <c r="G6" s="12" t="s">
        <v>480</v>
      </c>
      <c r="H6" s="12" t="s">
        <v>480</v>
      </c>
      <c r="I6" s="12" t="s">
        <v>480</v>
      </c>
      <c r="J6" s="12" t="s">
        <v>480</v>
      </c>
      <c r="K6" s="12" t="s">
        <v>480</v>
      </c>
      <c r="L6" s="12" t="s">
        <v>480</v>
      </c>
      <c r="M6" s="12" t="s">
        <v>480</v>
      </c>
    </row>
    <row r="7" spans="1:13" s="11" customFormat="1">
      <c r="E7" s="12">
        <v>1</v>
      </c>
      <c r="F7" s="12">
        <v>1</v>
      </c>
      <c r="G7" s="12">
        <v>1</v>
      </c>
      <c r="H7" s="12">
        <v>2</v>
      </c>
      <c r="I7" s="12">
        <v>2</v>
      </c>
      <c r="J7" s="12">
        <v>2</v>
      </c>
      <c r="K7" s="12">
        <v>2</v>
      </c>
      <c r="L7" s="12">
        <v>2</v>
      </c>
      <c r="M7" s="12">
        <v>2</v>
      </c>
    </row>
    <row r="8" spans="1:13" s="11" customFormat="1" ht="24">
      <c r="E8" s="12" t="s">
        <v>214</v>
      </c>
      <c r="F8" s="12" t="s">
        <v>217</v>
      </c>
      <c r="G8" s="12" t="s">
        <v>218</v>
      </c>
      <c r="H8" s="12" t="s">
        <v>481</v>
      </c>
      <c r="I8" s="12" t="s">
        <v>482</v>
      </c>
      <c r="J8" s="12" t="s">
        <v>483</v>
      </c>
      <c r="K8" s="12" t="s">
        <v>484</v>
      </c>
      <c r="L8" s="12" t="s">
        <v>485</v>
      </c>
      <c r="M8" s="12" t="s">
        <v>486</v>
      </c>
    </row>
    <row r="9" spans="1:13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</row>
    <row r="10" spans="1:13" s="11" customFormat="1">
      <c r="A10" s="14" t="s">
        <v>487</v>
      </c>
      <c r="B10" s="14" t="s">
        <v>224</v>
      </c>
      <c r="C10" s="14" t="s">
        <v>259</v>
      </c>
      <c r="D10" s="14" t="s">
        <v>26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</row>
    <row r="11" spans="1:13">
      <c r="A11" s="15" t="s">
        <v>214</v>
      </c>
      <c r="B11" s="15" t="s">
        <v>232</v>
      </c>
      <c r="C11" s="15" t="s">
        <v>233</v>
      </c>
      <c r="D11" s="15" t="s">
        <v>262</v>
      </c>
      <c r="E11" s="16">
        <v>88285927</v>
      </c>
      <c r="F11" s="16">
        <v>86801073</v>
      </c>
      <c r="G11" s="16">
        <v>1484854</v>
      </c>
      <c r="H11" s="16">
        <v>110920</v>
      </c>
      <c r="I11" s="16">
        <v>267109</v>
      </c>
      <c r="J11" s="16">
        <v>985213</v>
      </c>
      <c r="K11" s="16">
        <v>62684</v>
      </c>
      <c r="L11" s="16">
        <v>29586</v>
      </c>
      <c r="M11" s="16">
        <v>29342</v>
      </c>
    </row>
    <row r="12" spans="1:13">
      <c r="A12" s="21" t="s">
        <v>214</v>
      </c>
      <c r="B12" s="21" t="s">
        <v>232</v>
      </c>
      <c r="C12" s="21" t="s">
        <v>237</v>
      </c>
      <c r="D12" s="21" t="s">
        <v>264</v>
      </c>
      <c r="E12" s="16">
        <v>865846</v>
      </c>
      <c r="F12" s="16">
        <v>841987</v>
      </c>
      <c r="G12" s="16">
        <v>23859</v>
      </c>
      <c r="H12" s="16">
        <v>2915</v>
      </c>
      <c r="I12" s="16">
        <v>7096</v>
      </c>
      <c r="J12" s="16">
        <v>11900</v>
      </c>
      <c r="K12" s="16">
        <v>1476</v>
      </c>
      <c r="L12" s="16">
        <v>432</v>
      </c>
      <c r="M12" s="16">
        <v>40</v>
      </c>
    </row>
    <row r="13" spans="1:13">
      <c r="A13" s="21" t="s">
        <v>214</v>
      </c>
      <c r="B13" s="21" t="s">
        <v>240</v>
      </c>
      <c r="C13" s="21" t="s">
        <v>237</v>
      </c>
      <c r="D13" s="21" t="s">
        <v>265</v>
      </c>
      <c r="E13" s="16">
        <v>54592</v>
      </c>
      <c r="F13" s="16">
        <v>52523</v>
      </c>
      <c r="G13" s="16">
        <v>2069</v>
      </c>
      <c r="H13" s="16">
        <v>574</v>
      </c>
      <c r="I13" s="16">
        <v>651</v>
      </c>
      <c r="J13" s="16">
        <v>832</v>
      </c>
      <c r="K13" s="22" t="s">
        <v>268</v>
      </c>
      <c r="L13" s="16">
        <v>8</v>
      </c>
      <c r="M13" s="16">
        <v>4</v>
      </c>
    </row>
    <row r="14" spans="1:13">
      <c r="A14" s="21" t="s">
        <v>488</v>
      </c>
      <c r="B14" s="21" t="s">
        <v>232</v>
      </c>
      <c r="C14" s="21" t="s">
        <v>233</v>
      </c>
      <c r="D14" s="21" t="s">
        <v>262</v>
      </c>
      <c r="E14" s="16">
        <v>77699388</v>
      </c>
      <c r="F14" s="16">
        <v>77655143</v>
      </c>
      <c r="G14" s="16">
        <v>44245</v>
      </c>
      <c r="H14" s="16">
        <v>513</v>
      </c>
      <c r="I14" s="16">
        <v>2316</v>
      </c>
      <c r="J14" s="16">
        <v>14366</v>
      </c>
      <c r="K14" s="16">
        <v>518</v>
      </c>
      <c r="L14" s="16">
        <v>86</v>
      </c>
      <c r="M14" s="16">
        <v>26446</v>
      </c>
    </row>
    <row r="15" spans="1:13">
      <c r="A15" s="21" t="s">
        <v>488</v>
      </c>
      <c r="B15" s="21" t="s">
        <v>232</v>
      </c>
      <c r="C15" s="21" t="s">
        <v>237</v>
      </c>
      <c r="D15" s="21" t="s">
        <v>264</v>
      </c>
      <c r="E15" s="16">
        <v>727452</v>
      </c>
      <c r="F15" s="16">
        <v>727145</v>
      </c>
      <c r="G15" s="16">
        <v>307</v>
      </c>
      <c r="H15" s="16">
        <v>11</v>
      </c>
      <c r="I15" s="16">
        <v>66</v>
      </c>
      <c r="J15" s="16">
        <v>178</v>
      </c>
      <c r="K15" s="16">
        <v>11</v>
      </c>
      <c r="L15" s="16">
        <v>1</v>
      </c>
      <c r="M15" s="16">
        <v>40</v>
      </c>
    </row>
    <row r="16" spans="1:13">
      <c r="A16" s="21" t="s">
        <v>488</v>
      </c>
      <c r="B16" s="21" t="s">
        <v>240</v>
      </c>
      <c r="C16" s="21" t="s">
        <v>237</v>
      </c>
      <c r="D16" s="21" t="s">
        <v>265</v>
      </c>
      <c r="E16" s="16">
        <v>44208</v>
      </c>
      <c r="F16" s="16">
        <v>44181</v>
      </c>
      <c r="G16" s="16">
        <v>27</v>
      </c>
      <c r="H16" s="22" t="s">
        <v>268</v>
      </c>
      <c r="I16" s="16">
        <v>5</v>
      </c>
      <c r="J16" s="16">
        <v>18</v>
      </c>
      <c r="K16" s="22" t="s">
        <v>268</v>
      </c>
      <c r="L16" s="22" t="s">
        <v>268</v>
      </c>
      <c r="M16" s="16">
        <v>4</v>
      </c>
    </row>
    <row r="17" spans="1:13">
      <c r="A17" s="21" t="s">
        <v>489</v>
      </c>
      <c r="B17" s="21" t="s">
        <v>232</v>
      </c>
      <c r="C17" s="21" t="s">
        <v>233</v>
      </c>
      <c r="D17" s="21" t="s">
        <v>262</v>
      </c>
      <c r="E17" s="16">
        <v>9485518</v>
      </c>
      <c r="F17" s="16">
        <v>9145896</v>
      </c>
      <c r="G17" s="16">
        <v>339622</v>
      </c>
      <c r="H17" s="16">
        <v>21197</v>
      </c>
      <c r="I17" s="16">
        <v>24831</v>
      </c>
      <c r="J17" s="16">
        <v>280471</v>
      </c>
      <c r="K17" s="16">
        <v>10501</v>
      </c>
      <c r="L17" s="16">
        <v>1585</v>
      </c>
      <c r="M17" s="16">
        <v>1037</v>
      </c>
    </row>
    <row r="18" spans="1:13">
      <c r="A18" s="21" t="s">
        <v>489</v>
      </c>
      <c r="B18" s="21" t="s">
        <v>232</v>
      </c>
      <c r="C18" s="21" t="s">
        <v>237</v>
      </c>
      <c r="D18" s="21" t="s">
        <v>264</v>
      </c>
      <c r="E18" s="16">
        <v>121655</v>
      </c>
      <c r="F18" s="16">
        <v>114842</v>
      </c>
      <c r="G18" s="16">
        <v>6813</v>
      </c>
      <c r="H18" s="16">
        <v>500</v>
      </c>
      <c r="I18" s="16">
        <v>889</v>
      </c>
      <c r="J18" s="16">
        <v>4773</v>
      </c>
      <c r="K18" s="16">
        <v>624</v>
      </c>
      <c r="L18" s="16">
        <v>27</v>
      </c>
      <c r="M18" s="22" t="s">
        <v>268</v>
      </c>
    </row>
    <row r="19" spans="1:13">
      <c r="A19" s="21" t="s">
        <v>489</v>
      </c>
      <c r="B19" s="21" t="s">
        <v>240</v>
      </c>
      <c r="C19" s="21" t="s">
        <v>237</v>
      </c>
      <c r="D19" s="21" t="s">
        <v>265</v>
      </c>
      <c r="E19" s="16">
        <v>8872</v>
      </c>
      <c r="F19" s="16">
        <v>8342</v>
      </c>
      <c r="G19" s="16">
        <v>530</v>
      </c>
      <c r="H19" s="16">
        <v>43</v>
      </c>
      <c r="I19" s="16">
        <v>93</v>
      </c>
      <c r="J19" s="16">
        <v>386</v>
      </c>
      <c r="K19" s="22" t="s">
        <v>268</v>
      </c>
      <c r="L19" s="16">
        <v>8</v>
      </c>
      <c r="M19" s="22" t="s">
        <v>268</v>
      </c>
    </row>
    <row r="20" spans="1:13">
      <c r="A20" s="21" t="s">
        <v>490</v>
      </c>
      <c r="B20" s="21" t="s">
        <v>232</v>
      </c>
      <c r="C20" s="21" t="s">
        <v>233</v>
      </c>
      <c r="D20" s="21" t="s">
        <v>262</v>
      </c>
      <c r="E20" s="16">
        <v>263529</v>
      </c>
      <c r="F20" s="16">
        <v>34</v>
      </c>
      <c r="G20" s="16">
        <v>263495</v>
      </c>
      <c r="H20" s="16">
        <v>20704</v>
      </c>
      <c r="I20" s="16">
        <v>34762</v>
      </c>
      <c r="J20" s="16">
        <v>196697</v>
      </c>
      <c r="K20" s="16">
        <v>8616</v>
      </c>
      <c r="L20" s="16">
        <v>2083</v>
      </c>
      <c r="M20" s="16">
        <v>633</v>
      </c>
    </row>
    <row r="21" spans="1:13">
      <c r="A21" s="21" t="s">
        <v>490</v>
      </c>
      <c r="B21" s="21" t="s">
        <v>232</v>
      </c>
      <c r="C21" s="21" t="s">
        <v>237</v>
      </c>
      <c r="D21" s="21" t="s">
        <v>264</v>
      </c>
      <c r="E21" s="16">
        <v>5609</v>
      </c>
      <c r="F21" s="22" t="s">
        <v>268</v>
      </c>
      <c r="G21" s="16">
        <v>5609</v>
      </c>
      <c r="H21" s="16">
        <v>711</v>
      </c>
      <c r="I21" s="16">
        <v>1481</v>
      </c>
      <c r="J21" s="16">
        <v>3100</v>
      </c>
      <c r="K21" s="16">
        <v>317</v>
      </c>
      <c r="L21" s="22" t="s">
        <v>268</v>
      </c>
      <c r="M21" s="22" t="s">
        <v>268</v>
      </c>
    </row>
    <row r="22" spans="1:13">
      <c r="A22" s="21" t="s">
        <v>490</v>
      </c>
      <c r="B22" s="21" t="s">
        <v>240</v>
      </c>
      <c r="C22" s="21" t="s">
        <v>237</v>
      </c>
      <c r="D22" s="21" t="s">
        <v>265</v>
      </c>
      <c r="E22" s="16">
        <v>366</v>
      </c>
      <c r="F22" s="22" t="s">
        <v>268</v>
      </c>
      <c r="G22" s="16">
        <v>366</v>
      </c>
      <c r="H22" s="16">
        <v>42</v>
      </c>
      <c r="I22" s="16">
        <v>202</v>
      </c>
      <c r="J22" s="16">
        <v>122</v>
      </c>
      <c r="K22" s="22" t="s">
        <v>268</v>
      </c>
      <c r="L22" s="22" t="s">
        <v>268</v>
      </c>
      <c r="M22" s="22" t="s">
        <v>268</v>
      </c>
    </row>
    <row r="23" spans="1:13">
      <c r="A23" s="21" t="s">
        <v>491</v>
      </c>
      <c r="B23" s="21" t="s">
        <v>232</v>
      </c>
      <c r="C23" s="21" t="s">
        <v>233</v>
      </c>
      <c r="D23" s="21" t="s">
        <v>262</v>
      </c>
      <c r="E23" s="16">
        <v>837492</v>
      </c>
      <c r="F23" s="22" t="s">
        <v>268</v>
      </c>
      <c r="G23" s="16">
        <v>837492</v>
      </c>
      <c r="H23" s="16">
        <v>68506</v>
      </c>
      <c r="I23" s="16">
        <v>205200</v>
      </c>
      <c r="J23" s="16">
        <v>493679</v>
      </c>
      <c r="K23" s="16">
        <v>43049</v>
      </c>
      <c r="L23" s="16">
        <v>25832</v>
      </c>
      <c r="M23" s="16">
        <v>1226</v>
      </c>
    </row>
    <row r="24" spans="1:13">
      <c r="A24" s="21" t="s">
        <v>491</v>
      </c>
      <c r="B24" s="21" t="s">
        <v>232</v>
      </c>
      <c r="C24" s="21" t="s">
        <v>237</v>
      </c>
      <c r="D24" s="21" t="s">
        <v>264</v>
      </c>
      <c r="E24" s="16">
        <v>11130</v>
      </c>
      <c r="F24" s="22" t="s">
        <v>268</v>
      </c>
      <c r="G24" s="16">
        <v>11130</v>
      </c>
      <c r="H24" s="16">
        <v>1693</v>
      </c>
      <c r="I24" s="16">
        <v>4660</v>
      </c>
      <c r="J24" s="16">
        <v>3849</v>
      </c>
      <c r="K24" s="16">
        <v>524</v>
      </c>
      <c r="L24" s="16">
        <v>404</v>
      </c>
      <c r="M24" s="22" t="s">
        <v>268</v>
      </c>
    </row>
    <row r="25" spans="1:13">
      <c r="A25" s="21" t="s">
        <v>491</v>
      </c>
      <c r="B25" s="21" t="s">
        <v>240</v>
      </c>
      <c r="C25" s="21" t="s">
        <v>237</v>
      </c>
      <c r="D25" s="21" t="s">
        <v>265</v>
      </c>
      <c r="E25" s="16">
        <v>1146</v>
      </c>
      <c r="F25" s="22" t="s">
        <v>268</v>
      </c>
      <c r="G25" s="16">
        <v>1146</v>
      </c>
      <c r="H25" s="16">
        <v>489</v>
      </c>
      <c r="I25" s="16">
        <v>351</v>
      </c>
      <c r="J25" s="16">
        <v>306</v>
      </c>
      <c r="K25" s="22" t="s">
        <v>268</v>
      </c>
      <c r="L25" s="22" t="s">
        <v>268</v>
      </c>
      <c r="M25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5" orientation="portrait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12985D-93F8-49AC-8C37-9C88CF2C4D02}">
  <sheetPr>
    <pageSetUpPr fitToPage="1"/>
  </sheetPr>
  <dimension ref="A1:R13"/>
  <sheetViews>
    <sheetView zoomScaleNormal="100" workbookViewId="0">
      <pane xSplit="3" ySplit="10" topLeftCell="D11" activePane="bottomRight" state="frozen"/>
      <selection pane="topRight" activeCell="N1" sqref="N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21.875" style="20" customWidth="1"/>
    <col min="4" max="16384" width="12.625" style="20"/>
  </cols>
  <sheetData>
    <row r="1" spans="1:18" s="11" customFormat="1">
      <c r="A1" s="11" t="s">
        <v>192</v>
      </c>
    </row>
    <row r="2" spans="1:18" s="11" customFormat="1">
      <c r="A2" s="11" t="s">
        <v>512</v>
      </c>
    </row>
    <row r="3" spans="1:18" s="11" customFormat="1"/>
    <row r="4" spans="1:18" s="11" customFormat="1" outlineLevel="1">
      <c r="A4" s="11" t="s">
        <v>510</v>
      </c>
    </row>
    <row r="5" spans="1:18" s="11" customFormat="1" ht="36">
      <c r="D5" s="12" t="s">
        <v>494</v>
      </c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5</v>
      </c>
      <c r="P5" s="12" t="s">
        <v>496</v>
      </c>
      <c r="Q5" s="12" t="s">
        <v>497</v>
      </c>
      <c r="R5" s="12" t="s">
        <v>498</v>
      </c>
    </row>
    <row r="6" spans="1:18" s="11" customFormat="1" ht="24">
      <c r="D6" s="12" t="s">
        <v>487</v>
      </c>
      <c r="E6" s="12" t="s">
        <v>487</v>
      </c>
      <c r="F6" s="12" t="s">
        <v>487</v>
      </c>
      <c r="G6" s="12" t="s">
        <v>487</v>
      </c>
      <c r="H6" s="12" t="s">
        <v>487</v>
      </c>
      <c r="I6" s="12" t="s">
        <v>487</v>
      </c>
      <c r="J6" s="12" t="s">
        <v>487</v>
      </c>
      <c r="K6" s="12" t="s">
        <v>487</v>
      </c>
      <c r="L6" s="12" t="s">
        <v>487</v>
      </c>
      <c r="M6" s="12" t="s">
        <v>487</v>
      </c>
      <c r="N6" s="12" t="s">
        <v>487</v>
      </c>
      <c r="O6" s="12"/>
      <c r="P6" s="12"/>
      <c r="Q6" s="12"/>
      <c r="R6" s="12"/>
    </row>
    <row r="7" spans="1:18" s="11" customFormat="1">
      <c r="D7" s="12">
        <v>1</v>
      </c>
      <c r="E7" s="12">
        <v>1</v>
      </c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  <c r="M7" s="12">
        <v>1</v>
      </c>
      <c r="N7" s="12">
        <v>1</v>
      </c>
      <c r="O7" s="12"/>
      <c r="P7" s="12"/>
      <c r="Q7" s="12"/>
      <c r="R7" s="12"/>
    </row>
    <row r="8" spans="1:18" s="11" customFormat="1" ht="24">
      <c r="D8" s="12" t="s">
        <v>401</v>
      </c>
      <c r="E8" s="12" t="s">
        <v>499</v>
      </c>
      <c r="F8" s="12" t="s">
        <v>500</v>
      </c>
      <c r="G8" s="12" t="s">
        <v>501</v>
      </c>
      <c r="H8" s="12" t="s">
        <v>502</v>
      </c>
      <c r="I8" s="12" t="s">
        <v>503</v>
      </c>
      <c r="J8" s="12" t="s">
        <v>504</v>
      </c>
      <c r="K8" s="12" t="s">
        <v>505</v>
      </c>
      <c r="L8" s="12" t="s">
        <v>506</v>
      </c>
      <c r="M8" s="12" t="s">
        <v>507</v>
      </c>
      <c r="N8" s="12" t="s">
        <v>508</v>
      </c>
      <c r="O8" s="12"/>
      <c r="P8" s="12"/>
      <c r="Q8" s="12"/>
      <c r="R8" s="12"/>
    </row>
    <row r="9" spans="1:18" s="11" customFormat="1">
      <c r="D9" s="13" t="s">
        <v>223</v>
      </c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19</v>
      </c>
      <c r="P9" s="13" t="s">
        <v>219</v>
      </c>
      <c r="Q9" s="13" t="s">
        <v>219</v>
      </c>
      <c r="R9" s="13" t="s">
        <v>219</v>
      </c>
    </row>
    <row r="10" spans="1:18" s="11" customFormat="1">
      <c r="A10" s="14" t="s">
        <v>224</v>
      </c>
      <c r="B10" s="14" t="s">
        <v>259</v>
      </c>
      <c r="C10" s="14" t="s">
        <v>260</v>
      </c>
      <c r="D10" s="14" t="s">
        <v>231</v>
      </c>
      <c r="E10" s="14"/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</row>
    <row r="11" spans="1:18">
      <c r="A11" s="15" t="s">
        <v>232</v>
      </c>
      <c r="B11" s="15" t="s">
        <v>233</v>
      </c>
      <c r="C11" s="15" t="s">
        <v>262</v>
      </c>
      <c r="D11" s="16">
        <v>41133578</v>
      </c>
      <c r="E11" s="16">
        <v>17087609</v>
      </c>
      <c r="F11" s="16">
        <v>11102950</v>
      </c>
      <c r="G11" s="16">
        <v>6522798</v>
      </c>
      <c r="H11" s="16">
        <v>4698310</v>
      </c>
      <c r="I11" s="16">
        <v>1319433</v>
      </c>
      <c r="J11" s="16">
        <v>301832</v>
      </c>
      <c r="K11" s="16">
        <v>76461</v>
      </c>
      <c r="L11" s="16">
        <v>18037</v>
      </c>
      <c r="M11" s="16">
        <v>4469</v>
      </c>
      <c r="N11" s="16">
        <v>1679</v>
      </c>
      <c r="O11" s="16">
        <v>86801073</v>
      </c>
      <c r="P11" s="17">
        <v>2.11022</v>
      </c>
      <c r="Q11" s="16">
        <v>421508</v>
      </c>
      <c r="R11" s="16">
        <v>330757</v>
      </c>
    </row>
    <row r="12" spans="1:18">
      <c r="A12" s="21" t="s">
        <v>232</v>
      </c>
      <c r="B12" s="21" t="s">
        <v>237</v>
      </c>
      <c r="C12" s="21" t="s">
        <v>264</v>
      </c>
      <c r="D12" s="16">
        <v>386942</v>
      </c>
      <c r="E12" s="16">
        <v>153663</v>
      </c>
      <c r="F12" s="16">
        <v>106338</v>
      </c>
      <c r="G12" s="16">
        <v>61046</v>
      </c>
      <c r="H12" s="16">
        <v>44417</v>
      </c>
      <c r="I12" s="16">
        <v>15987</v>
      </c>
      <c r="J12" s="16">
        <v>4008</v>
      </c>
      <c r="K12" s="16">
        <v>1112</v>
      </c>
      <c r="L12" s="16">
        <v>294</v>
      </c>
      <c r="M12" s="16">
        <v>57</v>
      </c>
      <c r="N12" s="16">
        <v>20</v>
      </c>
      <c r="O12" s="16">
        <v>841987</v>
      </c>
      <c r="P12" s="17">
        <v>2.1760000000000002</v>
      </c>
      <c r="Q12" s="16">
        <v>3045</v>
      </c>
      <c r="R12" s="16">
        <v>2216</v>
      </c>
    </row>
    <row r="13" spans="1:18">
      <c r="A13" s="21" t="s">
        <v>240</v>
      </c>
      <c r="B13" s="21" t="s">
        <v>237</v>
      </c>
      <c r="C13" s="21" t="s">
        <v>265</v>
      </c>
      <c r="D13" s="16">
        <v>23147</v>
      </c>
      <c r="E13" s="16">
        <v>8121</v>
      </c>
      <c r="F13" s="16">
        <v>7058</v>
      </c>
      <c r="G13" s="16">
        <v>3800</v>
      </c>
      <c r="H13" s="16">
        <v>2636</v>
      </c>
      <c r="I13" s="16">
        <v>1042</v>
      </c>
      <c r="J13" s="16">
        <v>344</v>
      </c>
      <c r="K13" s="16">
        <v>105</v>
      </c>
      <c r="L13" s="16">
        <v>36</v>
      </c>
      <c r="M13" s="16">
        <v>5</v>
      </c>
      <c r="N13" s="22" t="s">
        <v>268</v>
      </c>
      <c r="O13" s="16">
        <v>52523</v>
      </c>
      <c r="P13" s="17">
        <v>2.26911</v>
      </c>
      <c r="Q13" s="16">
        <v>222</v>
      </c>
      <c r="R13" s="16">
        <v>181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1" orientation="portrait" r:id="rId1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66BFD9-22A9-472F-ABEB-C3A86E90B142}">
  <sheetPr>
    <pageSetUpPr fitToPage="1"/>
  </sheetPr>
  <dimension ref="A1:L478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23.875" style="20" bestFit="1" customWidth="1"/>
    <col min="5" max="5" width="12.625" style="20"/>
    <col min="6" max="6" width="19" style="20" bestFit="1" customWidth="1"/>
    <col min="7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513</v>
      </c>
    </row>
    <row r="3" spans="1:12" s="11" customFormat="1"/>
    <row r="4" spans="1:12" s="11" customFormat="1" hidden="1"/>
    <row r="5" spans="1:12" s="11" customFormat="1">
      <c r="G5" s="12" t="s">
        <v>211</v>
      </c>
      <c r="H5" s="12" t="s">
        <v>211</v>
      </c>
      <c r="I5" s="12" t="s">
        <v>211</v>
      </c>
      <c r="J5" s="12" t="s">
        <v>211</v>
      </c>
      <c r="K5" s="12" t="s">
        <v>211</v>
      </c>
      <c r="L5" s="12" t="s">
        <v>211</v>
      </c>
    </row>
    <row r="6" spans="1:12" s="11" customFormat="1">
      <c r="G6" s="12" t="s">
        <v>465</v>
      </c>
      <c r="H6" s="12" t="s">
        <v>465</v>
      </c>
      <c r="I6" s="12" t="s">
        <v>465</v>
      </c>
      <c r="J6" s="12" t="s">
        <v>465</v>
      </c>
      <c r="K6" s="12" t="s">
        <v>465</v>
      </c>
      <c r="L6" s="12" t="s">
        <v>465</v>
      </c>
    </row>
    <row r="7" spans="1:12" s="11" customFormat="1"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</row>
    <row r="8" spans="1:12" s="11" customFormat="1" ht="24">
      <c r="G8" s="12" t="s">
        <v>214</v>
      </c>
      <c r="H8" s="12" t="s">
        <v>466</v>
      </c>
      <c r="I8" s="12" t="s">
        <v>467</v>
      </c>
      <c r="J8" s="12" t="s">
        <v>468</v>
      </c>
      <c r="K8" s="12" t="s">
        <v>469</v>
      </c>
      <c r="L8" s="12" t="s">
        <v>470</v>
      </c>
    </row>
    <row r="9" spans="1:12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</row>
    <row r="10" spans="1:12" s="11" customFormat="1">
      <c r="A10" s="14" t="s">
        <v>224</v>
      </c>
      <c r="B10" s="14" t="s">
        <v>259</v>
      </c>
      <c r="C10" s="14" t="s">
        <v>230</v>
      </c>
      <c r="D10" s="14" t="s">
        <v>213</v>
      </c>
      <c r="E10" s="14" t="s">
        <v>212</v>
      </c>
      <c r="F10" s="14" t="s">
        <v>282</v>
      </c>
      <c r="G10" s="14" t="s">
        <v>231</v>
      </c>
      <c r="H10" s="14"/>
      <c r="I10" s="14"/>
      <c r="J10" s="14"/>
      <c r="K10" s="14"/>
      <c r="L10" s="14"/>
    </row>
    <row r="11" spans="1:12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214</v>
      </c>
      <c r="F11" s="15" t="s">
        <v>401</v>
      </c>
      <c r="G11" s="16">
        <v>126146099</v>
      </c>
      <c r="H11" s="16">
        <v>43442335</v>
      </c>
      <c r="I11" s="16">
        <v>60468842</v>
      </c>
      <c r="J11" s="16">
        <v>9083208</v>
      </c>
      <c r="K11" s="16">
        <v>5601755</v>
      </c>
      <c r="L11" s="16">
        <v>7549959</v>
      </c>
    </row>
    <row r="12" spans="1:12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214</v>
      </c>
      <c r="F12" s="21" t="s">
        <v>514</v>
      </c>
      <c r="G12" s="16">
        <v>14955692</v>
      </c>
      <c r="H12" s="16">
        <v>14955692</v>
      </c>
      <c r="I12" s="22" t="s">
        <v>268</v>
      </c>
      <c r="J12" s="22" t="s">
        <v>268</v>
      </c>
      <c r="K12" s="22" t="s">
        <v>268</v>
      </c>
      <c r="L12" s="22" t="s">
        <v>268</v>
      </c>
    </row>
    <row r="13" spans="1:12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214</v>
      </c>
      <c r="F13" s="21" t="s">
        <v>515</v>
      </c>
      <c r="G13" s="16">
        <v>5617440</v>
      </c>
      <c r="H13" s="16">
        <v>5568998</v>
      </c>
      <c r="I13" s="16">
        <v>15600</v>
      </c>
      <c r="J13" s="16">
        <v>379</v>
      </c>
      <c r="K13" s="16">
        <v>1286</v>
      </c>
      <c r="L13" s="16">
        <v>31177</v>
      </c>
    </row>
    <row r="14" spans="1:12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214</v>
      </c>
      <c r="F14" s="21" t="s">
        <v>516</v>
      </c>
      <c r="G14" s="16">
        <v>5931306</v>
      </c>
      <c r="H14" s="16">
        <v>5207371</v>
      </c>
      <c r="I14" s="16">
        <v>322747</v>
      </c>
      <c r="J14" s="16">
        <v>1266</v>
      </c>
      <c r="K14" s="16">
        <v>19869</v>
      </c>
      <c r="L14" s="16">
        <v>380053</v>
      </c>
    </row>
    <row r="15" spans="1:12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214</v>
      </c>
      <c r="F15" s="21" t="s">
        <v>517</v>
      </c>
      <c r="G15" s="16">
        <v>6031964</v>
      </c>
      <c r="H15" s="16">
        <v>3730227</v>
      </c>
      <c r="I15" s="16">
        <v>1702399</v>
      </c>
      <c r="J15" s="16">
        <v>1862</v>
      </c>
      <c r="K15" s="16">
        <v>79281</v>
      </c>
      <c r="L15" s="16">
        <v>518195</v>
      </c>
    </row>
    <row r="16" spans="1:12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214</v>
      </c>
      <c r="F16" s="21" t="s">
        <v>518</v>
      </c>
      <c r="G16" s="16">
        <v>6484594</v>
      </c>
      <c r="H16" s="16">
        <v>2510676</v>
      </c>
      <c r="I16" s="16">
        <v>3386775</v>
      </c>
      <c r="J16" s="16">
        <v>4254</v>
      </c>
      <c r="K16" s="16">
        <v>176381</v>
      </c>
      <c r="L16" s="16">
        <v>406508</v>
      </c>
    </row>
    <row r="17" spans="1:12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214</v>
      </c>
      <c r="F17" s="21" t="s">
        <v>519</v>
      </c>
      <c r="G17" s="16">
        <v>7311567</v>
      </c>
      <c r="H17" s="16">
        <v>2020933</v>
      </c>
      <c r="I17" s="16">
        <v>4615042</v>
      </c>
      <c r="J17" s="16">
        <v>11215</v>
      </c>
      <c r="K17" s="16">
        <v>302088</v>
      </c>
      <c r="L17" s="16">
        <v>362289</v>
      </c>
    </row>
    <row r="18" spans="1:12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214</v>
      </c>
      <c r="F18" s="21" t="s">
        <v>520</v>
      </c>
      <c r="G18" s="16">
        <v>8291077</v>
      </c>
      <c r="H18" s="16">
        <v>1923980</v>
      </c>
      <c r="I18" s="16">
        <v>5535405</v>
      </c>
      <c r="J18" s="16">
        <v>26185</v>
      </c>
      <c r="K18" s="16">
        <v>453667</v>
      </c>
      <c r="L18" s="16">
        <v>351840</v>
      </c>
    </row>
    <row r="19" spans="1:12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214</v>
      </c>
      <c r="F19" s="21" t="s">
        <v>521</v>
      </c>
      <c r="G19" s="16">
        <v>9650293</v>
      </c>
      <c r="H19" s="16">
        <v>2067894</v>
      </c>
      <c r="I19" s="16">
        <v>6444119</v>
      </c>
      <c r="J19" s="16">
        <v>60839</v>
      </c>
      <c r="K19" s="16">
        <v>677806</v>
      </c>
      <c r="L19" s="16">
        <v>399635</v>
      </c>
    </row>
    <row r="20" spans="1:12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214</v>
      </c>
      <c r="F20" s="21" t="s">
        <v>522</v>
      </c>
      <c r="G20" s="16">
        <v>8539851</v>
      </c>
      <c r="H20" s="16">
        <v>1610402</v>
      </c>
      <c r="I20" s="16">
        <v>5768587</v>
      </c>
      <c r="J20" s="16">
        <v>103669</v>
      </c>
      <c r="K20" s="16">
        <v>707680</v>
      </c>
      <c r="L20" s="16">
        <v>349513</v>
      </c>
    </row>
    <row r="21" spans="1:12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214</v>
      </c>
      <c r="F21" s="21" t="s">
        <v>523</v>
      </c>
      <c r="G21" s="16">
        <v>7767482</v>
      </c>
      <c r="H21" s="16">
        <v>1156000</v>
      </c>
      <c r="I21" s="16">
        <v>5483125</v>
      </c>
      <c r="J21" s="16">
        <v>182387</v>
      </c>
      <c r="K21" s="16">
        <v>679236</v>
      </c>
      <c r="L21" s="16">
        <v>266734</v>
      </c>
    </row>
    <row r="22" spans="1:12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214</v>
      </c>
      <c r="F22" s="21" t="s">
        <v>524</v>
      </c>
      <c r="G22" s="16">
        <v>7297190</v>
      </c>
      <c r="H22" s="16">
        <v>821473</v>
      </c>
      <c r="I22" s="16">
        <v>5349388</v>
      </c>
      <c r="J22" s="16">
        <v>314695</v>
      </c>
      <c r="K22" s="16">
        <v>605176</v>
      </c>
      <c r="L22" s="16">
        <v>206458</v>
      </c>
    </row>
    <row r="23" spans="1:12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214</v>
      </c>
      <c r="F23" s="21" t="s">
        <v>525</v>
      </c>
      <c r="G23" s="16">
        <v>8075268</v>
      </c>
      <c r="H23" s="16">
        <v>704138</v>
      </c>
      <c r="I23" s="16">
        <v>5934516</v>
      </c>
      <c r="J23" s="16">
        <v>609268</v>
      </c>
      <c r="K23" s="16">
        <v>610719</v>
      </c>
      <c r="L23" s="16">
        <v>216627</v>
      </c>
    </row>
    <row r="24" spans="1:12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214</v>
      </c>
      <c r="F24" s="21" t="s">
        <v>526</v>
      </c>
      <c r="G24" s="16">
        <v>9011795</v>
      </c>
      <c r="H24" s="16">
        <v>562725</v>
      </c>
      <c r="I24" s="16">
        <v>6463632</v>
      </c>
      <c r="J24" s="16">
        <v>1118679</v>
      </c>
      <c r="K24" s="16">
        <v>604212</v>
      </c>
      <c r="L24" s="16">
        <v>262547</v>
      </c>
    </row>
    <row r="25" spans="1:12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214</v>
      </c>
      <c r="F25" s="21" t="s">
        <v>527</v>
      </c>
      <c r="G25" s="16">
        <v>6930928</v>
      </c>
      <c r="H25" s="16">
        <v>278554</v>
      </c>
      <c r="I25" s="16">
        <v>4607291</v>
      </c>
      <c r="J25" s="16">
        <v>1456362</v>
      </c>
      <c r="K25" s="16">
        <v>348864</v>
      </c>
      <c r="L25" s="16">
        <v>239857</v>
      </c>
    </row>
    <row r="26" spans="1:12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214</v>
      </c>
      <c r="F26" s="21" t="s">
        <v>528</v>
      </c>
      <c r="G26" s="16">
        <v>5296728</v>
      </c>
      <c r="H26" s="16">
        <v>159278</v>
      </c>
      <c r="I26" s="16">
        <v>2944843</v>
      </c>
      <c r="J26" s="16">
        <v>1764322</v>
      </c>
      <c r="K26" s="16">
        <v>191413</v>
      </c>
      <c r="L26" s="16">
        <v>236872</v>
      </c>
    </row>
    <row r="27" spans="1:12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214</v>
      </c>
      <c r="F27" s="21" t="s">
        <v>529</v>
      </c>
      <c r="G27" s="16">
        <v>3669823</v>
      </c>
      <c r="H27" s="16">
        <v>100254</v>
      </c>
      <c r="I27" s="16">
        <v>1446735</v>
      </c>
      <c r="J27" s="16">
        <v>1813805</v>
      </c>
      <c r="K27" s="16">
        <v>95370</v>
      </c>
      <c r="L27" s="16">
        <v>213659</v>
      </c>
    </row>
    <row r="28" spans="1:12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214</v>
      </c>
      <c r="F28" s="21" t="s">
        <v>530</v>
      </c>
      <c r="G28" s="16">
        <v>1779016</v>
      </c>
      <c r="H28" s="16">
        <v>49324</v>
      </c>
      <c r="I28" s="16">
        <v>397903</v>
      </c>
      <c r="J28" s="16">
        <v>1165782</v>
      </c>
      <c r="K28" s="16">
        <v>38034</v>
      </c>
      <c r="L28" s="16">
        <v>127973</v>
      </c>
    </row>
    <row r="29" spans="1:12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214</v>
      </c>
      <c r="F29" s="21" t="s">
        <v>531</v>
      </c>
      <c r="G29" s="16">
        <v>492724</v>
      </c>
      <c r="H29" s="16">
        <v>12657</v>
      </c>
      <c r="I29" s="16">
        <v>47485</v>
      </c>
      <c r="J29" s="16">
        <v>382688</v>
      </c>
      <c r="K29" s="16">
        <v>9480</v>
      </c>
      <c r="L29" s="16">
        <v>40414</v>
      </c>
    </row>
    <row r="30" spans="1:12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214</v>
      </c>
      <c r="F30" s="21" t="s">
        <v>532</v>
      </c>
      <c r="G30" s="16">
        <v>79523</v>
      </c>
      <c r="H30" s="16">
        <v>1759</v>
      </c>
      <c r="I30" s="16">
        <v>3250</v>
      </c>
      <c r="J30" s="16">
        <v>65551</v>
      </c>
      <c r="K30" s="16">
        <v>1193</v>
      </c>
      <c r="L30" s="16">
        <v>7770</v>
      </c>
    </row>
    <row r="31" spans="1:12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214</v>
      </c>
      <c r="F31" s="21" t="s">
        <v>533</v>
      </c>
      <c r="G31" s="16">
        <v>2931838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16">
        <v>2931838</v>
      </c>
    </row>
    <row r="32" spans="1:12">
      <c r="A32" s="21" t="s">
        <v>232</v>
      </c>
      <c r="B32" s="21" t="s">
        <v>233</v>
      </c>
      <c r="C32" s="21" t="s">
        <v>262</v>
      </c>
      <c r="D32" s="21" t="s">
        <v>214</v>
      </c>
      <c r="E32" s="21" t="s">
        <v>214</v>
      </c>
      <c r="F32" s="21" t="s">
        <v>461</v>
      </c>
      <c r="G32" s="16">
        <v>72922764</v>
      </c>
      <c r="H32" s="16">
        <v>26617954</v>
      </c>
      <c r="I32" s="16">
        <v>38623187</v>
      </c>
      <c r="J32" s="16">
        <v>706751</v>
      </c>
      <c r="K32" s="16">
        <v>3702470</v>
      </c>
      <c r="L32" s="16">
        <v>3272402</v>
      </c>
    </row>
    <row r="33" spans="1:12">
      <c r="A33" s="21" t="s">
        <v>232</v>
      </c>
      <c r="B33" s="21" t="s">
        <v>233</v>
      </c>
      <c r="C33" s="21" t="s">
        <v>262</v>
      </c>
      <c r="D33" s="21" t="s">
        <v>214</v>
      </c>
      <c r="E33" s="21" t="s">
        <v>214</v>
      </c>
      <c r="F33" s="21" t="s">
        <v>462</v>
      </c>
      <c r="G33" s="16">
        <v>35335805</v>
      </c>
      <c r="H33" s="16">
        <v>1868689</v>
      </c>
      <c r="I33" s="16">
        <v>21845655</v>
      </c>
      <c r="J33" s="16">
        <v>8376457</v>
      </c>
      <c r="K33" s="16">
        <v>1899285</v>
      </c>
      <c r="L33" s="16">
        <v>1345719</v>
      </c>
    </row>
    <row r="34" spans="1:12">
      <c r="A34" s="21" t="s">
        <v>232</v>
      </c>
      <c r="B34" s="21" t="s">
        <v>233</v>
      </c>
      <c r="C34" s="21" t="s">
        <v>262</v>
      </c>
      <c r="D34" s="21" t="s">
        <v>214</v>
      </c>
      <c r="E34" s="21" t="s">
        <v>214</v>
      </c>
      <c r="F34" s="21" t="s">
        <v>463</v>
      </c>
      <c r="G34" s="16">
        <v>18248742</v>
      </c>
      <c r="H34" s="16">
        <v>601826</v>
      </c>
      <c r="I34" s="16">
        <v>9447507</v>
      </c>
      <c r="J34" s="16">
        <v>6648510</v>
      </c>
      <c r="K34" s="16">
        <v>684354</v>
      </c>
      <c r="L34" s="16">
        <v>866545</v>
      </c>
    </row>
    <row r="35" spans="1:12">
      <c r="A35" s="21" t="s">
        <v>232</v>
      </c>
      <c r="B35" s="21" t="s">
        <v>233</v>
      </c>
      <c r="C35" s="21" t="s">
        <v>262</v>
      </c>
      <c r="D35" s="21" t="s">
        <v>214</v>
      </c>
      <c r="E35" s="21" t="s">
        <v>214</v>
      </c>
      <c r="F35" s="21" t="s">
        <v>464</v>
      </c>
      <c r="G35" s="16">
        <v>6021086</v>
      </c>
      <c r="H35" s="16">
        <v>163994</v>
      </c>
      <c r="I35" s="16">
        <v>1895373</v>
      </c>
      <c r="J35" s="16">
        <v>3427826</v>
      </c>
      <c r="K35" s="16">
        <v>144077</v>
      </c>
      <c r="L35" s="16">
        <v>389816</v>
      </c>
    </row>
    <row r="36" spans="1:12">
      <c r="A36" s="21" t="s">
        <v>232</v>
      </c>
      <c r="B36" s="21" t="s">
        <v>233</v>
      </c>
      <c r="C36" s="21" t="s">
        <v>262</v>
      </c>
      <c r="D36" s="21" t="s">
        <v>214</v>
      </c>
      <c r="E36" s="21" t="s">
        <v>214</v>
      </c>
      <c r="F36" s="21" t="s">
        <v>431</v>
      </c>
      <c r="G36" s="16">
        <v>75380592</v>
      </c>
      <c r="H36" s="16">
        <v>21753094</v>
      </c>
      <c r="I36" s="16">
        <v>44542103</v>
      </c>
      <c r="J36" s="16">
        <v>1315640</v>
      </c>
      <c r="K36" s="16">
        <v>4311903</v>
      </c>
      <c r="L36" s="16">
        <v>3457852</v>
      </c>
    </row>
    <row r="37" spans="1:12">
      <c r="A37" s="21" t="s">
        <v>232</v>
      </c>
      <c r="B37" s="21" t="s">
        <v>233</v>
      </c>
      <c r="C37" s="21" t="s">
        <v>262</v>
      </c>
      <c r="D37" s="21" t="s">
        <v>217</v>
      </c>
      <c r="E37" s="21" t="s">
        <v>214</v>
      </c>
      <c r="F37" s="21" t="s">
        <v>401</v>
      </c>
      <c r="G37" s="16">
        <v>123162995</v>
      </c>
      <c r="H37" s="16">
        <v>42605332</v>
      </c>
      <c r="I37" s="16">
        <v>60048844</v>
      </c>
      <c r="J37" s="16">
        <v>7904702</v>
      </c>
      <c r="K37" s="16">
        <v>5429813</v>
      </c>
      <c r="L37" s="16">
        <v>7174304</v>
      </c>
    </row>
    <row r="38" spans="1:12">
      <c r="A38" s="21" t="s">
        <v>232</v>
      </c>
      <c r="B38" s="21" t="s">
        <v>233</v>
      </c>
      <c r="C38" s="21" t="s">
        <v>262</v>
      </c>
      <c r="D38" s="21" t="s">
        <v>217</v>
      </c>
      <c r="E38" s="21" t="s">
        <v>214</v>
      </c>
      <c r="F38" s="21" t="s">
        <v>514</v>
      </c>
      <c r="G38" s="16">
        <v>14919926</v>
      </c>
      <c r="H38" s="16">
        <v>14919926</v>
      </c>
      <c r="I38" s="22" t="s">
        <v>268</v>
      </c>
      <c r="J38" s="22" t="s">
        <v>268</v>
      </c>
      <c r="K38" s="22" t="s">
        <v>268</v>
      </c>
      <c r="L38" s="22" t="s">
        <v>268</v>
      </c>
    </row>
    <row r="39" spans="1:12">
      <c r="A39" s="21" t="s">
        <v>232</v>
      </c>
      <c r="B39" s="21" t="s">
        <v>233</v>
      </c>
      <c r="C39" s="21" t="s">
        <v>262</v>
      </c>
      <c r="D39" s="21" t="s">
        <v>217</v>
      </c>
      <c r="E39" s="21" t="s">
        <v>214</v>
      </c>
      <c r="F39" s="21" t="s">
        <v>515</v>
      </c>
      <c r="G39" s="16">
        <v>5468094</v>
      </c>
      <c r="H39" s="16">
        <v>5420769</v>
      </c>
      <c r="I39" s="16">
        <v>15280</v>
      </c>
      <c r="J39" s="16">
        <v>363</v>
      </c>
      <c r="K39" s="16">
        <v>1260</v>
      </c>
      <c r="L39" s="16">
        <v>30422</v>
      </c>
    </row>
    <row r="40" spans="1:12">
      <c r="A40" s="21" t="s">
        <v>232</v>
      </c>
      <c r="B40" s="21" t="s">
        <v>233</v>
      </c>
      <c r="C40" s="21" t="s">
        <v>262</v>
      </c>
      <c r="D40" s="21" t="s">
        <v>217</v>
      </c>
      <c r="E40" s="21" t="s">
        <v>214</v>
      </c>
      <c r="F40" s="21" t="s">
        <v>516</v>
      </c>
      <c r="G40" s="16">
        <v>5832757</v>
      </c>
      <c r="H40" s="16">
        <v>5111728</v>
      </c>
      <c r="I40" s="16">
        <v>321692</v>
      </c>
      <c r="J40" s="16">
        <v>1224</v>
      </c>
      <c r="K40" s="16">
        <v>19598</v>
      </c>
      <c r="L40" s="16">
        <v>378515</v>
      </c>
    </row>
    <row r="41" spans="1:12">
      <c r="A41" s="21" t="s">
        <v>232</v>
      </c>
      <c r="B41" s="21" t="s">
        <v>233</v>
      </c>
      <c r="C41" s="21" t="s">
        <v>262</v>
      </c>
      <c r="D41" s="21" t="s">
        <v>217</v>
      </c>
      <c r="E41" s="21" t="s">
        <v>214</v>
      </c>
      <c r="F41" s="21" t="s">
        <v>517</v>
      </c>
      <c r="G41" s="16">
        <v>5989236</v>
      </c>
      <c r="H41" s="16">
        <v>3692500</v>
      </c>
      <c r="I41" s="16">
        <v>1700083</v>
      </c>
      <c r="J41" s="16">
        <v>1807</v>
      </c>
      <c r="K41" s="16">
        <v>78234</v>
      </c>
      <c r="L41" s="16">
        <v>516612</v>
      </c>
    </row>
    <row r="42" spans="1:12">
      <c r="A42" s="21" t="s">
        <v>232</v>
      </c>
      <c r="B42" s="21" t="s">
        <v>233</v>
      </c>
      <c r="C42" s="21" t="s">
        <v>262</v>
      </c>
      <c r="D42" s="21" t="s">
        <v>217</v>
      </c>
      <c r="E42" s="21" t="s">
        <v>214</v>
      </c>
      <c r="F42" s="21" t="s">
        <v>518</v>
      </c>
      <c r="G42" s="16">
        <v>6449507</v>
      </c>
      <c r="H42" s="16">
        <v>2482849</v>
      </c>
      <c r="I42" s="16">
        <v>3382949</v>
      </c>
      <c r="J42" s="16">
        <v>4214</v>
      </c>
      <c r="K42" s="16">
        <v>174718</v>
      </c>
      <c r="L42" s="16">
        <v>404777</v>
      </c>
    </row>
    <row r="43" spans="1:12">
      <c r="A43" s="21" t="s">
        <v>232</v>
      </c>
      <c r="B43" s="21" t="s">
        <v>233</v>
      </c>
      <c r="C43" s="21" t="s">
        <v>262</v>
      </c>
      <c r="D43" s="21" t="s">
        <v>217</v>
      </c>
      <c r="E43" s="21" t="s">
        <v>214</v>
      </c>
      <c r="F43" s="21" t="s">
        <v>519</v>
      </c>
      <c r="G43" s="16">
        <v>7275427</v>
      </c>
      <c r="H43" s="16">
        <v>1994417</v>
      </c>
      <c r="I43" s="16">
        <v>4610134</v>
      </c>
      <c r="J43" s="16">
        <v>11155</v>
      </c>
      <c r="K43" s="16">
        <v>299603</v>
      </c>
      <c r="L43" s="16">
        <v>360118</v>
      </c>
    </row>
    <row r="44" spans="1:12">
      <c r="A44" s="21" t="s">
        <v>232</v>
      </c>
      <c r="B44" s="21" t="s">
        <v>233</v>
      </c>
      <c r="C44" s="21" t="s">
        <v>262</v>
      </c>
      <c r="D44" s="21" t="s">
        <v>217</v>
      </c>
      <c r="E44" s="21" t="s">
        <v>214</v>
      </c>
      <c r="F44" s="21" t="s">
        <v>520</v>
      </c>
      <c r="G44" s="16">
        <v>8247860</v>
      </c>
      <c r="H44" s="16">
        <v>1892217</v>
      </c>
      <c r="I44" s="16">
        <v>5530153</v>
      </c>
      <c r="J44" s="16">
        <v>26078</v>
      </c>
      <c r="K44" s="16">
        <v>450362</v>
      </c>
      <c r="L44" s="16">
        <v>349050</v>
      </c>
    </row>
    <row r="45" spans="1:12">
      <c r="A45" s="21" t="s">
        <v>232</v>
      </c>
      <c r="B45" s="21" t="s">
        <v>233</v>
      </c>
      <c r="C45" s="21" t="s">
        <v>262</v>
      </c>
      <c r="D45" s="21" t="s">
        <v>217</v>
      </c>
      <c r="E45" s="21" t="s">
        <v>214</v>
      </c>
      <c r="F45" s="21" t="s">
        <v>521</v>
      </c>
      <c r="G45" s="16">
        <v>9591375</v>
      </c>
      <c r="H45" s="16">
        <v>2024248</v>
      </c>
      <c r="I45" s="16">
        <v>6438670</v>
      </c>
      <c r="J45" s="16">
        <v>60556</v>
      </c>
      <c r="K45" s="16">
        <v>672642</v>
      </c>
      <c r="L45" s="16">
        <v>395259</v>
      </c>
    </row>
    <row r="46" spans="1:12">
      <c r="A46" s="21" t="s">
        <v>232</v>
      </c>
      <c r="B46" s="21" t="s">
        <v>233</v>
      </c>
      <c r="C46" s="21" t="s">
        <v>262</v>
      </c>
      <c r="D46" s="21" t="s">
        <v>217</v>
      </c>
      <c r="E46" s="21" t="s">
        <v>214</v>
      </c>
      <c r="F46" s="21" t="s">
        <v>522</v>
      </c>
      <c r="G46" s="16">
        <v>8478700</v>
      </c>
      <c r="H46" s="16">
        <v>1566701</v>
      </c>
      <c r="I46" s="16">
        <v>5763701</v>
      </c>
      <c r="J46" s="16">
        <v>103115</v>
      </c>
      <c r="K46" s="16">
        <v>701131</v>
      </c>
      <c r="L46" s="16">
        <v>344052</v>
      </c>
    </row>
    <row r="47" spans="1:12">
      <c r="A47" s="21" t="s">
        <v>232</v>
      </c>
      <c r="B47" s="21" t="s">
        <v>233</v>
      </c>
      <c r="C47" s="21" t="s">
        <v>262</v>
      </c>
      <c r="D47" s="21" t="s">
        <v>217</v>
      </c>
      <c r="E47" s="21" t="s">
        <v>214</v>
      </c>
      <c r="F47" s="21" t="s">
        <v>523</v>
      </c>
      <c r="G47" s="16">
        <v>7702546</v>
      </c>
      <c r="H47" s="16">
        <v>1112654</v>
      </c>
      <c r="I47" s="16">
        <v>5477633</v>
      </c>
      <c r="J47" s="16">
        <v>181204</v>
      </c>
      <c r="K47" s="16">
        <v>670783</v>
      </c>
      <c r="L47" s="16">
        <v>260272</v>
      </c>
    </row>
    <row r="48" spans="1:12">
      <c r="A48" s="21" t="s">
        <v>232</v>
      </c>
      <c r="B48" s="21" t="s">
        <v>233</v>
      </c>
      <c r="C48" s="21" t="s">
        <v>262</v>
      </c>
      <c r="D48" s="21" t="s">
        <v>217</v>
      </c>
      <c r="E48" s="21" t="s">
        <v>214</v>
      </c>
      <c r="F48" s="21" t="s">
        <v>524</v>
      </c>
      <c r="G48" s="16">
        <v>7219424</v>
      </c>
      <c r="H48" s="16">
        <v>775978</v>
      </c>
      <c r="I48" s="16">
        <v>5340210</v>
      </c>
      <c r="J48" s="16">
        <v>311708</v>
      </c>
      <c r="K48" s="16">
        <v>593634</v>
      </c>
      <c r="L48" s="16">
        <v>197894</v>
      </c>
    </row>
    <row r="49" spans="1:12">
      <c r="A49" s="21" t="s">
        <v>232</v>
      </c>
      <c r="B49" s="21" t="s">
        <v>233</v>
      </c>
      <c r="C49" s="21" t="s">
        <v>262</v>
      </c>
      <c r="D49" s="21" t="s">
        <v>217</v>
      </c>
      <c r="E49" s="21" t="s">
        <v>214</v>
      </c>
      <c r="F49" s="21" t="s">
        <v>525</v>
      </c>
      <c r="G49" s="16">
        <v>7960268</v>
      </c>
      <c r="H49" s="16">
        <v>648649</v>
      </c>
      <c r="I49" s="16">
        <v>5916636</v>
      </c>
      <c r="J49" s="16">
        <v>600234</v>
      </c>
      <c r="K49" s="16">
        <v>592476</v>
      </c>
      <c r="L49" s="16">
        <v>202273</v>
      </c>
    </row>
    <row r="50" spans="1:12">
      <c r="A50" s="21" t="s">
        <v>232</v>
      </c>
      <c r="B50" s="21" t="s">
        <v>233</v>
      </c>
      <c r="C50" s="21" t="s">
        <v>262</v>
      </c>
      <c r="D50" s="21" t="s">
        <v>217</v>
      </c>
      <c r="E50" s="21" t="s">
        <v>214</v>
      </c>
      <c r="F50" s="21" t="s">
        <v>526</v>
      </c>
      <c r="G50" s="16">
        <v>8839958</v>
      </c>
      <c r="H50" s="16">
        <v>505415</v>
      </c>
      <c r="I50" s="16">
        <v>6426734</v>
      </c>
      <c r="J50" s="16">
        <v>1091472</v>
      </c>
      <c r="K50" s="16">
        <v>577371</v>
      </c>
      <c r="L50" s="16">
        <v>238966</v>
      </c>
    </row>
    <row r="51" spans="1:12">
      <c r="A51" s="21" t="s">
        <v>232</v>
      </c>
      <c r="B51" s="21" t="s">
        <v>233</v>
      </c>
      <c r="C51" s="21" t="s">
        <v>262</v>
      </c>
      <c r="D51" s="21" t="s">
        <v>217</v>
      </c>
      <c r="E51" s="21" t="s">
        <v>214</v>
      </c>
      <c r="F51" s="21" t="s">
        <v>527</v>
      </c>
      <c r="G51" s="16">
        <v>6699027</v>
      </c>
      <c r="H51" s="16">
        <v>236021</v>
      </c>
      <c r="I51" s="16">
        <v>4547067</v>
      </c>
      <c r="J51" s="16">
        <v>1386167</v>
      </c>
      <c r="K51" s="16">
        <v>322284</v>
      </c>
      <c r="L51" s="16">
        <v>207488</v>
      </c>
    </row>
    <row r="52" spans="1:12">
      <c r="A52" s="21" t="s">
        <v>232</v>
      </c>
      <c r="B52" s="21" t="s">
        <v>233</v>
      </c>
      <c r="C52" s="21" t="s">
        <v>262</v>
      </c>
      <c r="D52" s="21" t="s">
        <v>217</v>
      </c>
      <c r="E52" s="21" t="s">
        <v>214</v>
      </c>
      <c r="F52" s="21" t="s">
        <v>528</v>
      </c>
      <c r="G52" s="16">
        <v>4920748</v>
      </c>
      <c r="H52" s="16">
        <v>123482</v>
      </c>
      <c r="I52" s="16">
        <v>2852895</v>
      </c>
      <c r="J52" s="16">
        <v>1590729</v>
      </c>
      <c r="K52" s="16">
        <v>166807</v>
      </c>
      <c r="L52" s="16">
        <v>186835</v>
      </c>
    </row>
    <row r="53" spans="1:12">
      <c r="A53" s="21" t="s">
        <v>232</v>
      </c>
      <c r="B53" s="21" t="s">
        <v>233</v>
      </c>
      <c r="C53" s="21" t="s">
        <v>262</v>
      </c>
      <c r="D53" s="21" t="s">
        <v>217</v>
      </c>
      <c r="E53" s="21" t="s">
        <v>214</v>
      </c>
      <c r="F53" s="21" t="s">
        <v>529</v>
      </c>
      <c r="G53" s="16">
        <v>3109232</v>
      </c>
      <c r="H53" s="16">
        <v>67254</v>
      </c>
      <c r="I53" s="16">
        <v>1344312</v>
      </c>
      <c r="J53" s="16">
        <v>1478876</v>
      </c>
      <c r="K53" s="16">
        <v>75792</v>
      </c>
      <c r="L53" s="16">
        <v>142998</v>
      </c>
    </row>
    <row r="54" spans="1:12">
      <c r="A54" s="21" t="s">
        <v>232</v>
      </c>
      <c r="B54" s="21" t="s">
        <v>233</v>
      </c>
      <c r="C54" s="21" t="s">
        <v>262</v>
      </c>
      <c r="D54" s="21" t="s">
        <v>217</v>
      </c>
      <c r="E54" s="21" t="s">
        <v>214</v>
      </c>
      <c r="F54" s="21" t="s">
        <v>530</v>
      </c>
      <c r="G54" s="16">
        <v>1274734</v>
      </c>
      <c r="H54" s="16">
        <v>25493</v>
      </c>
      <c r="I54" s="16">
        <v>342372</v>
      </c>
      <c r="J54" s="16">
        <v>812368</v>
      </c>
      <c r="K54" s="16">
        <v>26774</v>
      </c>
      <c r="L54" s="16">
        <v>67727</v>
      </c>
    </row>
    <row r="55" spans="1:12">
      <c r="A55" s="21" t="s">
        <v>232</v>
      </c>
      <c r="B55" s="21" t="s">
        <v>233</v>
      </c>
      <c r="C55" s="21" t="s">
        <v>262</v>
      </c>
      <c r="D55" s="21" t="s">
        <v>217</v>
      </c>
      <c r="E55" s="21" t="s">
        <v>214</v>
      </c>
      <c r="F55" s="21" t="s">
        <v>531</v>
      </c>
      <c r="G55" s="16">
        <v>277270</v>
      </c>
      <c r="H55" s="16">
        <v>4506</v>
      </c>
      <c r="I55" s="16">
        <v>36146</v>
      </c>
      <c r="J55" s="16">
        <v>214861</v>
      </c>
      <c r="K55" s="16">
        <v>5736</v>
      </c>
      <c r="L55" s="16">
        <v>16021</v>
      </c>
    </row>
    <row r="56" spans="1:12">
      <c r="A56" s="21" t="s">
        <v>232</v>
      </c>
      <c r="B56" s="21" t="s">
        <v>233</v>
      </c>
      <c r="C56" s="21" t="s">
        <v>262</v>
      </c>
      <c r="D56" s="21" t="s">
        <v>217</v>
      </c>
      <c r="E56" s="21" t="s">
        <v>214</v>
      </c>
      <c r="F56" s="21" t="s">
        <v>532</v>
      </c>
      <c r="G56" s="16">
        <v>34459</v>
      </c>
      <c r="H56" s="16">
        <v>525</v>
      </c>
      <c r="I56" s="16">
        <v>2177</v>
      </c>
      <c r="J56" s="16">
        <v>28571</v>
      </c>
      <c r="K56" s="16">
        <v>608</v>
      </c>
      <c r="L56" s="16">
        <v>2578</v>
      </c>
    </row>
    <row r="57" spans="1:12">
      <c r="A57" s="21" t="s">
        <v>232</v>
      </c>
      <c r="B57" s="21" t="s">
        <v>233</v>
      </c>
      <c r="C57" s="21" t="s">
        <v>262</v>
      </c>
      <c r="D57" s="21" t="s">
        <v>217</v>
      </c>
      <c r="E57" s="21" t="s">
        <v>214</v>
      </c>
      <c r="F57" s="21" t="s">
        <v>533</v>
      </c>
      <c r="G57" s="16">
        <v>2872447</v>
      </c>
      <c r="H57" s="22" t="s">
        <v>268</v>
      </c>
      <c r="I57" s="22" t="s">
        <v>268</v>
      </c>
      <c r="J57" s="22" t="s">
        <v>268</v>
      </c>
      <c r="K57" s="22" t="s">
        <v>268</v>
      </c>
      <c r="L57" s="16">
        <v>2872447</v>
      </c>
    </row>
    <row r="58" spans="1:12">
      <c r="A58" s="21" t="s">
        <v>232</v>
      </c>
      <c r="B58" s="21" t="s">
        <v>233</v>
      </c>
      <c r="C58" s="21" t="s">
        <v>262</v>
      </c>
      <c r="D58" s="21" t="s">
        <v>217</v>
      </c>
      <c r="E58" s="21" t="s">
        <v>214</v>
      </c>
      <c r="F58" s="21" t="s">
        <v>461</v>
      </c>
      <c r="G58" s="16">
        <v>72254926</v>
      </c>
      <c r="H58" s="16">
        <v>26074061</v>
      </c>
      <c r="I58" s="16">
        <v>38580505</v>
      </c>
      <c r="J58" s="16">
        <v>701424</v>
      </c>
      <c r="K58" s="16">
        <v>3661965</v>
      </c>
      <c r="L58" s="16">
        <v>3236971</v>
      </c>
    </row>
    <row r="59" spans="1:12">
      <c r="A59" s="21" t="s">
        <v>232</v>
      </c>
      <c r="B59" s="21" t="s">
        <v>233</v>
      </c>
      <c r="C59" s="21" t="s">
        <v>262</v>
      </c>
      <c r="D59" s="21" t="s">
        <v>217</v>
      </c>
      <c r="E59" s="21" t="s">
        <v>214</v>
      </c>
      <c r="F59" s="21" t="s">
        <v>462</v>
      </c>
      <c r="G59" s="16">
        <v>33115696</v>
      </c>
      <c r="H59" s="16">
        <v>1611345</v>
      </c>
      <c r="I59" s="16">
        <v>21468339</v>
      </c>
      <c r="J59" s="16">
        <v>7203278</v>
      </c>
      <c r="K59" s="16">
        <v>1767848</v>
      </c>
      <c r="L59" s="16">
        <v>1064886</v>
      </c>
    </row>
    <row r="60" spans="1:12">
      <c r="A60" s="21" t="s">
        <v>232</v>
      </c>
      <c r="B60" s="21" t="s">
        <v>233</v>
      </c>
      <c r="C60" s="21" t="s">
        <v>262</v>
      </c>
      <c r="D60" s="21" t="s">
        <v>217</v>
      </c>
      <c r="E60" s="21" t="s">
        <v>214</v>
      </c>
      <c r="F60" s="21" t="s">
        <v>463</v>
      </c>
      <c r="G60" s="16">
        <v>16315470</v>
      </c>
      <c r="H60" s="16">
        <v>457281</v>
      </c>
      <c r="I60" s="16">
        <v>9124969</v>
      </c>
      <c r="J60" s="16">
        <v>5511572</v>
      </c>
      <c r="K60" s="16">
        <v>598001</v>
      </c>
      <c r="L60" s="16">
        <v>623647</v>
      </c>
    </row>
    <row r="61" spans="1:12">
      <c r="A61" s="21" t="s">
        <v>232</v>
      </c>
      <c r="B61" s="21" t="s">
        <v>233</v>
      </c>
      <c r="C61" s="21" t="s">
        <v>262</v>
      </c>
      <c r="D61" s="21" t="s">
        <v>217</v>
      </c>
      <c r="E61" s="21" t="s">
        <v>214</v>
      </c>
      <c r="F61" s="21" t="s">
        <v>464</v>
      </c>
      <c r="G61" s="16">
        <v>4695695</v>
      </c>
      <c r="H61" s="16">
        <v>97778</v>
      </c>
      <c r="I61" s="16">
        <v>1725007</v>
      </c>
      <c r="J61" s="16">
        <v>2534676</v>
      </c>
      <c r="K61" s="16">
        <v>108910</v>
      </c>
      <c r="L61" s="16">
        <v>229324</v>
      </c>
    </row>
    <row r="62" spans="1:12">
      <c r="A62" s="21" t="s">
        <v>232</v>
      </c>
      <c r="B62" s="21" t="s">
        <v>233</v>
      </c>
      <c r="C62" s="21" t="s">
        <v>262</v>
      </c>
      <c r="D62" s="21" t="s">
        <v>217</v>
      </c>
      <c r="E62" s="21" t="s">
        <v>214</v>
      </c>
      <c r="F62" s="21" t="s">
        <v>431</v>
      </c>
      <c r="G62" s="16">
        <v>74747100</v>
      </c>
      <c r="H62" s="16">
        <v>21301941</v>
      </c>
      <c r="I62" s="16">
        <v>44481861</v>
      </c>
      <c r="J62" s="16">
        <v>1301295</v>
      </c>
      <c r="K62" s="16">
        <v>4253181</v>
      </c>
      <c r="L62" s="16">
        <v>3408822</v>
      </c>
    </row>
    <row r="63" spans="1:12">
      <c r="A63" s="21" t="s">
        <v>232</v>
      </c>
      <c r="B63" s="21" t="s">
        <v>233</v>
      </c>
      <c r="C63" s="21" t="s">
        <v>262</v>
      </c>
      <c r="D63" s="21" t="s">
        <v>534</v>
      </c>
      <c r="E63" s="21" t="s">
        <v>214</v>
      </c>
      <c r="F63" s="21" t="s">
        <v>401</v>
      </c>
      <c r="G63" s="16">
        <v>102011953</v>
      </c>
      <c r="H63" s="16">
        <v>34589265</v>
      </c>
      <c r="I63" s="16">
        <v>58965771</v>
      </c>
      <c r="J63" s="16">
        <v>4186089</v>
      </c>
      <c r="K63" s="16">
        <v>3078265</v>
      </c>
      <c r="L63" s="16">
        <v>1192563</v>
      </c>
    </row>
    <row r="64" spans="1:12">
      <c r="A64" s="21" t="s">
        <v>232</v>
      </c>
      <c r="B64" s="21" t="s">
        <v>233</v>
      </c>
      <c r="C64" s="21" t="s">
        <v>262</v>
      </c>
      <c r="D64" s="21" t="s">
        <v>534</v>
      </c>
      <c r="E64" s="21" t="s">
        <v>214</v>
      </c>
      <c r="F64" s="21" t="s">
        <v>514</v>
      </c>
      <c r="G64" s="16">
        <v>14919798</v>
      </c>
      <c r="H64" s="16">
        <v>14919798</v>
      </c>
      <c r="I64" s="22" t="s">
        <v>268</v>
      </c>
      <c r="J64" s="22" t="s">
        <v>268</v>
      </c>
      <c r="K64" s="22" t="s">
        <v>268</v>
      </c>
      <c r="L64" s="22" t="s">
        <v>268</v>
      </c>
    </row>
    <row r="65" spans="1:12">
      <c r="A65" s="21" t="s">
        <v>232</v>
      </c>
      <c r="B65" s="21" t="s">
        <v>233</v>
      </c>
      <c r="C65" s="21" t="s">
        <v>262</v>
      </c>
      <c r="D65" s="21" t="s">
        <v>534</v>
      </c>
      <c r="E65" s="21" t="s">
        <v>214</v>
      </c>
      <c r="F65" s="21" t="s">
        <v>515</v>
      </c>
      <c r="G65" s="16">
        <v>5180471</v>
      </c>
      <c r="H65" s="16">
        <v>5163708</v>
      </c>
      <c r="I65" s="16">
        <v>13781</v>
      </c>
      <c r="J65" s="16">
        <v>227</v>
      </c>
      <c r="K65" s="16">
        <v>1064</v>
      </c>
      <c r="L65" s="16">
        <v>1691</v>
      </c>
    </row>
    <row r="66" spans="1:12">
      <c r="A66" s="21" t="s">
        <v>232</v>
      </c>
      <c r="B66" s="21" t="s">
        <v>233</v>
      </c>
      <c r="C66" s="21" t="s">
        <v>262</v>
      </c>
      <c r="D66" s="21" t="s">
        <v>534</v>
      </c>
      <c r="E66" s="21" t="s">
        <v>214</v>
      </c>
      <c r="F66" s="21" t="s">
        <v>516</v>
      </c>
      <c r="G66" s="16">
        <v>4142205</v>
      </c>
      <c r="H66" s="16">
        <v>3797636</v>
      </c>
      <c r="I66" s="16">
        <v>315006</v>
      </c>
      <c r="J66" s="16">
        <v>727</v>
      </c>
      <c r="K66" s="16">
        <v>17229</v>
      </c>
      <c r="L66" s="16">
        <v>11607</v>
      </c>
    </row>
    <row r="67" spans="1:12">
      <c r="A67" s="21" t="s">
        <v>232</v>
      </c>
      <c r="B67" s="21" t="s">
        <v>233</v>
      </c>
      <c r="C67" s="21" t="s">
        <v>262</v>
      </c>
      <c r="D67" s="21" t="s">
        <v>534</v>
      </c>
      <c r="E67" s="21" t="s">
        <v>214</v>
      </c>
      <c r="F67" s="21" t="s">
        <v>517</v>
      </c>
      <c r="G67" s="16">
        <v>4202332</v>
      </c>
      <c r="H67" s="16">
        <v>2449883</v>
      </c>
      <c r="I67" s="16">
        <v>1665089</v>
      </c>
      <c r="J67" s="16">
        <v>1208</v>
      </c>
      <c r="K67" s="16">
        <v>64287</v>
      </c>
      <c r="L67" s="16">
        <v>21865</v>
      </c>
    </row>
    <row r="68" spans="1:12">
      <c r="A68" s="21" t="s">
        <v>232</v>
      </c>
      <c r="B68" s="21" t="s">
        <v>233</v>
      </c>
      <c r="C68" s="21" t="s">
        <v>262</v>
      </c>
      <c r="D68" s="21" t="s">
        <v>534</v>
      </c>
      <c r="E68" s="21" t="s">
        <v>214</v>
      </c>
      <c r="F68" s="21" t="s">
        <v>518</v>
      </c>
      <c r="G68" s="16">
        <v>5191673</v>
      </c>
      <c r="H68" s="16">
        <v>1690494</v>
      </c>
      <c r="I68" s="16">
        <v>3328476</v>
      </c>
      <c r="J68" s="16">
        <v>3209</v>
      </c>
      <c r="K68" s="16">
        <v>137769</v>
      </c>
      <c r="L68" s="16">
        <v>31725</v>
      </c>
    </row>
    <row r="69" spans="1:12">
      <c r="A69" s="21" t="s">
        <v>232</v>
      </c>
      <c r="B69" s="21" t="s">
        <v>233</v>
      </c>
      <c r="C69" s="21" t="s">
        <v>262</v>
      </c>
      <c r="D69" s="21" t="s">
        <v>534</v>
      </c>
      <c r="E69" s="21" t="s">
        <v>214</v>
      </c>
      <c r="F69" s="21" t="s">
        <v>519</v>
      </c>
      <c r="G69" s="16">
        <v>6239238</v>
      </c>
      <c r="H69" s="16">
        <v>1389452</v>
      </c>
      <c r="I69" s="16">
        <v>4556919</v>
      </c>
      <c r="J69" s="16">
        <v>8963</v>
      </c>
      <c r="K69" s="16">
        <v>237915</v>
      </c>
      <c r="L69" s="16">
        <v>45989</v>
      </c>
    </row>
    <row r="70" spans="1:12">
      <c r="A70" s="21" t="s">
        <v>232</v>
      </c>
      <c r="B70" s="21" t="s">
        <v>233</v>
      </c>
      <c r="C70" s="21" t="s">
        <v>262</v>
      </c>
      <c r="D70" s="21" t="s">
        <v>534</v>
      </c>
      <c r="E70" s="21" t="s">
        <v>214</v>
      </c>
      <c r="F70" s="21" t="s">
        <v>520</v>
      </c>
      <c r="G70" s="16">
        <v>7218009</v>
      </c>
      <c r="H70" s="16">
        <v>1326283</v>
      </c>
      <c r="I70" s="16">
        <v>5460028</v>
      </c>
      <c r="J70" s="16">
        <v>20530</v>
      </c>
      <c r="K70" s="16">
        <v>349428</v>
      </c>
      <c r="L70" s="16">
        <v>61740</v>
      </c>
    </row>
    <row r="71" spans="1:12">
      <c r="A71" s="21" t="s">
        <v>232</v>
      </c>
      <c r="B71" s="21" t="s">
        <v>233</v>
      </c>
      <c r="C71" s="21" t="s">
        <v>262</v>
      </c>
      <c r="D71" s="21" t="s">
        <v>534</v>
      </c>
      <c r="E71" s="21" t="s">
        <v>214</v>
      </c>
      <c r="F71" s="21" t="s">
        <v>521</v>
      </c>
      <c r="G71" s="16">
        <v>8312347</v>
      </c>
      <c r="H71" s="16">
        <v>1380799</v>
      </c>
      <c r="I71" s="16">
        <v>6319529</v>
      </c>
      <c r="J71" s="16">
        <v>45280</v>
      </c>
      <c r="K71" s="16">
        <v>485013</v>
      </c>
      <c r="L71" s="16">
        <v>81726</v>
      </c>
    </row>
    <row r="72" spans="1:12">
      <c r="A72" s="21" t="s">
        <v>232</v>
      </c>
      <c r="B72" s="21" t="s">
        <v>233</v>
      </c>
      <c r="C72" s="21" t="s">
        <v>262</v>
      </c>
      <c r="D72" s="21" t="s">
        <v>534</v>
      </c>
      <c r="E72" s="21" t="s">
        <v>214</v>
      </c>
      <c r="F72" s="21" t="s">
        <v>522</v>
      </c>
      <c r="G72" s="16">
        <v>7194760</v>
      </c>
      <c r="H72" s="16">
        <v>994214</v>
      </c>
      <c r="I72" s="16">
        <v>5602936</v>
      </c>
      <c r="J72" s="16">
        <v>71019</v>
      </c>
      <c r="K72" s="16">
        <v>453118</v>
      </c>
      <c r="L72" s="16">
        <v>73473</v>
      </c>
    </row>
    <row r="73" spans="1:12">
      <c r="A73" s="21" t="s">
        <v>232</v>
      </c>
      <c r="B73" s="21" t="s">
        <v>233</v>
      </c>
      <c r="C73" s="21" t="s">
        <v>262</v>
      </c>
      <c r="D73" s="21" t="s">
        <v>534</v>
      </c>
      <c r="E73" s="21" t="s">
        <v>214</v>
      </c>
      <c r="F73" s="21" t="s">
        <v>523</v>
      </c>
      <c r="G73" s="16">
        <v>6468781</v>
      </c>
      <c r="H73" s="16">
        <v>621681</v>
      </c>
      <c r="I73" s="16">
        <v>5306006</v>
      </c>
      <c r="J73" s="16">
        <v>112566</v>
      </c>
      <c r="K73" s="16">
        <v>374747</v>
      </c>
      <c r="L73" s="16">
        <v>53781</v>
      </c>
    </row>
    <row r="74" spans="1:12">
      <c r="A74" s="21" t="s">
        <v>232</v>
      </c>
      <c r="B74" s="21" t="s">
        <v>233</v>
      </c>
      <c r="C74" s="21" t="s">
        <v>262</v>
      </c>
      <c r="D74" s="21" t="s">
        <v>534</v>
      </c>
      <c r="E74" s="21" t="s">
        <v>214</v>
      </c>
      <c r="F74" s="21" t="s">
        <v>524</v>
      </c>
      <c r="G74" s="16">
        <v>6073605</v>
      </c>
      <c r="H74" s="16">
        <v>351682</v>
      </c>
      <c r="I74" s="16">
        <v>5225864</v>
      </c>
      <c r="J74" s="16">
        <v>173877</v>
      </c>
      <c r="K74" s="16">
        <v>282281</v>
      </c>
      <c r="L74" s="16">
        <v>39901</v>
      </c>
    </row>
    <row r="75" spans="1:12">
      <c r="A75" s="21" t="s">
        <v>232</v>
      </c>
      <c r="B75" s="21" t="s">
        <v>233</v>
      </c>
      <c r="C75" s="21" t="s">
        <v>262</v>
      </c>
      <c r="D75" s="21" t="s">
        <v>534</v>
      </c>
      <c r="E75" s="21" t="s">
        <v>214</v>
      </c>
      <c r="F75" s="21" t="s">
        <v>525</v>
      </c>
      <c r="G75" s="16">
        <v>6629173</v>
      </c>
      <c r="H75" s="16">
        <v>221960</v>
      </c>
      <c r="I75" s="16">
        <v>5833046</v>
      </c>
      <c r="J75" s="16">
        <v>299042</v>
      </c>
      <c r="K75" s="16">
        <v>233685</v>
      </c>
      <c r="L75" s="16">
        <v>41440</v>
      </c>
    </row>
    <row r="76" spans="1:12">
      <c r="A76" s="21" t="s">
        <v>232</v>
      </c>
      <c r="B76" s="21" t="s">
        <v>233</v>
      </c>
      <c r="C76" s="21" t="s">
        <v>262</v>
      </c>
      <c r="D76" s="21" t="s">
        <v>534</v>
      </c>
      <c r="E76" s="21" t="s">
        <v>214</v>
      </c>
      <c r="F76" s="21" t="s">
        <v>526</v>
      </c>
      <c r="G76" s="16">
        <v>7261955</v>
      </c>
      <c r="H76" s="16">
        <v>142725</v>
      </c>
      <c r="I76" s="16">
        <v>6350519</v>
      </c>
      <c r="J76" s="16">
        <v>507453</v>
      </c>
      <c r="K76" s="16">
        <v>206200</v>
      </c>
      <c r="L76" s="16">
        <v>55058</v>
      </c>
    </row>
    <row r="77" spans="1:12">
      <c r="A77" s="21" t="s">
        <v>232</v>
      </c>
      <c r="B77" s="21" t="s">
        <v>233</v>
      </c>
      <c r="C77" s="21" t="s">
        <v>262</v>
      </c>
      <c r="D77" s="21" t="s">
        <v>534</v>
      </c>
      <c r="E77" s="21" t="s">
        <v>214</v>
      </c>
      <c r="F77" s="21" t="s">
        <v>527</v>
      </c>
      <c r="G77" s="16">
        <v>5384612</v>
      </c>
      <c r="H77" s="16">
        <v>66056</v>
      </c>
      <c r="I77" s="16">
        <v>4497116</v>
      </c>
      <c r="J77" s="16">
        <v>648501</v>
      </c>
      <c r="K77" s="16">
        <v>115962</v>
      </c>
      <c r="L77" s="16">
        <v>56977</v>
      </c>
    </row>
    <row r="78" spans="1:12">
      <c r="A78" s="21" t="s">
        <v>232</v>
      </c>
      <c r="B78" s="21" t="s">
        <v>233</v>
      </c>
      <c r="C78" s="21" t="s">
        <v>262</v>
      </c>
      <c r="D78" s="21" t="s">
        <v>534</v>
      </c>
      <c r="E78" s="21" t="s">
        <v>214</v>
      </c>
      <c r="F78" s="21" t="s">
        <v>528</v>
      </c>
      <c r="G78" s="16">
        <v>3761776</v>
      </c>
      <c r="H78" s="16">
        <v>38384</v>
      </c>
      <c r="I78" s="16">
        <v>2811759</v>
      </c>
      <c r="J78" s="16">
        <v>788820</v>
      </c>
      <c r="K78" s="16">
        <v>65508</v>
      </c>
      <c r="L78" s="16">
        <v>57305</v>
      </c>
    </row>
    <row r="79" spans="1:12">
      <c r="A79" s="21" t="s">
        <v>232</v>
      </c>
      <c r="B79" s="21" t="s">
        <v>233</v>
      </c>
      <c r="C79" s="21" t="s">
        <v>262</v>
      </c>
      <c r="D79" s="21" t="s">
        <v>534</v>
      </c>
      <c r="E79" s="21" t="s">
        <v>214</v>
      </c>
      <c r="F79" s="21" t="s">
        <v>529</v>
      </c>
      <c r="G79" s="16">
        <v>2234481</v>
      </c>
      <c r="H79" s="16">
        <v>22978</v>
      </c>
      <c r="I79" s="16">
        <v>1313611</v>
      </c>
      <c r="J79" s="16">
        <v>813876</v>
      </c>
      <c r="K79" s="16">
        <v>34841</v>
      </c>
      <c r="L79" s="16">
        <v>49175</v>
      </c>
    </row>
    <row r="80" spans="1:12">
      <c r="A80" s="21" t="s">
        <v>232</v>
      </c>
      <c r="B80" s="21" t="s">
        <v>233</v>
      </c>
      <c r="C80" s="21" t="s">
        <v>262</v>
      </c>
      <c r="D80" s="21" t="s">
        <v>534</v>
      </c>
      <c r="E80" s="21" t="s">
        <v>214</v>
      </c>
      <c r="F80" s="21" t="s">
        <v>530</v>
      </c>
      <c r="G80" s="16">
        <v>897208</v>
      </c>
      <c r="H80" s="16">
        <v>9361</v>
      </c>
      <c r="I80" s="16">
        <v>329845</v>
      </c>
      <c r="J80" s="16">
        <v>514476</v>
      </c>
      <c r="K80" s="16">
        <v>14951</v>
      </c>
      <c r="L80" s="16">
        <v>28575</v>
      </c>
    </row>
    <row r="81" spans="1:12">
      <c r="A81" s="21" t="s">
        <v>232</v>
      </c>
      <c r="B81" s="21" t="s">
        <v>233</v>
      </c>
      <c r="C81" s="21" t="s">
        <v>262</v>
      </c>
      <c r="D81" s="21" t="s">
        <v>534</v>
      </c>
      <c r="E81" s="21" t="s">
        <v>214</v>
      </c>
      <c r="F81" s="21" t="s">
        <v>531</v>
      </c>
      <c r="G81" s="16">
        <v>202929</v>
      </c>
      <c r="H81" s="16">
        <v>1911</v>
      </c>
      <c r="I81" s="16">
        <v>34199</v>
      </c>
      <c r="J81" s="16">
        <v>153993</v>
      </c>
      <c r="K81" s="16">
        <v>3808</v>
      </c>
      <c r="L81" s="16">
        <v>9018</v>
      </c>
    </row>
    <row r="82" spans="1:12">
      <c r="A82" s="21" t="s">
        <v>232</v>
      </c>
      <c r="B82" s="21" t="s">
        <v>233</v>
      </c>
      <c r="C82" s="21" t="s">
        <v>262</v>
      </c>
      <c r="D82" s="21" t="s">
        <v>534</v>
      </c>
      <c r="E82" s="21" t="s">
        <v>214</v>
      </c>
      <c r="F82" s="21" t="s">
        <v>532</v>
      </c>
      <c r="G82" s="16">
        <v>26756</v>
      </c>
      <c r="H82" s="16">
        <v>260</v>
      </c>
      <c r="I82" s="16">
        <v>2042</v>
      </c>
      <c r="J82" s="16">
        <v>22322</v>
      </c>
      <c r="K82" s="16">
        <v>459</v>
      </c>
      <c r="L82" s="16">
        <v>1673</v>
      </c>
    </row>
    <row r="83" spans="1:12">
      <c r="A83" s="21" t="s">
        <v>232</v>
      </c>
      <c r="B83" s="21" t="s">
        <v>233</v>
      </c>
      <c r="C83" s="21" t="s">
        <v>262</v>
      </c>
      <c r="D83" s="21" t="s">
        <v>534</v>
      </c>
      <c r="E83" s="21" t="s">
        <v>214</v>
      </c>
      <c r="F83" s="21" t="s">
        <v>533</v>
      </c>
      <c r="G83" s="16">
        <v>469844</v>
      </c>
      <c r="H83" s="22" t="s">
        <v>268</v>
      </c>
      <c r="I83" s="22" t="s">
        <v>268</v>
      </c>
      <c r="J83" s="22" t="s">
        <v>268</v>
      </c>
      <c r="K83" s="22" t="s">
        <v>268</v>
      </c>
      <c r="L83" s="16">
        <v>469844</v>
      </c>
    </row>
    <row r="84" spans="1:12">
      <c r="A84" s="21" t="s">
        <v>232</v>
      </c>
      <c r="B84" s="21" t="s">
        <v>233</v>
      </c>
      <c r="C84" s="21" t="s">
        <v>262</v>
      </c>
      <c r="D84" s="21" t="s">
        <v>534</v>
      </c>
      <c r="E84" s="21" t="s">
        <v>214</v>
      </c>
      <c r="F84" s="21" t="s">
        <v>461</v>
      </c>
      <c r="G84" s="16">
        <v>60223421</v>
      </c>
      <c r="H84" s="16">
        <v>19165832</v>
      </c>
      <c r="I84" s="16">
        <v>37793634</v>
      </c>
      <c r="J84" s="16">
        <v>437606</v>
      </c>
      <c r="K84" s="16">
        <v>2402851</v>
      </c>
      <c r="L84" s="16">
        <v>423498</v>
      </c>
    </row>
    <row r="85" spans="1:12">
      <c r="A85" s="21" t="s">
        <v>232</v>
      </c>
      <c r="B85" s="21" t="s">
        <v>233</v>
      </c>
      <c r="C85" s="21" t="s">
        <v>262</v>
      </c>
      <c r="D85" s="21" t="s">
        <v>534</v>
      </c>
      <c r="E85" s="21" t="s">
        <v>214</v>
      </c>
      <c r="F85" s="21" t="s">
        <v>462</v>
      </c>
      <c r="G85" s="16">
        <v>26398890</v>
      </c>
      <c r="H85" s="16">
        <v>503635</v>
      </c>
      <c r="I85" s="16">
        <v>21172137</v>
      </c>
      <c r="J85" s="16">
        <v>3748483</v>
      </c>
      <c r="K85" s="16">
        <v>675414</v>
      </c>
      <c r="L85" s="16">
        <v>299221</v>
      </c>
    </row>
    <row r="86" spans="1:12">
      <c r="A86" s="21" t="s">
        <v>232</v>
      </c>
      <c r="B86" s="21" t="s">
        <v>233</v>
      </c>
      <c r="C86" s="21" t="s">
        <v>262</v>
      </c>
      <c r="D86" s="21" t="s">
        <v>534</v>
      </c>
      <c r="E86" s="21" t="s">
        <v>214</v>
      </c>
      <c r="F86" s="21" t="s">
        <v>463</v>
      </c>
      <c r="G86" s="16">
        <v>12507762</v>
      </c>
      <c r="H86" s="16">
        <v>138950</v>
      </c>
      <c r="I86" s="16">
        <v>8988572</v>
      </c>
      <c r="J86" s="16">
        <v>2941988</v>
      </c>
      <c r="K86" s="16">
        <v>235529</v>
      </c>
      <c r="L86" s="16">
        <v>202723</v>
      </c>
    </row>
    <row r="87" spans="1:12">
      <c r="A87" s="21" t="s">
        <v>232</v>
      </c>
      <c r="B87" s="21" t="s">
        <v>233</v>
      </c>
      <c r="C87" s="21" t="s">
        <v>262</v>
      </c>
      <c r="D87" s="21" t="s">
        <v>534</v>
      </c>
      <c r="E87" s="21" t="s">
        <v>214</v>
      </c>
      <c r="F87" s="21" t="s">
        <v>464</v>
      </c>
      <c r="G87" s="16">
        <v>3361374</v>
      </c>
      <c r="H87" s="16">
        <v>34510</v>
      </c>
      <c r="I87" s="16">
        <v>1679697</v>
      </c>
      <c r="J87" s="16">
        <v>1504667</v>
      </c>
      <c r="K87" s="16">
        <v>54059</v>
      </c>
      <c r="L87" s="16">
        <v>88441</v>
      </c>
    </row>
    <row r="88" spans="1:12">
      <c r="A88" s="21" t="s">
        <v>232</v>
      </c>
      <c r="B88" s="21" t="s">
        <v>233</v>
      </c>
      <c r="C88" s="21" t="s">
        <v>262</v>
      </c>
      <c r="D88" s="21" t="s">
        <v>534</v>
      </c>
      <c r="E88" s="21" t="s">
        <v>214</v>
      </c>
      <c r="F88" s="21" t="s">
        <v>431</v>
      </c>
      <c r="G88" s="16">
        <v>61672123</v>
      </c>
      <c r="H88" s="16">
        <v>14224084</v>
      </c>
      <c r="I88" s="16">
        <v>43612899</v>
      </c>
      <c r="J88" s="16">
        <v>736421</v>
      </c>
      <c r="K88" s="16">
        <v>2635472</v>
      </c>
      <c r="L88" s="16">
        <v>463247</v>
      </c>
    </row>
    <row r="89" spans="1:12">
      <c r="A89" s="21" t="s">
        <v>232</v>
      </c>
      <c r="B89" s="21" t="s">
        <v>233</v>
      </c>
      <c r="C89" s="21" t="s">
        <v>262</v>
      </c>
      <c r="D89" s="21" t="s">
        <v>535</v>
      </c>
      <c r="E89" s="21" t="s">
        <v>214</v>
      </c>
      <c r="F89" s="21" t="s">
        <v>401</v>
      </c>
      <c r="G89" s="16">
        <v>34553907</v>
      </c>
      <c r="H89" s="16">
        <v>1498489</v>
      </c>
      <c r="I89" s="16">
        <v>28449201</v>
      </c>
      <c r="J89" s="16">
        <v>2092749</v>
      </c>
      <c r="K89" s="16">
        <v>1847161</v>
      </c>
      <c r="L89" s="16">
        <v>666307</v>
      </c>
    </row>
    <row r="90" spans="1:12">
      <c r="A90" s="21" t="s">
        <v>232</v>
      </c>
      <c r="B90" s="21" t="s">
        <v>233</v>
      </c>
      <c r="C90" s="21" t="s">
        <v>262</v>
      </c>
      <c r="D90" s="21" t="s">
        <v>535</v>
      </c>
      <c r="E90" s="21" t="s">
        <v>214</v>
      </c>
      <c r="F90" s="21" t="s">
        <v>514</v>
      </c>
      <c r="G90" s="16">
        <v>85</v>
      </c>
      <c r="H90" s="16">
        <v>85</v>
      </c>
      <c r="I90" s="22" t="s">
        <v>268</v>
      </c>
      <c r="J90" s="22" t="s">
        <v>268</v>
      </c>
      <c r="K90" s="22" t="s">
        <v>268</v>
      </c>
      <c r="L90" s="22" t="s">
        <v>268</v>
      </c>
    </row>
    <row r="91" spans="1:12">
      <c r="A91" s="21" t="s">
        <v>232</v>
      </c>
      <c r="B91" s="21" t="s">
        <v>233</v>
      </c>
      <c r="C91" s="21" t="s">
        <v>262</v>
      </c>
      <c r="D91" s="21" t="s">
        <v>535</v>
      </c>
      <c r="E91" s="21" t="s">
        <v>214</v>
      </c>
      <c r="F91" s="21" t="s">
        <v>515</v>
      </c>
      <c r="G91" s="16">
        <v>6738</v>
      </c>
      <c r="H91" s="16">
        <v>4366</v>
      </c>
      <c r="I91" s="16">
        <v>2093</v>
      </c>
      <c r="J91" s="16">
        <v>10</v>
      </c>
      <c r="K91" s="16">
        <v>121</v>
      </c>
      <c r="L91" s="16">
        <v>148</v>
      </c>
    </row>
    <row r="92" spans="1:12">
      <c r="A92" s="21" t="s">
        <v>232</v>
      </c>
      <c r="B92" s="21" t="s">
        <v>233</v>
      </c>
      <c r="C92" s="21" t="s">
        <v>262</v>
      </c>
      <c r="D92" s="21" t="s">
        <v>535</v>
      </c>
      <c r="E92" s="21" t="s">
        <v>214</v>
      </c>
      <c r="F92" s="21" t="s">
        <v>516</v>
      </c>
      <c r="G92" s="16">
        <v>198851</v>
      </c>
      <c r="H92" s="16">
        <v>81187</v>
      </c>
      <c r="I92" s="16">
        <v>105440</v>
      </c>
      <c r="J92" s="16">
        <v>126</v>
      </c>
      <c r="K92" s="16">
        <v>6473</v>
      </c>
      <c r="L92" s="16">
        <v>5625</v>
      </c>
    </row>
    <row r="93" spans="1:12">
      <c r="A93" s="21" t="s">
        <v>232</v>
      </c>
      <c r="B93" s="21" t="s">
        <v>233</v>
      </c>
      <c r="C93" s="21" t="s">
        <v>262</v>
      </c>
      <c r="D93" s="21" t="s">
        <v>535</v>
      </c>
      <c r="E93" s="21" t="s">
        <v>214</v>
      </c>
      <c r="F93" s="21" t="s">
        <v>517</v>
      </c>
      <c r="G93" s="16">
        <v>852060</v>
      </c>
      <c r="H93" s="16">
        <v>135837</v>
      </c>
      <c r="I93" s="16">
        <v>670502</v>
      </c>
      <c r="J93" s="16">
        <v>481</v>
      </c>
      <c r="K93" s="16">
        <v>30131</v>
      </c>
      <c r="L93" s="16">
        <v>15109</v>
      </c>
    </row>
    <row r="94" spans="1:12">
      <c r="A94" s="21" t="s">
        <v>232</v>
      </c>
      <c r="B94" s="21" t="s">
        <v>233</v>
      </c>
      <c r="C94" s="21" t="s">
        <v>262</v>
      </c>
      <c r="D94" s="21" t="s">
        <v>535</v>
      </c>
      <c r="E94" s="21" t="s">
        <v>214</v>
      </c>
      <c r="F94" s="21" t="s">
        <v>518</v>
      </c>
      <c r="G94" s="16">
        <v>1659663</v>
      </c>
      <c r="H94" s="16">
        <v>107934</v>
      </c>
      <c r="I94" s="16">
        <v>1452683</v>
      </c>
      <c r="J94" s="16">
        <v>1931</v>
      </c>
      <c r="K94" s="16">
        <v>71815</v>
      </c>
      <c r="L94" s="16">
        <v>25300</v>
      </c>
    </row>
    <row r="95" spans="1:12">
      <c r="A95" s="21" t="s">
        <v>232</v>
      </c>
      <c r="B95" s="21" t="s">
        <v>233</v>
      </c>
      <c r="C95" s="21" t="s">
        <v>262</v>
      </c>
      <c r="D95" s="21" t="s">
        <v>535</v>
      </c>
      <c r="E95" s="21" t="s">
        <v>214</v>
      </c>
      <c r="F95" s="21" t="s">
        <v>519</v>
      </c>
      <c r="G95" s="16">
        <v>2343221</v>
      </c>
      <c r="H95" s="16">
        <v>107809</v>
      </c>
      <c r="I95" s="16">
        <v>2053613</v>
      </c>
      <c r="J95" s="16">
        <v>6429</v>
      </c>
      <c r="K95" s="16">
        <v>136249</v>
      </c>
      <c r="L95" s="16">
        <v>39121</v>
      </c>
    </row>
    <row r="96" spans="1:12">
      <c r="A96" s="21" t="s">
        <v>232</v>
      </c>
      <c r="B96" s="21" t="s">
        <v>233</v>
      </c>
      <c r="C96" s="21" t="s">
        <v>262</v>
      </c>
      <c r="D96" s="21" t="s">
        <v>535</v>
      </c>
      <c r="E96" s="21" t="s">
        <v>214</v>
      </c>
      <c r="F96" s="21" t="s">
        <v>520</v>
      </c>
      <c r="G96" s="16">
        <v>2934150</v>
      </c>
      <c r="H96" s="16">
        <v>132966</v>
      </c>
      <c r="I96" s="16">
        <v>2520531</v>
      </c>
      <c r="J96" s="16">
        <v>15833</v>
      </c>
      <c r="K96" s="16">
        <v>211535</v>
      </c>
      <c r="L96" s="16">
        <v>53285</v>
      </c>
    </row>
    <row r="97" spans="1:12">
      <c r="A97" s="21" t="s">
        <v>232</v>
      </c>
      <c r="B97" s="21" t="s">
        <v>233</v>
      </c>
      <c r="C97" s="21" t="s">
        <v>262</v>
      </c>
      <c r="D97" s="21" t="s">
        <v>535</v>
      </c>
      <c r="E97" s="21" t="s">
        <v>214</v>
      </c>
      <c r="F97" s="21" t="s">
        <v>521</v>
      </c>
      <c r="G97" s="16">
        <v>3569815</v>
      </c>
      <c r="H97" s="16">
        <v>192878</v>
      </c>
      <c r="I97" s="16">
        <v>2966362</v>
      </c>
      <c r="J97" s="16">
        <v>36372</v>
      </c>
      <c r="K97" s="16">
        <v>303335</v>
      </c>
      <c r="L97" s="16">
        <v>70868</v>
      </c>
    </row>
    <row r="98" spans="1:12">
      <c r="A98" s="21" t="s">
        <v>232</v>
      </c>
      <c r="B98" s="21" t="s">
        <v>233</v>
      </c>
      <c r="C98" s="21" t="s">
        <v>262</v>
      </c>
      <c r="D98" s="21" t="s">
        <v>535</v>
      </c>
      <c r="E98" s="21" t="s">
        <v>214</v>
      </c>
      <c r="F98" s="21" t="s">
        <v>522</v>
      </c>
      <c r="G98" s="16">
        <v>3256434</v>
      </c>
      <c r="H98" s="16">
        <v>202365</v>
      </c>
      <c r="I98" s="16">
        <v>2644984</v>
      </c>
      <c r="J98" s="16">
        <v>57959</v>
      </c>
      <c r="K98" s="16">
        <v>288141</v>
      </c>
      <c r="L98" s="16">
        <v>62985</v>
      </c>
    </row>
    <row r="99" spans="1:12">
      <c r="A99" s="21" t="s">
        <v>232</v>
      </c>
      <c r="B99" s="21" t="s">
        <v>233</v>
      </c>
      <c r="C99" s="21" t="s">
        <v>262</v>
      </c>
      <c r="D99" s="21" t="s">
        <v>535</v>
      </c>
      <c r="E99" s="21" t="s">
        <v>214</v>
      </c>
      <c r="F99" s="21" t="s">
        <v>523</v>
      </c>
      <c r="G99" s="16">
        <v>3059892</v>
      </c>
      <c r="H99" s="16">
        <v>182268</v>
      </c>
      <c r="I99" s="16">
        <v>2501181</v>
      </c>
      <c r="J99" s="16">
        <v>90740</v>
      </c>
      <c r="K99" s="16">
        <v>241050</v>
      </c>
      <c r="L99" s="16">
        <v>44653</v>
      </c>
    </row>
    <row r="100" spans="1:12">
      <c r="A100" s="21" t="s">
        <v>232</v>
      </c>
      <c r="B100" s="21" t="s">
        <v>233</v>
      </c>
      <c r="C100" s="21" t="s">
        <v>262</v>
      </c>
      <c r="D100" s="21" t="s">
        <v>535</v>
      </c>
      <c r="E100" s="21" t="s">
        <v>214</v>
      </c>
      <c r="F100" s="21" t="s">
        <v>524</v>
      </c>
      <c r="G100" s="16">
        <v>2956859</v>
      </c>
      <c r="H100" s="16">
        <v>133063</v>
      </c>
      <c r="I100" s="16">
        <v>2476439</v>
      </c>
      <c r="J100" s="16">
        <v>134435</v>
      </c>
      <c r="K100" s="16">
        <v>182473</v>
      </c>
      <c r="L100" s="16">
        <v>30449</v>
      </c>
    </row>
    <row r="101" spans="1:12">
      <c r="A101" s="21" t="s">
        <v>232</v>
      </c>
      <c r="B101" s="21" t="s">
        <v>233</v>
      </c>
      <c r="C101" s="21" t="s">
        <v>262</v>
      </c>
      <c r="D101" s="21" t="s">
        <v>535</v>
      </c>
      <c r="E101" s="21" t="s">
        <v>214</v>
      </c>
      <c r="F101" s="21" t="s">
        <v>525</v>
      </c>
      <c r="G101" s="16">
        <v>3316765</v>
      </c>
      <c r="H101" s="16">
        <v>94739</v>
      </c>
      <c r="I101" s="16">
        <v>2830075</v>
      </c>
      <c r="J101" s="16">
        <v>215162</v>
      </c>
      <c r="K101" s="16">
        <v>148192</v>
      </c>
      <c r="L101" s="16">
        <v>28597</v>
      </c>
    </row>
    <row r="102" spans="1:12">
      <c r="A102" s="21" t="s">
        <v>232</v>
      </c>
      <c r="B102" s="21" t="s">
        <v>233</v>
      </c>
      <c r="C102" s="21" t="s">
        <v>262</v>
      </c>
      <c r="D102" s="21" t="s">
        <v>535</v>
      </c>
      <c r="E102" s="21" t="s">
        <v>214</v>
      </c>
      <c r="F102" s="21" t="s">
        <v>526</v>
      </c>
      <c r="G102" s="16">
        <v>3766296</v>
      </c>
      <c r="H102" s="16">
        <v>64889</v>
      </c>
      <c r="I102" s="16">
        <v>3208920</v>
      </c>
      <c r="J102" s="16">
        <v>334588</v>
      </c>
      <c r="K102" s="16">
        <v>122776</v>
      </c>
      <c r="L102" s="16">
        <v>35123</v>
      </c>
    </row>
    <row r="103" spans="1:12">
      <c r="A103" s="21" t="s">
        <v>232</v>
      </c>
      <c r="B103" s="21" t="s">
        <v>233</v>
      </c>
      <c r="C103" s="21" t="s">
        <v>262</v>
      </c>
      <c r="D103" s="21" t="s">
        <v>535</v>
      </c>
      <c r="E103" s="21" t="s">
        <v>214</v>
      </c>
      <c r="F103" s="21" t="s">
        <v>527</v>
      </c>
      <c r="G103" s="16">
        <v>2871742</v>
      </c>
      <c r="H103" s="16">
        <v>29242</v>
      </c>
      <c r="I103" s="16">
        <v>2379988</v>
      </c>
      <c r="J103" s="16">
        <v>369222</v>
      </c>
      <c r="K103" s="16">
        <v>59846</v>
      </c>
      <c r="L103" s="16">
        <v>33444</v>
      </c>
    </row>
    <row r="104" spans="1:12">
      <c r="A104" s="21" t="s">
        <v>232</v>
      </c>
      <c r="B104" s="21" t="s">
        <v>233</v>
      </c>
      <c r="C104" s="21" t="s">
        <v>262</v>
      </c>
      <c r="D104" s="21" t="s">
        <v>535</v>
      </c>
      <c r="E104" s="21" t="s">
        <v>214</v>
      </c>
      <c r="F104" s="21" t="s">
        <v>528</v>
      </c>
      <c r="G104" s="16">
        <v>2030001</v>
      </c>
      <c r="H104" s="16">
        <v>15991</v>
      </c>
      <c r="I104" s="16">
        <v>1595714</v>
      </c>
      <c r="J104" s="16">
        <v>360466</v>
      </c>
      <c r="K104" s="16">
        <v>28296</v>
      </c>
      <c r="L104" s="16">
        <v>29534</v>
      </c>
    </row>
    <row r="105" spans="1:12">
      <c r="A105" s="21" t="s">
        <v>232</v>
      </c>
      <c r="B105" s="21" t="s">
        <v>233</v>
      </c>
      <c r="C105" s="21" t="s">
        <v>262</v>
      </c>
      <c r="D105" s="21" t="s">
        <v>535</v>
      </c>
      <c r="E105" s="21" t="s">
        <v>214</v>
      </c>
      <c r="F105" s="21" t="s">
        <v>529</v>
      </c>
      <c r="G105" s="16">
        <v>1130615</v>
      </c>
      <c r="H105" s="16">
        <v>9060</v>
      </c>
      <c r="I105" s="16">
        <v>801707</v>
      </c>
      <c r="J105" s="16">
        <v>287304</v>
      </c>
      <c r="K105" s="16">
        <v>11912</v>
      </c>
      <c r="L105" s="16">
        <v>20632</v>
      </c>
    </row>
    <row r="106" spans="1:12">
      <c r="A106" s="21" t="s">
        <v>232</v>
      </c>
      <c r="B106" s="21" t="s">
        <v>233</v>
      </c>
      <c r="C106" s="21" t="s">
        <v>262</v>
      </c>
      <c r="D106" s="21" t="s">
        <v>535</v>
      </c>
      <c r="E106" s="21" t="s">
        <v>214</v>
      </c>
      <c r="F106" s="21" t="s">
        <v>530</v>
      </c>
      <c r="G106" s="16">
        <v>372932</v>
      </c>
      <c r="H106" s="16">
        <v>3172</v>
      </c>
      <c r="I106" s="16">
        <v>214948</v>
      </c>
      <c r="J106" s="16">
        <v>141880</v>
      </c>
      <c r="K106" s="16">
        <v>3937</v>
      </c>
      <c r="L106" s="16">
        <v>8995</v>
      </c>
    </row>
    <row r="107" spans="1:12">
      <c r="A107" s="21" t="s">
        <v>232</v>
      </c>
      <c r="B107" s="21" t="s">
        <v>233</v>
      </c>
      <c r="C107" s="21" t="s">
        <v>262</v>
      </c>
      <c r="D107" s="21" t="s">
        <v>535</v>
      </c>
      <c r="E107" s="21" t="s">
        <v>214</v>
      </c>
      <c r="F107" s="21" t="s">
        <v>531</v>
      </c>
      <c r="G107" s="16">
        <v>61559</v>
      </c>
      <c r="H107" s="16">
        <v>573</v>
      </c>
      <c r="I107" s="16">
        <v>22816</v>
      </c>
      <c r="J107" s="16">
        <v>35367</v>
      </c>
      <c r="K107" s="16">
        <v>787</v>
      </c>
      <c r="L107" s="16">
        <v>2016</v>
      </c>
    </row>
    <row r="108" spans="1:12">
      <c r="A108" s="21" t="s">
        <v>232</v>
      </c>
      <c r="B108" s="21" t="s">
        <v>233</v>
      </c>
      <c r="C108" s="21" t="s">
        <v>262</v>
      </c>
      <c r="D108" s="21" t="s">
        <v>535</v>
      </c>
      <c r="E108" s="21" t="s">
        <v>214</v>
      </c>
      <c r="F108" s="21" t="s">
        <v>532</v>
      </c>
      <c r="G108" s="16">
        <v>6109</v>
      </c>
      <c r="H108" s="16">
        <v>65</v>
      </c>
      <c r="I108" s="16">
        <v>1205</v>
      </c>
      <c r="J108" s="16">
        <v>4444</v>
      </c>
      <c r="K108" s="16">
        <v>92</v>
      </c>
      <c r="L108" s="16">
        <v>303</v>
      </c>
    </row>
    <row r="109" spans="1:12">
      <c r="A109" s="21" t="s">
        <v>232</v>
      </c>
      <c r="B109" s="21" t="s">
        <v>233</v>
      </c>
      <c r="C109" s="21" t="s">
        <v>262</v>
      </c>
      <c r="D109" s="21" t="s">
        <v>535</v>
      </c>
      <c r="E109" s="21" t="s">
        <v>214</v>
      </c>
      <c r="F109" s="21" t="s">
        <v>533</v>
      </c>
      <c r="G109" s="16">
        <v>160120</v>
      </c>
      <c r="H109" s="22" t="s">
        <v>268</v>
      </c>
      <c r="I109" s="22" t="s">
        <v>268</v>
      </c>
      <c r="J109" s="22" t="s">
        <v>268</v>
      </c>
      <c r="K109" s="22" t="s">
        <v>268</v>
      </c>
      <c r="L109" s="16">
        <v>160120</v>
      </c>
    </row>
    <row r="110" spans="1:12">
      <c r="A110" s="21" t="s">
        <v>232</v>
      </c>
      <c r="B110" s="21" t="s">
        <v>233</v>
      </c>
      <c r="C110" s="21" t="s">
        <v>262</v>
      </c>
      <c r="D110" s="21" t="s">
        <v>535</v>
      </c>
      <c r="E110" s="21" t="s">
        <v>214</v>
      </c>
      <c r="F110" s="21" t="s">
        <v>461</v>
      </c>
      <c r="G110" s="16">
        <v>20837683</v>
      </c>
      <c r="H110" s="16">
        <v>1280673</v>
      </c>
      <c r="I110" s="16">
        <v>17393828</v>
      </c>
      <c r="J110" s="16">
        <v>344316</v>
      </c>
      <c r="K110" s="16">
        <v>1471323</v>
      </c>
      <c r="L110" s="16">
        <v>347543</v>
      </c>
    </row>
    <row r="111" spans="1:12">
      <c r="A111" s="21" t="s">
        <v>232</v>
      </c>
      <c r="B111" s="21" t="s">
        <v>233</v>
      </c>
      <c r="C111" s="21" t="s">
        <v>262</v>
      </c>
      <c r="D111" s="21" t="s">
        <v>535</v>
      </c>
      <c r="E111" s="21" t="s">
        <v>214</v>
      </c>
      <c r="F111" s="21" t="s">
        <v>462</v>
      </c>
      <c r="G111" s="16">
        <v>13556019</v>
      </c>
      <c r="H111" s="16">
        <v>217731</v>
      </c>
      <c r="I111" s="16">
        <v>11055373</v>
      </c>
      <c r="J111" s="16">
        <v>1748433</v>
      </c>
      <c r="K111" s="16">
        <v>375838</v>
      </c>
      <c r="L111" s="16">
        <v>158644</v>
      </c>
    </row>
    <row r="112" spans="1:12">
      <c r="A112" s="21" t="s">
        <v>232</v>
      </c>
      <c r="B112" s="21" t="s">
        <v>233</v>
      </c>
      <c r="C112" s="21" t="s">
        <v>262</v>
      </c>
      <c r="D112" s="21" t="s">
        <v>535</v>
      </c>
      <c r="E112" s="21" t="s">
        <v>214</v>
      </c>
      <c r="F112" s="21" t="s">
        <v>463</v>
      </c>
      <c r="G112" s="16">
        <v>6472958</v>
      </c>
      <c r="H112" s="16">
        <v>58103</v>
      </c>
      <c r="I112" s="16">
        <v>5016378</v>
      </c>
      <c r="J112" s="16">
        <v>1198683</v>
      </c>
      <c r="K112" s="16">
        <v>104870</v>
      </c>
      <c r="L112" s="16">
        <v>94924</v>
      </c>
    </row>
    <row r="113" spans="1:12">
      <c r="A113" s="21" t="s">
        <v>232</v>
      </c>
      <c r="B113" s="21" t="s">
        <v>233</v>
      </c>
      <c r="C113" s="21" t="s">
        <v>262</v>
      </c>
      <c r="D113" s="21" t="s">
        <v>535</v>
      </c>
      <c r="E113" s="21" t="s">
        <v>214</v>
      </c>
      <c r="F113" s="21" t="s">
        <v>464</v>
      </c>
      <c r="G113" s="16">
        <v>1571215</v>
      </c>
      <c r="H113" s="16">
        <v>12870</v>
      </c>
      <c r="I113" s="16">
        <v>1040676</v>
      </c>
      <c r="J113" s="16">
        <v>468995</v>
      </c>
      <c r="K113" s="16">
        <v>16728</v>
      </c>
      <c r="L113" s="16">
        <v>31946</v>
      </c>
    </row>
    <row r="114" spans="1:12">
      <c r="A114" s="21" t="s">
        <v>232</v>
      </c>
      <c r="B114" s="21" t="s">
        <v>233</v>
      </c>
      <c r="C114" s="21" t="s">
        <v>262</v>
      </c>
      <c r="D114" s="21" t="s">
        <v>535</v>
      </c>
      <c r="E114" s="21" t="s">
        <v>214</v>
      </c>
      <c r="F114" s="21" t="s">
        <v>431</v>
      </c>
      <c r="G114" s="16">
        <v>24147710</v>
      </c>
      <c r="H114" s="16">
        <v>1371046</v>
      </c>
      <c r="I114" s="16">
        <v>20221810</v>
      </c>
      <c r="J114" s="16">
        <v>559468</v>
      </c>
      <c r="K114" s="16">
        <v>1619394</v>
      </c>
      <c r="L114" s="16">
        <v>375992</v>
      </c>
    </row>
    <row r="115" spans="1:12">
      <c r="A115" s="21" t="s">
        <v>232</v>
      </c>
      <c r="B115" s="21" t="s">
        <v>233</v>
      </c>
      <c r="C115" s="21" t="s">
        <v>262</v>
      </c>
      <c r="D115" s="21" t="s">
        <v>536</v>
      </c>
      <c r="E115" s="21" t="s">
        <v>214</v>
      </c>
      <c r="F115" s="21" t="s">
        <v>401</v>
      </c>
      <c r="G115" s="16">
        <v>21151042</v>
      </c>
      <c r="H115" s="16">
        <v>8016067</v>
      </c>
      <c r="I115" s="16">
        <v>1083073</v>
      </c>
      <c r="J115" s="16">
        <v>3718613</v>
      </c>
      <c r="K115" s="16">
        <v>2351548</v>
      </c>
      <c r="L115" s="16">
        <v>5981741</v>
      </c>
    </row>
    <row r="116" spans="1:12">
      <c r="A116" s="21" t="s">
        <v>232</v>
      </c>
      <c r="B116" s="21" t="s">
        <v>233</v>
      </c>
      <c r="C116" s="21" t="s">
        <v>262</v>
      </c>
      <c r="D116" s="21" t="s">
        <v>536</v>
      </c>
      <c r="E116" s="21" t="s">
        <v>214</v>
      </c>
      <c r="F116" s="21" t="s">
        <v>514</v>
      </c>
      <c r="G116" s="16">
        <v>128</v>
      </c>
      <c r="H116" s="16">
        <v>128</v>
      </c>
      <c r="I116" s="22" t="s">
        <v>268</v>
      </c>
      <c r="J116" s="22" t="s">
        <v>268</v>
      </c>
      <c r="K116" s="22" t="s">
        <v>268</v>
      </c>
      <c r="L116" s="22" t="s">
        <v>268</v>
      </c>
    </row>
    <row r="117" spans="1:12">
      <c r="A117" s="21" t="s">
        <v>232</v>
      </c>
      <c r="B117" s="21" t="s">
        <v>233</v>
      </c>
      <c r="C117" s="21" t="s">
        <v>262</v>
      </c>
      <c r="D117" s="21" t="s">
        <v>536</v>
      </c>
      <c r="E117" s="21" t="s">
        <v>214</v>
      </c>
      <c r="F117" s="21" t="s">
        <v>515</v>
      </c>
      <c r="G117" s="16">
        <v>287623</v>
      </c>
      <c r="H117" s="16">
        <v>257061</v>
      </c>
      <c r="I117" s="16">
        <v>1499</v>
      </c>
      <c r="J117" s="16">
        <v>136</v>
      </c>
      <c r="K117" s="16">
        <v>196</v>
      </c>
      <c r="L117" s="16">
        <v>28731</v>
      </c>
    </row>
    <row r="118" spans="1:12">
      <c r="A118" s="21" t="s">
        <v>232</v>
      </c>
      <c r="B118" s="21" t="s">
        <v>233</v>
      </c>
      <c r="C118" s="21" t="s">
        <v>262</v>
      </c>
      <c r="D118" s="21" t="s">
        <v>536</v>
      </c>
      <c r="E118" s="21" t="s">
        <v>214</v>
      </c>
      <c r="F118" s="21" t="s">
        <v>516</v>
      </c>
      <c r="G118" s="16">
        <v>1690552</v>
      </c>
      <c r="H118" s="16">
        <v>1314092</v>
      </c>
      <c r="I118" s="16">
        <v>6686</v>
      </c>
      <c r="J118" s="16">
        <v>497</v>
      </c>
      <c r="K118" s="16">
        <v>2369</v>
      </c>
      <c r="L118" s="16">
        <v>366908</v>
      </c>
    </row>
    <row r="119" spans="1:12">
      <c r="A119" s="21" t="s">
        <v>232</v>
      </c>
      <c r="B119" s="21" t="s">
        <v>233</v>
      </c>
      <c r="C119" s="21" t="s">
        <v>262</v>
      </c>
      <c r="D119" s="21" t="s">
        <v>536</v>
      </c>
      <c r="E119" s="21" t="s">
        <v>214</v>
      </c>
      <c r="F119" s="21" t="s">
        <v>517</v>
      </c>
      <c r="G119" s="16">
        <v>1786904</v>
      </c>
      <c r="H119" s="16">
        <v>1242617</v>
      </c>
      <c r="I119" s="16">
        <v>34994</v>
      </c>
      <c r="J119" s="16">
        <v>599</v>
      </c>
      <c r="K119" s="16">
        <v>13947</v>
      </c>
      <c r="L119" s="16">
        <v>494747</v>
      </c>
    </row>
    <row r="120" spans="1:12">
      <c r="A120" s="21" t="s">
        <v>232</v>
      </c>
      <c r="B120" s="21" t="s">
        <v>233</v>
      </c>
      <c r="C120" s="21" t="s">
        <v>262</v>
      </c>
      <c r="D120" s="21" t="s">
        <v>536</v>
      </c>
      <c r="E120" s="21" t="s">
        <v>214</v>
      </c>
      <c r="F120" s="21" t="s">
        <v>518</v>
      </c>
      <c r="G120" s="16">
        <v>1257834</v>
      </c>
      <c r="H120" s="16">
        <v>792355</v>
      </c>
      <c r="I120" s="16">
        <v>54473</v>
      </c>
      <c r="J120" s="16">
        <v>1005</v>
      </c>
      <c r="K120" s="16">
        <v>36949</v>
      </c>
      <c r="L120" s="16">
        <v>373052</v>
      </c>
    </row>
    <row r="121" spans="1:12">
      <c r="A121" s="21" t="s">
        <v>232</v>
      </c>
      <c r="B121" s="21" t="s">
        <v>233</v>
      </c>
      <c r="C121" s="21" t="s">
        <v>262</v>
      </c>
      <c r="D121" s="21" t="s">
        <v>536</v>
      </c>
      <c r="E121" s="21" t="s">
        <v>214</v>
      </c>
      <c r="F121" s="21" t="s">
        <v>519</v>
      </c>
      <c r="G121" s="16">
        <v>1036189</v>
      </c>
      <c r="H121" s="16">
        <v>604965</v>
      </c>
      <c r="I121" s="16">
        <v>53215</v>
      </c>
      <c r="J121" s="16">
        <v>2192</v>
      </c>
      <c r="K121" s="16">
        <v>61688</v>
      </c>
      <c r="L121" s="16">
        <v>314129</v>
      </c>
    </row>
    <row r="122" spans="1:12">
      <c r="A122" s="21" t="s">
        <v>232</v>
      </c>
      <c r="B122" s="21" t="s">
        <v>233</v>
      </c>
      <c r="C122" s="21" t="s">
        <v>262</v>
      </c>
      <c r="D122" s="21" t="s">
        <v>536</v>
      </c>
      <c r="E122" s="21" t="s">
        <v>214</v>
      </c>
      <c r="F122" s="21" t="s">
        <v>520</v>
      </c>
      <c r="G122" s="16">
        <v>1029851</v>
      </c>
      <c r="H122" s="16">
        <v>565934</v>
      </c>
      <c r="I122" s="16">
        <v>70125</v>
      </c>
      <c r="J122" s="16">
        <v>5548</v>
      </c>
      <c r="K122" s="16">
        <v>100934</v>
      </c>
      <c r="L122" s="16">
        <v>287310</v>
      </c>
    </row>
    <row r="123" spans="1:12">
      <c r="A123" s="21" t="s">
        <v>232</v>
      </c>
      <c r="B123" s="21" t="s">
        <v>233</v>
      </c>
      <c r="C123" s="21" t="s">
        <v>262</v>
      </c>
      <c r="D123" s="21" t="s">
        <v>536</v>
      </c>
      <c r="E123" s="21" t="s">
        <v>214</v>
      </c>
      <c r="F123" s="21" t="s">
        <v>521</v>
      </c>
      <c r="G123" s="16">
        <v>1279028</v>
      </c>
      <c r="H123" s="16">
        <v>643449</v>
      </c>
      <c r="I123" s="16">
        <v>119141</v>
      </c>
      <c r="J123" s="16">
        <v>15276</v>
      </c>
      <c r="K123" s="16">
        <v>187629</v>
      </c>
      <c r="L123" s="16">
        <v>313533</v>
      </c>
    </row>
    <row r="124" spans="1:12">
      <c r="A124" s="21" t="s">
        <v>232</v>
      </c>
      <c r="B124" s="21" t="s">
        <v>233</v>
      </c>
      <c r="C124" s="21" t="s">
        <v>262</v>
      </c>
      <c r="D124" s="21" t="s">
        <v>536</v>
      </c>
      <c r="E124" s="21" t="s">
        <v>214</v>
      </c>
      <c r="F124" s="21" t="s">
        <v>522</v>
      </c>
      <c r="G124" s="16">
        <v>1283940</v>
      </c>
      <c r="H124" s="16">
        <v>572487</v>
      </c>
      <c r="I124" s="16">
        <v>160765</v>
      </c>
      <c r="J124" s="16">
        <v>32096</v>
      </c>
      <c r="K124" s="16">
        <v>248013</v>
      </c>
      <c r="L124" s="16">
        <v>270579</v>
      </c>
    </row>
    <row r="125" spans="1:12">
      <c r="A125" s="21" t="s">
        <v>232</v>
      </c>
      <c r="B125" s="21" t="s">
        <v>233</v>
      </c>
      <c r="C125" s="21" t="s">
        <v>262</v>
      </c>
      <c r="D125" s="21" t="s">
        <v>536</v>
      </c>
      <c r="E125" s="21" t="s">
        <v>214</v>
      </c>
      <c r="F125" s="21" t="s">
        <v>523</v>
      </c>
      <c r="G125" s="16">
        <v>1233765</v>
      </c>
      <c r="H125" s="16">
        <v>490973</v>
      </c>
      <c r="I125" s="16">
        <v>171627</v>
      </c>
      <c r="J125" s="16">
        <v>68638</v>
      </c>
      <c r="K125" s="16">
        <v>296036</v>
      </c>
      <c r="L125" s="16">
        <v>206491</v>
      </c>
    </row>
    <row r="126" spans="1:12">
      <c r="A126" s="21" t="s">
        <v>232</v>
      </c>
      <c r="B126" s="21" t="s">
        <v>233</v>
      </c>
      <c r="C126" s="21" t="s">
        <v>262</v>
      </c>
      <c r="D126" s="21" t="s">
        <v>536</v>
      </c>
      <c r="E126" s="21" t="s">
        <v>214</v>
      </c>
      <c r="F126" s="21" t="s">
        <v>524</v>
      </c>
      <c r="G126" s="16">
        <v>1145819</v>
      </c>
      <c r="H126" s="16">
        <v>424296</v>
      </c>
      <c r="I126" s="16">
        <v>114346</v>
      </c>
      <c r="J126" s="16">
        <v>137831</v>
      </c>
      <c r="K126" s="16">
        <v>311353</v>
      </c>
      <c r="L126" s="16">
        <v>157993</v>
      </c>
    </row>
    <row r="127" spans="1:12">
      <c r="A127" s="21" t="s">
        <v>232</v>
      </c>
      <c r="B127" s="21" t="s">
        <v>233</v>
      </c>
      <c r="C127" s="21" t="s">
        <v>262</v>
      </c>
      <c r="D127" s="21" t="s">
        <v>536</v>
      </c>
      <c r="E127" s="21" t="s">
        <v>214</v>
      </c>
      <c r="F127" s="21" t="s">
        <v>525</v>
      </c>
      <c r="G127" s="16">
        <v>1331095</v>
      </c>
      <c r="H127" s="16">
        <v>426689</v>
      </c>
      <c r="I127" s="16">
        <v>83590</v>
      </c>
      <c r="J127" s="16">
        <v>301192</v>
      </c>
      <c r="K127" s="16">
        <v>358791</v>
      </c>
      <c r="L127" s="16">
        <v>160833</v>
      </c>
    </row>
    <row r="128" spans="1:12">
      <c r="A128" s="21" t="s">
        <v>232</v>
      </c>
      <c r="B128" s="21" t="s">
        <v>233</v>
      </c>
      <c r="C128" s="21" t="s">
        <v>262</v>
      </c>
      <c r="D128" s="21" t="s">
        <v>536</v>
      </c>
      <c r="E128" s="21" t="s">
        <v>214</v>
      </c>
      <c r="F128" s="21" t="s">
        <v>526</v>
      </c>
      <c r="G128" s="16">
        <v>1578003</v>
      </c>
      <c r="H128" s="16">
        <v>362690</v>
      </c>
      <c r="I128" s="16">
        <v>76215</v>
      </c>
      <c r="J128" s="16">
        <v>584019</v>
      </c>
      <c r="K128" s="16">
        <v>371171</v>
      </c>
      <c r="L128" s="16">
        <v>183908</v>
      </c>
    </row>
    <row r="129" spans="1:12">
      <c r="A129" s="21" t="s">
        <v>232</v>
      </c>
      <c r="B129" s="21" t="s">
        <v>233</v>
      </c>
      <c r="C129" s="21" t="s">
        <v>262</v>
      </c>
      <c r="D129" s="21" t="s">
        <v>536</v>
      </c>
      <c r="E129" s="21" t="s">
        <v>214</v>
      </c>
      <c r="F129" s="21" t="s">
        <v>527</v>
      </c>
      <c r="G129" s="16">
        <v>1314415</v>
      </c>
      <c r="H129" s="16">
        <v>169965</v>
      </c>
      <c r="I129" s="16">
        <v>49951</v>
      </c>
      <c r="J129" s="16">
        <v>737666</v>
      </c>
      <c r="K129" s="16">
        <v>206322</v>
      </c>
      <c r="L129" s="16">
        <v>150511</v>
      </c>
    </row>
    <row r="130" spans="1:12">
      <c r="A130" s="21" t="s">
        <v>232</v>
      </c>
      <c r="B130" s="21" t="s">
        <v>233</v>
      </c>
      <c r="C130" s="21" t="s">
        <v>262</v>
      </c>
      <c r="D130" s="21" t="s">
        <v>536</v>
      </c>
      <c r="E130" s="21" t="s">
        <v>214</v>
      </c>
      <c r="F130" s="21" t="s">
        <v>528</v>
      </c>
      <c r="G130" s="16">
        <v>1158972</v>
      </c>
      <c r="H130" s="16">
        <v>85098</v>
      </c>
      <c r="I130" s="16">
        <v>41136</v>
      </c>
      <c r="J130" s="16">
        <v>801909</v>
      </c>
      <c r="K130" s="16">
        <v>101299</v>
      </c>
      <c r="L130" s="16">
        <v>129530</v>
      </c>
    </row>
    <row r="131" spans="1:12">
      <c r="A131" s="21" t="s">
        <v>232</v>
      </c>
      <c r="B131" s="21" t="s">
        <v>233</v>
      </c>
      <c r="C131" s="21" t="s">
        <v>262</v>
      </c>
      <c r="D131" s="21" t="s">
        <v>536</v>
      </c>
      <c r="E131" s="21" t="s">
        <v>214</v>
      </c>
      <c r="F131" s="21" t="s">
        <v>529</v>
      </c>
      <c r="G131" s="16">
        <v>874751</v>
      </c>
      <c r="H131" s="16">
        <v>44276</v>
      </c>
      <c r="I131" s="16">
        <v>30701</v>
      </c>
      <c r="J131" s="16">
        <v>665000</v>
      </c>
      <c r="K131" s="16">
        <v>40951</v>
      </c>
      <c r="L131" s="16">
        <v>93823</v>
      </c>
    </row>
    <row r="132" spans="1:12">
      <c r="A132" s="21" t="s">
        <v>232</v>
      </c>
      <c r="B132" s="21" t="s">
        <v>233</v>
      </c>
      <c r="C132" s="21" t="s">
        <v>262</v>
      </c>
      <c r="D132" s="21" t="s">
        <v>536</v>
      </c>
      <c r="E132" s="21" t="s">
        <v>214</v>
      </c>
      <c r="F132" s="21" t="s">
        <v>530</v>
      </c>
      <c r="G132" s="16">
        <v>377526</v>
      </c>
      <c r="H132" s="16">
        <v>16132</v>
      </c>
      <c r="I132" s="16">
        <v>12527</v>
      </c>
      <c r="J132" s="16">
        <v>297892</v>
      </c>
      <c r="K132" s="16">
        <v>11823</v>
      </c>
      <c r="L132" s="16">
        <v>39152</v>
      </c>
    </row>
    <row r="133" spans="1:12">
      <c r="A133" s="21" t="s">
        <v>232</v>
      </c>
      <c r="B133" s="21" t="s">
        <v>233</v>
      </c>
      <c r="C133" s="21" t="s">
        <v>262</v>
      </c>
      <c r="D133" s="21" t="s">
        <v>536</v>
      </c>
      <c r="E133" s="21" t="s">
        <v>214</v>
      </c>
      <c r="F133" s="21" t="s">
        <v>531</v>
      </c>
      <c r="G133" s="16">
        <v>74341</v>
      </c>
      <c r="H133" s="16">
        <v>2595</v>
      </c>
      <c r="I133" s="16">
        <v>1947</v>
      </c>
      <c r="J133" s="16">
        <v>60868</v>
      </c>
      <c r="K133" s="16">
        <v>1928</v>
      </c>
      <c r="L133" s="16">
        <v>7003</v>
      </c>
    </row>
    <row r="134" spans="1:12">
      <c r="A134" s="21" t="s">
        <v>232</v>
      </c>
      <c r="B134" s="21" t="s">
        <v>233</v>
      </c>
      <c r="C134" s="21" t="s">
        <v>262</v>
      </c>
      <c r="D134" s="21" t="s">
        <v>536</v>
      </c>
      <c r="E134" s="21" t="s">
        <v>214</v>
      </c>
      <c r="F134" s="21" t="s">
        <v>532</v>
      </c>
      <c r="G134" s="16">
        <v>7703</v>
      </c>
      <c r="H134" s="16">
        <v>265</v>
      </c>
      <c r="I134" s="16">
        <v>135</v>
      </c>
      <c r="J134" s="16">
        <v>6249</v>
      </c>
      <c r="K134" s="16">
        <v>149</v>
      </c>
      <c r="L134" s="16">
        <v>905</v>
      </c>
    </row>
    <row r="135" spans="1:12">
      <c r="A135" s="21" t="s">
        <v>232</v>
      </c>
      <c r="B135" s="21" t="s">
        <v>233</v>
      </c>
      <c r="C135" s="21" t="s">
        <v>262</v>
      </c>
      <c r="D135" s="21" t="s">
        <v>536</v>
      </c>
      <c r="E135" s="21" t="s">
        <v>214</v>
      </c>
      <c r="F135" s="21" t="s">
        <v>533</v>
      </c>
      <c r="G135" s="16">
        <v>2402603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16">
        <v>2402603</v>
      </c>
    </row>
    <row r="136" spans="1:12">
      <c r="A136" s="21" t="s">
        <v>232</v>
      </c>
      <c r="B136" s="21" t="s">
        <v>233</v>
      </c>
      <c r="C136" s="21" t="s">
        <v>262</v>
      </c>
      <c r="D136" s="21" t="s">
        <v>536</v>
      </c>
      <c r="E136" s="21" t="s">
        <v>214</v>
      </c>
      <c r="F136" s="21" t="s">
        <v>461</v>
      </c>
      <c r="G136" s="16">
        <v>12031505</v>
      </c>
      <c r="H136" s="16">
        <v>6908229</v>
      </c>
      <c r="I136" s="16">
        <v>786871</v>
      </c>
      <c r="J136" s="16">
        <v>263818</v>
      </c>
      <c r="K136" s="16">
        <v>1259114</v>
      </c>
      <c r="L136" s="16">
        <v>2813473</v>
      </c>
    </row>
    <row r="137" spans="1:12">
      <c r="A137" s="21" t="s">
        <v>232</v>
      </c>
      <c r="B137" s="21" t="s">
        <v>233</v>
      </c>
      <c r="C137" s="21" t="s">
        <v>262</v>
      </c>
      <c r="D137" s="21" t="s">
        <v>536</v>
      </c>
      <c r="E137" s="21" t="s">
        <v>214</v>
      </c>
      <c r="F137" s="21" t="s">
        <v>462</v>
      </c>
      <c r="G137" s="16">
        <v>6716806</v>
      </c>
      <c r="H137" s="16">
        <v>1107710</v>
      </c>
      <c r="I137" s="16">
        <v>296202</v>
      </c>
      <c r="J137" s="16">
        <v>3454795</v>
      </c>
      <c r="K137" s="16">
        <v>1092434</v>
      </c>
      <c r="L137" s="16">
        <v>765665</v>
      </c>
    </row>
    <row r="138" spans="1:12">
      <c r="A138" s="21" t="s">
        <v>232</v>
      </c>
      <c r="B138" s="21" t="s">
        <v>233</v>
      </c>
      <c r="C138" s="21" t="s">
        <v>262</v>
      </c>
      <c r="D138" s="21" t="s">
        <v>536</v>
      </c>
      <c r="E138" s="21" t="s">
        <v>214</v>
      </c>
      <c r="F138" s="21" t="s">
        <v>463</v>
      </c>
      <c r="G138" s="16">
        <v>3807708</v>
      </c>
      <c r="H138" s="16">
        <v>318331</v>
      </c>
      <c r="I138" s="16">
        <v>136397</v>
      </c>
      <c r="J138" s="16">
        <v>2569584</v>
      </c>
      <c r="K138" s="16">
        <v>362472</v>
      </c>
      <c r="L138" s="16">
        <v>420924</v>
      </c>
    </row>
    <row r="139" spans="1:12">
      <c r="A139" s="21" t="s">
        <v>232</v>
      </c>
      <c r="B139" s="21" t="s">
        <v>233</v>
      </c>
      <c r="C139" s="21" t="s">
        <v>262</v>
      </c>
      <c r="D139" s="21" t="s">
        <v>536</v>
      </c>
      <c r="E139" s="21" t="s">
        <v>214</v>
      </c>
      <c r="F139" s="21" t="s">
        <v>464</v>
      </c>
      <c r="G139" s="16">
        <v>1334321</v>
      </c>
      <c r="H139" s="16">
        <v>63268</v>
      </c>
      <c r="I139" s="16">
        <v>45310</v>
      </c>
      <c r="J139" s="16">
        <v>1030009</v>
      </c>
      <c r="K139" s="16">
        <v>54851</v>
      </c>
      <c r="L139" s="16">
        <v>140883</v>
      </c>
    </row>
    <row r="140" spans="1:12">
      <c r="A140" s="21" t="s">
        <v>232</v>
      </c>
      <c r="B140" s="21" t="s">
        <v>233</v>
      </c>
      <c r="C140" s="21" t="s">
        <v>262</v>
      </c>
      <c r="D140" s="21" t="s">
        <v>536</v>
      </c>
      <c r="E140" s="21" t="s">
        <v>214</v>
      </c>
      <c r="F140" s="21" t="s">
        <v>431</v>
      </c>
      <c r="G140" s="16">
        <v>13074977</v>
      </c>
      <c r="H140" s="16">
        <v>7077857</v>
      </c>
      <c r="I140" s="16">
        <v>868962</v>
      </c>
      <c r="J140" s="16">
        <v>564874</v>
      </c>
      <c r="K140" s="16">
        <v>1617709</v>
      </c>
      <c r="L140" s="16">
        <v>2945575</v>
      </c>
    </row>
    <row r="141" spans="1:12">
      <c r="A141" s="21" t="s">
        <v>232</v>
      </c>
      <c r="B141" s="21" t="s">
        <v>233</v>
      </c>
      <c r="C141" s="21" t="s">
        <v>262</v>
      </c>
      <c r="D141" s="21" t="s">
        <v>218</v>
      </c>
      <c r="E141" s="21" t="s">
        <v>214</v>
      </c>
      <c r="F141" s="21" t="s">
        <v>401</v>
      </c>
      <c r="G141" s="16">
        <v>2983104</v>
      </c>
      <c r="H141" s="16">
        <v>837003</v>
      </c>
      <c r="I141" s="16">
        <v>419998</v>
      </c>
      <c r="J141" s="16">
        <v>1178506</v>
      </c>
      <c r="K141" s="16">
        <v>171942</v>
      </c>
      <c r="L141" s="16">
        <v>375655</v>
      </c>
    </row>
    <row r="142" spans="1:12">
      <c r="A142" s="21" t="s">
        <v>232</v>
      </c>
      <c r="B142" s="21" t="s">
        <v>233</v>
      </c>
      <c r="C142" s="21" t="s">
        <v>262</v>
      </c>
      <c r="D142" s="21" t="s">
        <v>218</v>
      </c>
      <c r="E142" s="21" t="s">
        <v>214</v>
      </c>
      <c r="F142" s="21" t="s">
        <v>514</v>
      </c>
      <c r="G142" s="16">
        <v>35766</v>
      </c>
      <c r="H142" s="16">
        <v>35766</v>
      </c>
      <c r="I142" s="22" t="s">
        <v>268</v>
      </c>
      <c r="J142" s="22" t="s">
        <v>268</v>
      </c>
      <c r="K142" s="22" t="s">
        <v>268</v>
      </c>
      <c r="L142" s="22" t="s">
        <v>268</v>
      </c>
    </row>
    <row r="143" spans="1:12">
      <c r="A143" s="21" t="s">
        <v>232</v>
      </c>
      <c r="B143" s="21" t="s">
        <v>233</v>
      </c>
      <c r="C143" s="21" t="s">
        <v>262</v>
      </c>
      <c r="D143" s="21" t="s">
        <v>218</v>
      </c>
      <c r="E143" s="21" t="s">
        <v>214</v>
      </c>
      <c r="F143" s="21" t="s">
        <v>515</v>
      </c>
      <c r="G143" s="16">
        <v>149346</v>
      </c>
      <c r="H143" s="16">
        <v>148229</v>
      </c>
      <c r="I143" s="16">
        <v>320</v>
      </c>
      <c r="J143" s="16">
        <v>16</v>
      </c>
      <c r="K143" s="16">
        <v>26</v>
      </c>
      <c r="L143" s="16">
        <v>755</v>
      </c>
    </row>
    <row r="144" spans="1:12">
      <c r="A144" s="21" t="s">
        <v>232</v>
      </c>
      <c r="B144" s="21" t="s">
        <v>233</v>
      </c>
      <c r="C144" s="21" t="s">
        <v>262</v>
      </c>
      <c r="D144" s="21" t="s">
        <v>218</v>
      </c>
      <c r="E144" s="21" t="s">
        <v>214</v>
      </c>
      <c r="F144" s="21" t="s">
        <v>516</v>
      </c>
      <c r="G144" s="16">
        <v>98549</v>
      </c>
      <c r="H144" s="16">
        <v>95643</v>
      </c>
      <c r="I144" s="16">
        <v>1055</v>
      </c>
      <c r="J144" s="16">
        <v>42</v>
      </c>
      <c r="K144" s="16">
        <v>271</v>
      </c>
      <c r="L144" s="16">
        <v>1538</v>
      </c>
    </row>
    <row r="145" spans="1:12">
      <c r="A145" s="21" t="s">
        <v>232</v>
      </c>
      <c r="B145" s="21" t="s">
        <v>233</v>
      </c>
      <c r="C145" s="21" t="s">
        <v>262</v>
      </c>
      <c r="D145" s="21" t="s">
        <v>218</v>
      </c>
      <c r="E145" s="21" t="s">
        <v>214</v>
      </c>
      <c r="F145" s="21" t="s">
        <v>517</v>
      </c>
      <c r="G145" s="16">
        <v>42728</v>
      </c>
      <c r="H145" s="16">
        <v>37727</v>
      </c>
      <c r="I145" s="16">
        <v>2316</v>
      </c>
      <c r="J145" s="16">
        <v>55</v>
      </c>
      <c r="K145" s="16">
        <v>1047</v>
      </c>
      <c r="L145" s="16">
        <v>1583</v>
      </c>
    </row>
    <row r="146" spans="1:12">
      <c r="A146" s="21" t="s">
        <v>232</v>
      </c>
      <c r="B146" s="21" t="s">
        <v>233</v>
      </c>
      <c r="C146" s="21" t="s">
        <v>262</v>
      </c>
      <c r="D146" s="21" t="s">
        <v>218</v>
      </c>
      <c r="E146" s="21" t="s">
        <v>214</v>
      </c>
      <c r="F146" s="21" t="s">
        <v>518</v>
      </c>
      <c r="G146" s="16">
        <v>35087</v>
      </c>
      <c r="H146" s="16">
        <v>27827</v>
      </c>
      <c r="I146" s="16">
        <v>3826</v>
      </c>
      <c r="J146" s="16">
        <v>40</v>
      </c>
      <c r="K146" s="16">
        <v>1663</v>
      </c>
      <c r="L146" s="16">
        <v>1731</v>
      </c>
    </row>
    <row r="147" spans="1:12">
      <c r="A147" s="21" t="s">
        <v>232</v>
      </c>
      <c r="B147" s="21" t="s">
        <v>233</v>
      </c>
      <c r="C147" s="21" t="s">
        <v>262</v>
      </c>
      <c r="D147" s="21" t="s">
        <v>218</v>
      </c>
      <c r="E147" s="21" t="s">
        <v>214</v>
      </c>
      <c r="F147" s="21" t="s">
        <v>519</v>
      </c>
      <c r="G147" s="16">
        <v>36140</v>
      </c>
      <c r="H147" s="16">
        <v>26516</v>
      </c>
      <c r="I147" s="16">
        <v>4908</v>
      </c>
      <c r="J147" s="16">
        <v>60</v>
      </c>
      <c r="K147" s="16">
        <v>2485</v>
      </c>
      <c r="L147" s="16">
        <v>2171</v>
      </c>
    </row>
    <row r="148" spans="1:12">
      <c r="A148" s="21" t="s">
        <v>232</v>
      </c>
      <c r="B148" s="21" t="s">
        <v>233</v>
      </c>
      <c r="C148" s="21" t="s">
        <v>262</v>
      </c>
      <c r="D148" s="21" t="s">
        <v>218</v>
      </c>
      <c r="E148" s="21" t="s">
        <v>214</v>
      </c>
      <c r="F148" s="21" t="s">
        <v>520</v>
      </c>
      <c r="G148" s="16">
        <v>43217</v>
      </c>
      <c r="H148" s="16">
        <v>31763</v>
      </c>
      <c r="I148" s="16">
        <v>5252</v>
      </c>
      <c r="J148" s="16">
        <v>107</v>
      </c>
      <c r="K148" s="16">
        <v>3305</v>
      </c>
      <c r="L148" s="16">
        <v>2790</v>
      </c>
    </row>
    <row r="149" spans="1:12">
      <c r="A149" s="21" t="s">
        <v>232</v>
      </c>
      <c r="B149" s="21" t="s">
        <v>233</v>
      </c>
      <c r="C149" s="21" t="s">
        <v>262</v>
      </c>
      <c r="D149" s="21" t="s">
        <v>218</v>
      </c>
      <c r="E149" s="21" t="s">
        <v>214</v>
      </c>
      <c r="F149" s="21" t="s">
        <v>521</v>
      </c>
      <c r="G149" s="16">
        <v>58918</v>
      </c>
      <c r="H149" s="16">
        <v>43646</v>
      </c>
      <c r="I149" s="16">
        <v>5449</v>
      </c>
      <c r="J149" s="16">
        <v>283</v>
      </c>
      <c r="K149" s="16">
        <v>5164</v>
      </c>
      <c r="L149" s="16">
        <v>4376</v>
      </c>
    </row>
    <row r="150" spans="1:12">
      <c r="A150" s="21" t="s">
        <v>232</v>
      </c>
      <c r="B150" s="21" t="s">
        <v>233</v>
      </c>
      <c r="C150" s="21" t="s">
        <v>262</v>
      </c>
      <c r="D150" s="21" t="s">
        <v>218</v>
      </c>
      <c r="E150" s="21" t="s">
        <v>214</v>
      </c>
      <c r="F150" s="21" t="s">
        <v>522</v>
      </c>
      <c r="G150" s="16">
        <v>61151</v>
      </c>
      <c r="H150" s="16">
        <v>43701</v>
      </c>
      <c r="I150" s="16">
        <v>4886</v>
      </c>
      <c r="J150" s="16">
        <v>554</v>
      </c>
      <c r="K150" s="16">
        <v>6549</v>
      </c>
      <c r="L150" s="16">
        <v>5461</v>
      </c>
    </row>
    <row r="151" spans="1:12">
      <c r="A151" s="21" t="s">
        <v>232</v>
      </c>
      <c r="B151" s="21" t="s">
        <v>233</v>
      </c>
      <c r="C151" s="21" t="s">
        <v>262</v>
      </c>
      <c r="D151" s="21" t="s">
        <v>218</v>
      </c>
      <c r="E151" s="21" t="s">
        <v>214</v>
      </c>
      <c r="F151" s="21" t="s">
        <v>523</v>
      </c>
      <c r="G151" s="16">
        <v>64936</v>
      </c>
      <c r="H151" s="16">
        <v>43346</v>
      </c>
      <c r="I151" s="16">
        <v>5492</v>
      </c>
      <c r="J151" s="16">
        <v>1183</v>
      </c>
      <c r="K151" s="16">
        <v>8453</v>
      </c>
      <c r="L151" s="16">
        <v>6462</v>
      </c>
    </row>
    <row r="152" spans="1:12">
      <c r="A152" s="21" t="s">
        <v>232</v>
      </c>
      <c r="B152" s="21" t="s">
        <v>233</v>
      </c>
      <c r="C152" s="21" t="s">
        <v>262</v>
      </c>
      <c r="D152" s="21" t="s">
        <v>218</v>
      </c>
      <c r="E152" s="21" t="s">
        <v>214</v>
      </c>
      <c r="F152" s="21" t="s">
        <v>524</v>
      </c>
      <c r="G152" s="16">
        <v>77766</v>
      </c>
      <c r="H152" s="16">
        <v>45495</v>
      </c>
      <c r="I152" s="16">
        <v>9178</v>
      </c>
      <c r="J152" s="16">
        <v>2987</v>
      </c>
      <c r="K152" s="16">
        <v>11542</v>
      </c>
      <c r="L152" s="16">
        <v>8564</v>
      </c>
    </row>
    <row r="153" spans="1:12">
      <c r="A153" s="21" t="s">
        <v>232</v>
      </c>
      <c r="B153" s="21" t="s">
        <v>233</v>
      </c>
      <c r="C153" s="21" t="s">
        <v>262</v>
      </c>
      <c r="D153" s="21" t="s">
        <v>218</v>
      </c>
      <c r="E153" s="21" t="s">
        <v>214</v>
      </c>
      <c r="F153" s="21" t="s">
        <v>525</v>
      </c>
      <c r="G153" s="16">
        <v>115000</v>
      </c>
      <c r="H153" s="16">
        <v>55489</v>
      </c>
      <c r="I153" s="16">
        <v>17880</v>
      </c>
      <c r="J153" s="16">
        <v>9034</v>
      </c>
      <c r="K153" s="16">
        <v>18243</v>
      </c>
      <c r="L153" s="16">
        <v>14354</v>
      </c>
    </row>
    <row r="154" spans="1:12">
      <c r="A154" s="21" t="s">
        <v>232</v>
      </c>
      <c r="B154" s="21" t="s">
        <v>233</v>
      </c>
      <c r="C154" s="21" t="s">
        <v>262</v>
      </c>
      <c r="D154" s="21" t="s">
        <v>218</v>
      </c>
      <c r="E154" s="21" t="s">
        <v>214</v>
      </c>
      <c r="F154" s="21" t="s">
        <v>526</v>
      </c>
      <c r="G154" s="16">
        <v>171837</v>
      </c>
      <c r="H154" s="16">
        <v>57310</v>
      </c>
      <c r="I154" s="16">
        <v>36898</v>
      </c>
      <c r="J154" s="16">
        <v>27207</v>
      </c>
      <c r="K154" s="16">
        <v>26841</v>
      </c>
      <c r="L154" s="16">
        <v>23581</v>
      </c>
    </row>
    <row r="155" spans="1:12">
      <c r="A155" s="21" t="s">
        <v>232</v>
      </c>
      <c r="B155" s="21" t="s">
        <v>233</v>
      </c>
      <c r="C155" s="21" t="s">
        <v>262</v>
      </c>
      <c r="D155" s="21" t="s">
        <v>218</v>
      </c>
      <c r="E155" s="21" t="s">
        <v>214</v>
      </c>
      <c r="F155" s="21" t="s">
        <v>527</v>
      </c>
      <c r="G155" s="16">
        <v>231901</v>
      </c>
      <c r="H155" s="16">
        <v>42533</v>
      </c>
      <c r="I155" s="16">
        <v>60224</v>
      </c>
      <c r="J155" s="16">
        <v>70195</v>
      </c>
      <c r="K155" s="16">
        <v>26580</v>
      </c>
      <c r="L155" s="16">
        <v>32369</v>
      </c>
    </row>
    <row r="156" spans="1:12">
      <c r="A156" s="21" t="s">
        <v>232</v>
      </c>
      <c r="B156" s="21" t="s">
        <v>233</v>
      </c>
      <c r="C156" s="21" t="s">
        <v>262</v>
      </c>
      <c r="D156" s="21" t="s">
        <v>218</v>
      </c>
      <c r="E156" s="21" t="s">
        <v>214</v>
      </c>
      <c r="F156" s="21" t="s">
        <v>528</v>
      </c>
      <c r="G156" s="16">
        <v>375980</v>
      </c>
      <c r="H156" s="16">
        <v>35796</v>
      </c>
      <c r="I156" s="16">
        <v>91948</v>
      </c>
      <c r="J156" s="16">
        <v>173593</v>
      </c>
      <c r="K156" s="16">
        <v>24606</v>
      </c>
      <c r="L156" s="16">
        <v>50037</v>
      </c>
    </row>
    <row r="157" spans="1:12">
      <c r="A157" s="21" t="s">
        <v>232</v>
      </c>
      <c r="B157" s="21" t="s">
        <v>233</v>
      </c>
      <c r="C157" s="21" t="s">
        <v>262</v>
      </c>
      <c r="D157" s="21" t="s">
        <v>218</v>
      </c>
      <c r="E157" s="21" t="s">
        <v>214</v>
      </c>
      <c r="F157" s="21" t="s">
        <v>529</v>
      </c>
      <c r="G157" s="16">
        <v>560591</v>
      </c>
      <c r="H157" s="16">
        <v>33000</v>
      </c>
      <c r="I157" s="16">
        <v>102423</v>
      </c>
      <c r="J157" s="16">
        <v>334929</v>
      </c>
      <c r="K157" s="16">
        <v>19578</v>
      </c>
      <c r="L157" s="16">
        <v>70661</v>
      </c>
    </row>
    <row r="158" spans="1:12">
      <c r="A158" s="21" t="s">
        <v>232</v>
      </c>
      <c r="B158" s="21" t="s">
        <v>233</v>
      </c>
      <c r="C158" s="21" t="s">
        <v>262</v>
      </c>
      <c r="D158" s="21" t="s">
        <v>218</v>
      </c>
      <c r="E158" s="21" t="s">
        <v>214</v>
      </c>
      <c r="F158" s="21" t="s">
        <v>530</v>
      </c>
      <c r="G158" s="16">
        <v>504282</v>
      </c>
      <c r="H158" s="16">
        <v>23831</v>
      </c>
      <c r="I158" s="16">
        <v>55531</v>
      </c>
      <c r="J158" s="16">
        <v>353414</v>
      </c>
      <c r="K158" s="16">
        <v>11260</v>
      </c>
      <c r="L158" s="16">
        <v>60246</v>
      </c>
    </row>
    <row r="159" spans="1:12">
      <c r="A159" s="21" t="s">
        <v>232</v>
      </c>
      <c r="B159" s="21" t="s">
        <v>233</v>
      </c>
      <c r="C159" s="21" t="s">
        <v>262</v>
      </c>
      <c r="D159" s="21" t="s">
        <v>218</v>
      </c>
      <c r="E159" s="21" t="s">
        <v>214</v>
      </c>
      <c r="F159" s="21" t="s">
        <v>531</v>
      </c>
      <c r="G159" s="16">
        <v>215454</v>
      </c>
      <c r="H159" s="16">
        <v>8151</v>
      </c>
      <c r="I159" s="16">
        <v>11339</v>
      </c>
      <c r="J159" s="16">
        <v>167827</v>
      </c>
      <c r="K159" s="16">
        <v>3744</v>
      </c>
      <c r="L159" s="16">
        <v>24393</v>
      </c>
    </row>
    <row r="160" spans="1:12">
      <c r="A160" s="21" t="s">
        <v>232</v>
      </c>
      <c r="B160" s="21" t="s">
        <v>233</v>
      </c>
      <c r="C160" s="21" t="s">
        <v>262</v>
      </c>
      <c r="D160" s="21" t="s">
        <v>218</v>
      </c>
      <c r="E160" s="21" t="s">
        <v>214</v>
      </c>
      <c r="F160" s="21" t="s">
        <v>532</v>
      </c>
      <c r="G160" s="16">
        <v>45064</v>
      </c>
      <c r="H160" s="16">
        <v>1234</v>
      </c>
      <c r="I160" s="16">
        <v>1073</v>
      </c>
      <c r="J160" s="16">
        <v>36980</v>
      </c>
      <c r="K160" s="16">
        <v>585</v>
      </c>
      <c r="L160" s="16">
        <v>5192</v>
      </c>
    </row>
    <row r="161" spans="1:12">
      <c r="A161" s="21" t="s">
        <v>232</v>
      </c>
      <c r="B161" s="21" t="s">
        <v>233</v>
      </c>
      <c r="C161" s="21" t="s">
        <v>262</v>
      </c>
      <c r="D161" s="21" t="s">
        <v>218</v>
      </c>
      <c r="E161" s="21" t="s">
        <v>214</v>
      </c>
      <c r="F161" s="21" t="s">
        <v>533</v>
      </c>
      <c r="G161" s="16">
        <v>59391</v>
      </c>
      <c r="H161" s="22" t="s">
        <v>268</v>
      </c>
      <c r="I161" s="22" t="s">
        <v>268</v>
      </c>
      <c r="J161" s="22" t="s">
        <v>268</v>
      </c>
      <c r="K161" s="22" t="s">
        <v>268</v>
      </c>
      <c r="L161" s="16">
        <v>59391</v>
      </c>
    </row>
    <row r="162" spans="1:12">
      <c r="A162" s="21" t="s">
        <v>232</v>
      </c>
      <c r="B162" s="21" t="s">
        <v>233</v>
      </c>
      <c r="C162" s="21" t="s">
        <v>262</v>
      </c>
      <c r="D162" s="21" t="s">
        <v>218</v>
      </c>
      <c r="E162" s="21" t="s">
        <v>214</v>
      </c>
      <c r="F162" s="21" t="s">
        <v>461</v>
      </c>
      <c r="G162" s="16">
        <v>667838</v>
      </c>
      <c r="H162" s="16">
        <v>543893</v>
      </c>
      <c r="I162" s="16">
        <v>42682</v>
      </c>
      <c r="J162" s="16">
        <v>5327</v>
      </c>
      <c r="K162" s="16">
        <v>40505</v>
      </c>
      <c r="L162" s="16">
        <v>35431</v>
      </c>
    </row>
    <row r="163" spans="1:12">
      <c r="A163" s="21" t="s">
        <v>232</v>
      </c>
      <c r="B163" s="21" t="s">
        <v>233</v>
      </c>
      <c r="C163" s="21" t="s">
        <v>262</v>
      </c>
      <c r="D163" s="21" t="s">
        <v>218</v>
      </c>
      <c r="E163" s="21" t="s">
        <v>214</v>
      </c>
      <c r="F163" s="21" t="s">
        <v>462</v>
      </c>
      <c r="G163" s="16">
        <v>2220109</v>
      </c>
      <c r="H163" s="16">
        <v>257344</v>
      </c>
      <c r="I163" s="16">
        <v>377316</v>
      </c>
      <c r="J163" s="16">
        <v>1173179</v>
      </c>
      <c r="K163" s="16">
        <v>131437</v>
      </c>
      <c r="L163" s="16">
        <v>280833</v>
      </c>
    </row>
    <row r="164" spans="1:12">
      <c r="A164" s="21" t="s">
        <v>232</v>
      </c>
      <c r="B164" s="21" t="s">
        <v>233</v>
      </c>
      <c r="C164" s="21" t="s">
        <v>262</v>
      </c>
      <c r="D164" s="21" t="s">
        <v>218</v>
      </c>
      <c r="E164" s="21" t="s">
        <v>214</v>
      </c>
      <c r="F164" s="21" t="s">
        <v>463</v>
      </c>
      <c r="G164" s="16">
        <v>1933272</v>
      </c>
      <c r="H164" s="16">
        <v>144545</v>
      </c>
      <c r="I164" s="16">
        <v>322538</v>
      </c>
      <c r="J164" s="16">
        <v>1136938</v>
      </c>
      <c r="K164" s="16">
        <v>86353</v>
      </c>
      <c r="L164" s="16">
        <v>242898</v>
      </c>
    </row>
    <row r="165" spans="1:12">
      <c r="A165" s="21" t="s">
        <v>232</v>
      </c>
      <c r="B165" s="21" t="s">
        <v>233</v>
      </c>
      <c r="C165" s="21" t="s">
        <v>262</v>
      </c>
      <c r="D165" s="21" t="s">
        <v>218</v>
      </c>
      <c r="E165" s="21" t="s">
        <v>214</v>
      </c>
      <c r="F165" s="21" t="s">
        <v>464</v>
      </c>
      <c r="G165" s="16">
        <v>1325391</v>
      </c>
      <c r="H165" s="16">
        <v>66216</v>
      </c>
      <c r="I165" s="16">
        <v>170366</v>
      </c>
      <c r="J165" s="16">
        <v>893150</v>
      </c>
      <c r="K165" s="16">
        <v>35167</v>
      </c>
      <c r="L165" s="16">
        <v>160492</v>
      </c>
    </row>
    <row r="166" spans="1:12">
      <c r="A166" s="21" t="s">
        <v>232</v>
      </c>
      <c r="B166" s="21" t="s">
        <v>233</v>
      </c>
      <c r="C166" s="21" t="s">
        <v>262</v>
      </c>
      <c r="D166" s="21" t="s">
        <v>218</v>
      </c>
      <c r="E166" s="21" t="s">
        <v>214</v>
      </c>
      <c r="F166" s="21" t="s">
        <v>431</v>
      </c>
      <c r="G166" s="16">
        <v>633492</v>
      </c>
      <c r="H166" s="16">
        <v>451153</v>
      </c>
      <c r="I166" s="16">
        <v>60242</v>
      </c>
      <c r="J166" s="16">
        <v>14345</v>
      </c>
      <c r="K166" s="16">
        <v>58722</v>
      </c>
      <c r="L166" s="16">
        <v>49030</v>
      </c>
    </row>
    <row r="167" spans="1:12">
      <c r="A167" s="21" t="s">
        <v>232</v>
      </c>
      <c r="B167" s="21" t="s">
        <v>237</v>
      </c>
      <c r="C167" s="21" t="s">
        <v>264</v>
      </c>
      <c r="D167" s="21" t="s">
        <v>214</v>
      </c>
      <c r="E167" s="21" t="s">
        <v>214</v>
      </c>
      <c r="F167" s="21" t="s">
        <v>401</v>
      </c>
      <c r="G167" s="16">
        <v>1738301</v>
      </c>
      <c r="H167" s="16">
        <v>595431</v>
      </c>
      <c r="I167" s="16">
        <v>842520</v>
      </c>
      <c r="J167" s="16">
        <v>144903</v>
      </c>
      <c r="K167" s="16">
        <v>95940</v>
      </c>
      <c r="L167" s="16">
        <v>59507</v>
      </c>
    </row>
    <row r="168" spans="1:12">
      <c r="A168" s="21" t="s">
        <v>232</v>
      </c>
      <c r="B168" s="21" t="s">
        <v>237</v>
      </c>
      <c r="C168" s="21" t="s">
        <v>264</v>
      </c>
      <c r="D168" s="21" t="s">
        <v>214</v>
      </c>
      <c r="E168" s="21" t="s">
        <v>214</v>
      </c>
      <c r="F168" s="21" t="s">
        <v>514</v>
      </c>
      <c r="G168" s="16">
        <v>228366</v>
      </c>
      <c r="H168" s="16">
        <v>228366</v>
      </c>
      <c r="I168" s="22" t="s">
        <v>268</v>
      </c>
      <c r="J168" s="22" t="s">
        <v>268</v>
      </c>
      <c r="K168" s="22" t="s">
        <v>268</v>
      </c>
      <c r="L168" s="22" t="s">
        <v>268</v>
      </c>
    </row>
    <row r="169" spans="1:12">
      <c r="A169" s="21" t="s">
        <v>232</v>
      </c>
      <c r="B169" s="21" t="s">
        <v>237</v>
      </c>
      <c r="C169" s="21" t="s">
        <v>264</v>
      </c>
      <c r="D169" s="21" t="s">
        <v>214</v>
      </c>
      <c r="E169" s="21" t="s">
        <v>214</v>
      </c>
      <c r="F169" s="21" t="s">
        <v>515</v>
      </c>
      <c r="G169" s="16">
        <v>79371</v>
      </c>
      <c r="H169" s="16">
        <v>78864</v>
      </c>
      <c r="I169" s="16">
        <v>247</v>
      </c>
      <c r="J169" s="16">
        <v>7</v>
      </c>
      <c r="K169" s="16">
        <v>23</v>
      </c>
      <c r="L169" s="16">
        <v>230</v>
      </c>
    </row>
    <row r="170" spans="1:12">
      <c r="A170" s="21" t="s">
        <v>232</v>
      </c>
      <c r="B170" s="21" t="s">
        <v>237</v>
      </c>
      <c r="C170" s="21" t="s">
        <v>264</v>
      </c>
      <c r="D170" s="21" t="s">
        <v>214</v>
      </c>
      <c r="E170" s="21" t="s">
        <v>214</v>
      </c>
      <c r="F170" s="21" t="s">
        <v>516</v>
      </c>
      <c r="G170" s="16">
        <v>69827</v>
      </c>
      <c r="H170" s="16">
        <v>62014</v>
      </c>
      <c r="I170" s="16">
        <v>5198</v>
      </c>
      <c r="J170" s="16">
        <v>26</v>
      </c>
      <c r="K170" s="16">
        <v>402</v>
      </c>
      <c r="L170" s="16">
        <v>2187</v>
      </c>
    </row>
    <row r="171" spans="1:12">
      <c r="A171" s="21" t="s">
        <v>232</v>
      </c>
      <c r="B171" s="21" t="s">
        <v>237</v>
      </c>
      <c r="C171" s="21" t="s">
        <v>264</v>
      </c>
      <c r="D171" s="21" t="s">
        <v>214</v>
      </c>
      <c r="E171" s="21" t="s">
        <v>214</v>
      </c>
      <c r="F171" s="21" t="s">
        <v>517</v>
      </c>
      <c r="G171" s="16">
        <v>71763</v>
      </c>
      <c r="H171" s="16">
        <v>43571</v>
      </c>
      <c r="I171" s="16">
        <v>23759</v>
      </c>
      <c r="J171" s="16">
        <v>37</v>
      </c>
      <c r="K171" s="16">
        <v>1585</v>
      </c>
      <c r="L171" s="16">
        <v>2811</v>
      </c>
    </row>
    <row r="172" spans="1:12">
      <c r="A172" s="21" t="s">
        <v>232</v>
      </c>
      <c r="B172" s="21" t="s">
        <v>237</v>
      </c>
      <c r="C172" s="21" t="s">
        <v>264</v>
      </c>
      <c r="D172" s="21" t="s">
        <v>214</v>
      </c>
      <c r="E172" s="21" t="s">
        <v>214</v>
      </c>
      <c r="F172" s="21" t="s">
        <v>518</v>
      </c>
      <c r="G172" s="16">
        <v>83016</v>
      </c>
      <c r="H172" s="16">
        <v>30665</v>
      </c>
      <c r="I172" s="16">
        <v>46418</v>
      </c>
      <c r="J172" s="16">
        <v>81</v>
      </c>
      <c r="K172" s="16">
        <v>3526</v>
      </c>
      <c r="L172" s="16">
        <v>2326</v>
      </c>
    </row>
    <row r="173" spans="1:12">
      <c r="A173" s="21" t="s">
        <v>232</v>
      </c>
      <c r="B173" s="21" t="s">
        <v>237</v>
      </c>
      <c r="C173" s="21" t="s">
        <v>264</v>
      </c>
      <c r="D173" s="21" t="s">
        <v>214</v>
      </c>
      <c r="E173" s="21" t="s">
        <v>214</v>
      </c>
      <c r="F173" s="21" t="s">
        <v>519</v>
      </c>
      <c r="G173" s="16">
        <v>97054</v>
      </c>
      <c r="H173" s="16">
        <v>25970</v>
      </c>
      <c r="I173" s="16">
        <v>62667</v>
      </c>
      <c r="J173" s="16">
        <v>206</v>
      </c>
      <c r="K173" s="16">
        <v>5849</v>
      </c>
      <c r="L173" s="16">
        <v>2362</v>
      </c>
    </row>
    <row r="174" spans="1:12">
      <c r="A174" s="21" t="s">
        <v>232</v>
      </c>
      <c r="B174" s="21" t="s">
        <v>237</v>
      </c>
      <c r="C174" s="21" t="s">
        <v>264</v>
      </c>
      <c r="D174" s="21" t="s">
        <v>214</v>
      </c>
      <c r="E174" s="21" t="s">
        <v>214</v>
      </c>
      <c r="F174" s="21" t="s">
        <v>520</v>
      </c>
      <c r="G174" s="16">
        <v>106373</v>
      </c>
      <c r="H174" s="16">
        <v>23843</v>
      </c>
      <c r="I174" s="16">
        <v>71451</v>
      </c>
      <c r="J174" s="16">
        <v>391</v>
      </c>
      <c r="K174" s="16">
        <v>8216</v>
      </c>
      <c r="L174" s="16">
        <v>2472</v>
      </c>
    </row>
    <row r="175" spans="1:12">
      <c r="A175" s="21" t="s">
        <v>232</v>
      </c>
      <c r="B175" s="21" t="s">
        <v>237</v>
      </c>
      <c r="C175" s="21" t="s">
        <v>264</v>
      </c>
      <c r="D175" s="21" t="s">
        <v>214</v>
      </c>
      <c r="E175" s="21" t="s">
        <v>214</v>
      </c>
      <c r="F175" s="21" t="s">
        <v>521</v>
      </c>
      <c r="G175" s="16">
        <v>112345</v>
      </c>
      <c r="H175" s="16">
        <v>23477</v>
      </c>
      <c r="I175" s="16">
        <v>75000</v>
      </c>
      <c r="J175" s="16">
        <v>781</v>
      </c>
      <c r="K175" s="16">
        <v>10478</v>
      </c>
      <c r="L175" s="16">
        <v>2609</v>
      </c>
    </row>
    <row r="176" spans="1:12">
      <c r="A176" s="21" t="s">
        <v>232</v>
      </c>
      <c r="B176" s="21" t="s">
        <v>237</v>
      </c>
      <c r="C176" s="21" t="s">
        <v>264</v>
      </c>
      <c r="D176" s="21" t="s">
        <v>214</v>
      </c>
      <c r="E176" s="21" t="s">
        <v>214</v>
      </c>
      <c r="F176" s="21" t="s">
        <v>522</v>
      </c>
      <c r="G176" s="16">
        <v>101844</v>
      </c>
      <c r="H176" s="16">
        <v>19142</v>
      </c>
      <c r="I176" s="16">
        <v>68424</v>
      </c>
      <c r="J176" s="16">
        <v>1319</v>
      </c>
      <c r="K176" s="16">
        <v>10759</v>
      </c>
      <c r="L176" s="16">
        <v>2200</v>
      </c>
    </row>
    <row r="177" spans="1:12">
      <c r="A177" s="21" t="s">
        <v>232</v>
      </c>
      <c r="B177" s="21" t="s">
        <v>237</v>
      </c>
      <c r="C177" s="21" t="s">
        <v>264</v>
      </c>
      <c r="D177" s="21" t="s">
        <v>214</v>
      </c>
      <c r="E177" s="21" t="s">
        <v>214</v>
      </c>
      <c r="F177" s="21" t="s">
        <v>523</v>
      </c>
      <c r="G177" s="16">
        <v>106541</v>
      </c>
      <c r="H177" s="16">
        <v>15908</v>
      </c>
      <c r="I177" s="16">
        <v>75020</v>
      </c>
      <c r="J177" s="16">
        <v>2531</v>
      </c>
      <c r="K177" s="16">
        <v>11196</v>
      </c>
      <c r="L177" s="16">
        <v>1886</v>
      </c>
    </row>
    <row r="178" spans="1:12">
      <c r="A178" s="21" t="s">
        <v>232</v>
      </c>
      <c r="B178" s="21" t="s">
        <v>237</v>
      </c>
      <c r="C178" s="21" t="s">
        <v>264</v>
      </c>
      <c r="D178" s="21" t="s">
        <v>214</v>
      </c>
      <c r="E178" s="21" t="s">
        <v>214</v>
      </c>
      <c r="F178" s="21" t="s">
        <v>524</v>
      </c>
      <c r="G178" s="16">
        <v>116064</v>
      </c>
      <c r="H178" s="16">
        <v>13451</v>
      </c>
      <c r="I178" s="16">
        <v>84267</v>
      </c>
      <c r="J178" s="16">
        <v>5021</v>
      </c>
      <c r="K178" s="16">
        <v>11484</v>
      </c>
      <c r="L178" s="16">
        <v>1841</v>
      </c>
    </row>
    <row r="179" spans="1:12">
      <c r="A179" s="21" t="s">
        <v>232</v>
      </c>
      <c r="B179" s="21" t="s">
        <v>237</v>
      </c>
      <c r="C179" s="21" t="s">
        <v>264</v>
      </c>
      <c r="D179" s="21" t="s">
        <v>214</v>
      </c>
      <c r="E179" s="21" t="s">
        <v>214</v>
      </c>
      <c r="F179" s="21" t="s">
        <v>525</v>
      </c>
      <c r="G179" s="16">
        <v>129764</v>
      </c>
      <c r="H179" s="16">
        <v>11678</v>
      </c>
      <c r="I179" s="16">
        <v>95142</v>
      </c>
      <c r="J179" s="16">
        <v>9260</v>
      </c>
      <c r="K179" s="16">
        <v>11710</v>
      </c>
      <c r="L179" s="16">
        <v>1974</v>
      </c>
    </row>
    <row r="180" spans="1:12">
      <c r="A180" s="21" t="s">
        <v>232</v>
      </c>
      <c r="B180" s="21" t="s">
        <v>237</v>
      </c>
      <c r="C180" s="21" t="s">
        <v>264</v>
      </c>
      <c r="D180" s="21" t="s">
        <v>214</v>
      </c>
      <c r="E180" s="21" t="s">
        <v>214</v>
      </c>
      <c r="F180" s="21" t="s">
        <v>526</v>
      </c>
      <c r="G180" s="16">
        <v>128314</v>
      </c>
      <c r="H180" s="16">
        <v>8324</v>
      </c>
      <c r="I180" s="16">
        <v>92577</v>
      </c>
      <c r="J180" s="16">
        <v>15217</v>
      </c>
      <c r="K180" s="16">
        <v>10040</v>
      </c>
      <c r="L180" s="16">
        <v>2156</v>
      </c>
    </row>
    <row r="181" spans="1:12">
      <c r="A181" s="21" t="s">
        <v>232</v>
      </c>
      <c r="B181" s="21" t="s">
        <v>237</v>
      </c>
      <c r="C181" s="21" t="s">
        <v>264</v>
      </c>
      <c r="D181" s="21" t="s">
        <v>214</v>
      </c>
      <c r="E181" s="21" t="s">
        <v>214</v>
      </c>
      <c r="F181" s="21" t="s">
        <v>527</v>
      </c>
      <c r="G181" s="16">
        <v>92608</v>
      </c>
      <c r="H181" s="16">
        <v>4129</v>
      </c>
      <c r="I181" s="16">
        <v>62123</v>
      </c>
      <c r="J181" s="16">
        <v>19343</v>
      </c>
      <c r="K181" s="16">
        <v>5144</v>
      </c>
      <c r="L181" s="16">
        <v>1869</v>
      </c>
    </row>
    <row r="182" spans="1:12">
      <c r="A182" s="21" t="s">
        <v>232</v>
      </c>
      <c r="B182" s="21" t="s">
        <v>237</v>
      </c>
      <c r="C182" s="21" t="s">
        <v>264</v>
      </c>
      <c r="D182" s="21" t="s">
        <v>214</v>
      </c>
      <c r="E182" s="21" t="s">
        <v>214</v>
      </c>
      <c r="F182" s="21" t="s">
        <v>528</v>
      </c>
      <c r="G182" s="16">
        <v>80999</v>
      </c>
      <c r="H182" s="16">
        <v>2755</v>
      </c>
      <c r="I182" s="16">
        <v>45661</v>
      </c>
      <c r="J182" s="16">
        <v>27384</v>
      </c>
      <c r="K182" s="16">
        <v>2979</v>
      </c>
      <c r="L182" s="16">
        <v>2220</v>
      </c>
    </row>
    <row r="183" spans="1:12">
      <c r="A183" s="21" t="s">
        <v>232</v>
      </c>
      <c r="B183" s="21" t="s">
        <v>237</v>
      </c>
      <c r="C183" s="21" t="s">
        <v>264</v>
      </c>
      <c r="D183" s="21" t="s">
        <v>214</v>
      </c>
      <c r="E183" s="21" t="s">
        <v>214</v>
      </c>
      <c r="F183" s="21" t="s">
        <v>529</v>
      </c>
      <c r="G183" s="16">
        <v>63319</v>
      </c>
      <c r="H183" s="16">
        <v>1834</v>
      </c>
      <c r="I183" s="16">
        <v>25680</v>
      </c>
      <c r="J183" s="16">
        <v>31742</v>
      </c>
      <c r="K183" s="16">
        <v>1614</v>
      </c>
      <c r="L183" s="16">
        <v>2449</v>
      </c>
    </row>
    <row r="184" spans="1:12">
      <c r="A184" s="21" t="s">
        <v>232</v>
      </c>
      <c r="B184" s="21" t="s">
        <v>237</v>
      </c>
      <c r="C184" s="21" t="s">
        <v>264</v>
      </c>
      <c r="D184" s="21" t="s">
        <v>214</v>
      </c>
      <c r="E184" s="21" t="s">
        <v>214</v>
      </c>
      <c r="F184" s="21" t="s">
        <v>530</v>
      </c>
      <c r="G184" s="16">
        <v>33610</v>
      </c>
      <c r="H184" s="16">
        <v>1041</v>
      </c>
      <c r="I184" s="16">
        <v>7803</v>
      </c>
      <c r="J184" s="16">
        <v>22201</v>
      </c>
      <c r="K184" s="16">
        <v>723</v>
      </c>
      <c r="L184" s="16">
        <v>1842</v>
      </c>
    </row>
    <row r="185" spans="1:12">
      <c r="A185" s="21" t="s">
        <v>232</v>
      </c>
      <c r="B185" s="21" t="s">
        <v>237</v>
      </c>
      <c r="C185" s="21" t="s">
        <v>264</v>
      </c>
      <c r="D185" s="21" t="s">
        <v>214</v>
      </c>
      <c r="E185" s="21" t="s">
        <v>214</v>
      </c>
      <c r="F185" s="21" t="s">
        <v>531</v>
      </c>
      <c r="G185" s="16">
        <v>10215</v>
      </c>
      <c r="H185" s="16">
        <v>362</v>
      </c>
      <c r="I185" s="16">
        <v>999</v>
      </c>
      <c r="J185" s="16">
        <v>7944</v>
      </c>
      <c r="K185" s="16">
        <v>185</v>
      </c>
      <c r="L185" s="16">
        <v>725</v>
      </c>
    </row>
    <row r="186" spans="1:12">
      <c r="A186" s="21" t="s">
        <v>232</v>
      </c>
      <c r="B186" s="21" t="s">
        <v>237</v>
      </c>
      <c r="C186" s="21" t="s">
        <v>264</v>
      </c>
      <c r="D186" s="21" t="s">
        <v>214</v>
      </c>
      <c r="E186" s="21" t="s">
        <v>214</v>
      </c>
      <c r="F186" s="21" t="s">
        <v>532</v>
      </c>
      <c r="G186" s="16">
        <v>1709</v>
      </c>
      <c r="H186" s="16">
        <v>37</v>
      </c>
      <c r="I186" s="16">
        <v>84</v>
      </c>
      <c r="J186" s="16">
        <v>1412</v>
      </c>
      <c r="K186" s="16">
        <v>27</v>
      </c>
      <c r="L186" s="16">
        <v>149</v>
      </c>
    </row>
    <row r="187" spans="1:12">
      <c r="A187" s="21" t="s">
        <v>232</v>
      </c>
      <c r="B187" s="21" t="s">
        <v>237</v>
      </c>
      <c r="C187" s="21" t="s">
        <v>264</v>
      </c>
      <c r="D187" s="21" t="s">
        <v>214</v>
      </c>
      <c r="E187" s="21" t="s">
        <v>214</v>
      </c>
      <c r="F187" s="21" t="s">
        <v>533</v>
      </c>
      <c r="G187" s="16">
        <v>25199</v>
      </c>
      <c r="H187" s="22" t="s">
        <v>268</v>
      </c>
      <c r="I187" s="22" t="s">
        <v>268</v>
      </c>
      <c r="J187" s="22" t="s">
        <v>268</v>
      </c>
      <c r="K187" s="22" t="s">
        <v>268</v>
      </c>
      <c r="L187" s="16">
        <v>25199</v>
      </c>
    </row>
    <row r="188" spans="1:12">
      <c r="A188" s="21" t="s">
        <v>232</v>
      </c>
      <c r="B188" s="21" t="s">
        <v>237</v>
      </c>
      <c r="C188" s="21" t="s">
        <v>264</v>
      </c>
      <c r="D188" s="21" t="s">
        <v>214</v>
      </c>
      <c r="E188" s="21" t="s">
        <v>214</v>
      </c>
      <c r="F188" s="21" t="s">
        <v>461</v>
      </c>
      <c r="G188" s="16">
        <v>944198</v>
      </c>
      <c r="H188" s="16">
        <v>336905</v>
      </c>
      <c r="I188" s="16">
        <v>512451</v>
      </c>
      <c r="J188" s="16">
        <v>10400</v>
      </c>
      <c r="K188" s="16">
        <v>63518</v>
      </c>
      <c r="L188" s="16">
        <v>20924</v>
      </c>
    </row>
    <row r="189" spans="1:12">
      <c r="A189" s="21" t="s">
        <v>232</v>
      </c>
      <c r="B189" s="21" t="s">
        <v>237</v>
      </c>
      <c r="C189" s="21" t="s">
        <v>264</v>
      </c>
      <c r="D189" s="21" t="s">
        <v>214</v>
      </c>
      <c r="E189" s="21" t="s">
        <v>214</v>
      </c>
      <c r="F189" s="21" t="s">
        <v>462</v>
      </c>
      <c r="G189" s="16">
        <v>540538</v>
      </c>
      <c r="H189" s="16">
        <v>30160</v>
      </c>
      <c r="I189" s="16">
        <v>330069</v>
      </c>
      <c r="J189" s="16">
        <v>134503</v>
      </c>
      <c r="K189" s="16">
        <v>32422</v>
      </c>
      <c r="L189" s="16">
        <v>13384</v>
      </c>
    </row>
    <row r="190" spans="1:12">
      <c r="A190" s="21" t="s">
        <v>232</v>
      </c>
      <c r="B190" s="21" t="s">
        <v>237</v>
      </c>
      <c r="C190" s="21" t="s">
        <v>264</v>
      </c>
      <c r="D190" s="21" t="s">
        <v>214</v>
      </c>
      <c r="E190" s="21" t="s">
        <v>214</v>
      </c>
      <c r="F190" s="21" t="s">
        <v>463</v>
      </c>
      <c r="G190" s="16">
        <v>282460</v>
      </c>
      <c r="H190" s="16">
        <v>10158</v>
      </c>
      <c r="I190" s="16">
        <v>142350</v>
      </c>
      <c r="J190" s="16">
        <v>110026</v>
      </c>
      <c r="K190" s="16">
        <v>10672</v>
      </c>
      <c r="L190" s="16">
        <v>9254</v>
      </c>
    </row>
    <row r="191" spans="1:12">
      <c r="A191" s="21" t="s">
        <v>232</v>
      </c>
      <c r="B191" s="21" t="s">
        <v>237</v>
      </c>
      <c r="C191" s="21" t="s">
        <v>264</v>
      </c>
      <c r="D191" s="21" t="s">
        <v>214</v>
      </c>
      <c r="E191" s="21" t="s">
        <v>214</v>
      </c>
      <c r="F191" s="21" t="s">
        <v>464</v>
      </c>
      <c r="G191" s="16">
        <v>108853</v>
      </c>
      <c r="H191" s="16">
        <v>3274</v>
      </c>
      <c r="I191" s="16">
        <v>34566</v>
      </c>
      <c r="J191" s="16">
        <v>63299</v>
      </c>
      <c r="K191" s="16">
        <v>2549</v>
      </c>
      <c r="L191" s="16">
        <v>5165</v>
      </c>
    </row>
    <row r="192" spans="1:12">
      <c r="A192" s="21" t="s">
        <v>232</v>
      </c>
      <c r="B192" s="21" t="s">
        <v>237</v>
      </c>
      <c r="C192" s="21" t="s">
        <v>264</v>
      </c>
      <c r="D192" s="21" t="s">
        <v>214</v>
      </c>
      <c r="E192" s="21" t="s">
        <v>214</v>
      </c>
      <c r="F192" s="21" t="s">
        <v>431</v>
      </c>
      <c r="G192" s="16">
        <v>994591</v>
      </c>
      <c r="H192" s="16">
        <v>269719</v>
      </c>
      <c r="I192" s="16">
        <v>607346</v>
      </c>
      <c r="J192" s="16">
        <v>19653</v>
      </c>
      <c r="K192" s="16">
        <v>75205</v>
      </c>
      <c r="L192" s="16">
        <v>22668</v>
      </c>
    </row>
    <row r="193" spans="1:12">
      <c r="A193" s="21" t="s">
        <v>232</v>
      </c>
      <c r="B193" s="21" t="s">
        <v>237</v>
      </c>
      <c r="C193" s="21" t="s">
        <v>264</v>
      </c>
      <c r="D193" s="21" t="s">
        <v>217</v>
      </c>
      <c r="E193" s="21" t="s">
        <v>214</v>
      </c>
      <c r="F193" s="21" t="s">
        <v>401</v>
      </c>
      <c r="G193" s="16">
        <v>1678793</v>
      </c>
      <c r="H193" s="16">
        <v>576797</v>
      </c>
      <c r="I193" s="16">
        <v>834192</v>
      </c>
      <c r="J193" s="16">
        <v>121634</v>
      </c>
      <c r="K193" s="16">
        <v>92501</v>
      </c>
      <c r="L193" s="16">
        <v>53669</v>
      </c>
    </row>
    <row r="194" spans="1:12">
      <c r="A194" s="21" t="s">
        <v>232</v>
      </c>
      <c r="B194" s="21" t="s">
        <v>237</v>
      </c>
      <c r="C194" s="21" t="s">
        <v>264</v>
      </c>
      <c r="D194" s="21" t="s">
        <v>217</v>
      </c>
      <c r="E194" s="21" t="s">
        <v>214</v>
      </c>
      <c r="F194" s="21" t="s">
        <v>514</v>
      </c>
      <c r="G194" s="16">
        <v>227554</v>
      </c>
      <c r="H194" s="16">
        <v>227554</v>
      </c>
      <c r="I194" s="22" t="s">
        <v>268</v>
      </c>
      <c r="J194" s="22" t="s">
        <v>268</v>
      </c>
      <c r="K194" s="22" t="s">
        <v>268</v>
      </c>
      <c r="L194" s="22" t="s">
        <v>268</v>
      </c>
    </row>
    <row r="195" spans="1:12">
      <c r="A195" s="21" t="s">
        <v>232</v>
      </c>
      <c r="B195" s="21" t="s">
        <v>237</v>
      </c>
      <c r="C195" s="21" t="s">
        <v>264</v>
      </c>
      <c r="D195" s="21" t="s">
        <v>217</v>
      </c>
      <c r="E195" s="21" t="s">
        <v>214</v>
      </c>
      <c r="F195" s="21" t="s">
        <v>515</v>
      </c>
      <c r="G195" s="16">
        <v>74932</v>
      </c>
      <c r="H195" s="16">
        <v>74439</v>
      </c>
      <c r="I195" s="16">
        <v>242</v>
      </c>
      <c r="J195" s="16">
        <v>7</v>
      </c>
      <c r="K195" s="16">
        <v>23</v>
      </c>
      <c r="L195" s="16">
        <v>221</v>
      </c>
    </row>
    <row r="196" spans="1:12">
      <c r="A196" s="21" t="s">
        <v>232</v>
      </c>
      <c r="B196" s="21" t="s">
        <v>237</v>
      </c>
      <c r="C196" s="21" t="s">
        <v>264</v>
      </c>
      <c r="D196" s="21" t="s">
        <v>217</v>
      </c>
      <c r="E196" s="21" t="s">
        <v>214</v>
      </c>
      <c r="F196" s="21" t="s">
        <v>516</v>
      </c>
      <c r="G196" s="16">
        <v>68335</v>
      </c>
      <c r="H196" s="16">
        <v>60565</v>
      </c>
      <c r="I196" s="16">
        <v>5181</v>
      </c>
      <c r="J196" s="16">
        <v>25</v>
      </c>
      <c r="K196" s="16">
        <v>397</v>
      </c>
      <c r="L196" s="16">
        <v>2167</v>
      </c>
    </row>
    <row r="197" spans="1:12">
      <c r="A197" s="21" t="s">
        <v>232</v>
      </c>
      <c r="B197" s="21" t="s">
        <v>237</v>
      </c>
      <c r="C197" s="21" t="s">
        <v>264</v>
      </c>
      <c r="D197" s="21" t="s">
        <v>217</v>
      </c>
      <c r="E197" s="21" t="s">
        <v>214</v>
      </c>
      <c r="F197" s="21" t="s">
        <v>517</v>
      </c>
      <c r="G197" s="16">
        <v>71058</v>
      </c>
      <c r="H197" s="16">
        <v>42920</v>
      </c>
      <c r="I197" s="16">
        <v>23732</v>
      </c>
      <c r="J197" s="16">
        <v>35</v>
      </c>
      <c r="K197" s="16">
        <v>1577</v>
      </c>
      <c r="L197" s="16">
        <v>2794</v>
      </c>
    </row>
    <row r="198" spans="1:12">
      <c r="A198" s="21" t="s">
        <v>232</v>
      </c>
      <c r="B198" s="21" t="s">
        <v>237</v>
      </c>
      <c r="C198" s="21" t="s">
        <v>264</v>
      </c>
      <c r="D198" s="21" t="s">
        <v>217</v>
      </c>
      <c r="E198" s="21" t="s">
        <v>214</v>
      </c>
      <c r="F198" s="21" t="s">
        <v>518</v>
      </c>
      <c r="G198" s="16">
        <v>82449</v>
      </c>
      <c r="H198" s="16">
        <v>30151</v>
      </c>
      <c r="I198" s="16">
        <v>46396</v>
      </c>
      <c r="J198" s="16">
        <v>80</v>
      </c>
      <c r="K198" s="16">
        <v>3510</v>
      </c>
      <c r="L198" s="16">
        <v>2312</v>
      </c>
    </row>
    <row r="199" spans="1:12">
      <c r="A199" s="21" t="s">
        <v>232</v>
      </c>
      <c r="B199" s="21" t="s">
        <v>237</v>
      </c>
      <c r="C199" s="21" t="s">
        <v>264</v>
      </c>
      <c r="D199" s="21" t="s">
        <v>217</v>
      </c>
      <c r="E199" s="21" t="s">
        <v>214</v>
      </c>
      <c r="F199" s="21" t="s">
        <v>519</v>
      </c>
      <c r="G199" s="16">
        <v>96420</v>
      </c>
      <c r="H199" s="16">
        <v>25434</v>
      </c>
      <c r="I199" s="16">
        <v>62632</v>
      </c>
      <c r="J199" s="16">
        <v>206</v>
      </c>
      <c r="K199" s="16">
        <v>5812</v>
      </c>
      <c r="L199" s="16">
        <v>2336</v>
      </c>
    </row>
    <row r="200" spans="1:12">
      <c r="A200" s="21" t="s">
        <v>232</v>
      </c>
      <c r="B200" s="21" t="s">
        <v>237</v>
      </c>
      <c r="C200" s="21" t="s">
        <v>264</v>
      </c>
      <c r="D200" s="21" t="s">
        <v>217</v>
      </c>
      <c r="E200" s="21" t="s">
        <v>214</v>
      </c>
      <c r="F200" s="21" t="s">
        <v>520</v>
      </c>
      <c r="G200" s="16">
        <v>105654</v>
      </c>
      <c r="H200" s="16">
        <v>23247</v>
      </c>
      <c r="I200" s="16">
        <v>71405</v>
      </c>
      <c r="J200" s="16">
        <v>389</v>
      </c>
      <c r="K200" s="16">
        <v>8169</v>
      </c>
      <c r="L200" s="16">
        <v>2444</v>
      </c>
    </row>
    <row r="201" spans="1:12">
      <c r="A201" s="21" t="s">
        <v>232</v>
      </c>
      <c r="B201" s="21" t="s">
        <v>237</v>
      </c>
      <c r="C201" s="21" t="s">
        <v>264</v>
      </c>
      <c r="D201" s="21" t="s">
        <v>217</v>
      </c>
      <c r="E201" s="21" t="s">
        <v>214</v>
      </c>
      <c r="F201" s="21" t="s">
        <v>521</v>
      </c>
      <c r="G201" s="16">
        <v>111449</v>
      </c>
      <c r="H201" s="16">
        <v>22742</v>
      </c>
      <c r="I201" s="16">
        <v>74946</v>
      </c>
      <c r="J201" s="16">
        <v>777</v>
      </c>
      <c r="K201" s="16">
        <v>10411</v>
      </c>
      <c r="L201" s="16">
        <v>2573</v>
      </c>
    </row>
    <row r="202" spans="1:12">
      <c r="A202" s="21" t="s">
        <v>232</v>
      </c>
      <c r="B202" s="21" t="s">
        <v>237</v>
      </c>
      <c r="C202" s="21" t="s">
        <v>264</v>
      </c>
      <c r="D202" s="21" t="s">
        <v>217</v>
      </c>
      <c r="E202" s="21" t="s">
        <v>214</v>
      </c>
      <c r="F202" s="21" t="s">
        <v>522</v>
      </c>
      <c r="G202" s="16">
        <v>100811</v>
      </c>
      <c r="H202" s="16">
        <v>18350</v>
      </c>
      <c r="I202" s="16">
        <v>68365</v>
      </c>
      <c r="J202" s="16">
        <v>1311</v>
      </c>
      <c r="K202" s="16">
        <v>10641</v>
      </c>
      <c r="L202" s="16">
        <v>2144</v>
      </c>
    </row>
    <row r="203" spans="1:12">
      <c r="A203" s="21" t="s">
        <v>232</v>
      </c>
      <c r="B203" s="21" t="s">
        <v>237</v>
      </c>
      <c r="C203" s="21" t="s">
        <v>264</v>
      </c>
      <c r="D203" s="21" t="s">
        <v>217</v>
      </c>
      <c r="E203" s="21" t="s">
        <v>214</v>
      </c>
      <c r="F203" s="21" t="s">
        <v>523</v>
      </c>
      <c r="G203" s="16">
        <v>105340</v>
      </c>
      <c r="H203" s="16">
        <v>15043</v>
      </c>
      <c r="I203" s="16">
        <v>74932</v>
      </c>
      <c r="J203" s="16">
        <v>2506</v>
      </c>
      <c r="K203" s="16">
        <v>11040</v>
      </c>
      <c r="L203" s="16">
        <v>1819</v>
      </c>
    </row>
    <row r="204" spans="1:12">
      <c r="A204" s="21" t="s">
        <v>232</v>
      </c>
      <c r="B204" s="21" t="s">
        <v>237</v>
      </c>
      <c r="C204" s="21" t="s">
        <v>264</v>
      </c>
      <c r="D204" s="21" t="s">
        <v>217</v>
      </c>
      <c r="E204" s="21" t="s">
        <v>214</v>
      </c>
      <c r="F204" s="21" t="s">
        <v>524</v>
      </c>
      <c r="G204" s="16">
        <v>114344</v>
      </c>
      <c r="H204" s="16">
        <v>12339</v>
      </c>
      <c r="I204" s="16">
        <v>84079</v>
      </c>
      <c r="J204" s="16">
        <v>4960</v>
      </c>
      <c r="K204" s="16">
        <v>11247</v>
      </c>
      <c r="L204" s="16">
        <v>1719</v>
      </c>
    </row>
    <row r="205" spans="1:12">
      <c r="A205" s="21" t="s">
        <v>232</v>
      </c>
      <c r="B205" s="21" t="s">
        <v>237</v>
      </c>
      <c r="C205" s="21" t="s">
        <v>264</v>
      </c>
      <c r="D205" s="21" t="s">
        <v>217</v>
      </c>
      <c r="E205" s="21" t="s">
        <v>214</v>
      </c>
      <c r="F205" s="21" t="s">
        <v>525</v>
      </c>
      <c r="G205" s="16">
        <v>127166</v>
      </c>
      <c r="H205" s="16">
        <v>10241</v>
      </c>
      <c r="I205" s="16">
        <v>94774</v>
      </c>
      <c r="J205" s="16">
        <v>9112</v>
      </c>
      <c r="K205" s="16">
        <v>11283</v>
      </c>
      <c r="L205" s="16">
        <v>1756</v>
      </c>
    </row>
    <row r="206" spans="1:12">
      <c r="A206" s="21" t="s">
        <v>232</v>
      </c>
      <c r="B206" s="21" t="s">
        <v>237</v>
      </c>
      <c r="C206" s="21" t="s">
        <v>264</v>
      </c>
      <c r="D206" s="21" t="s">
        <v>217</v>
      </c>
      <c r="E206" s="21" t="s">
        <v>214</v>
      </c>
      <c r="F206" s="21" t="s">
        <v>526</v>
      </c>
      <c r="G206" s="16">
        <v>125001</v>
      </c>
      <c r="H206" s="16">
        <v>6985</v>
      </c>
      <c r="I206" s="16">
        <v>91888</v>
      </c>
      <c r="J206" s="16">
        <v>14793</v>
      </c>
      <c r="K206" s="16">
        <v>9503</v>
      </c>
      <c r="L206" s="16">
        <v>1832</v>
      </c>
    </row>
    <row r="207" spans="1:12">
      <c r="A207" s="21" t="s">
        <v>232</v>
      </c>
      <c r="B207" s="21" t="s">
        <v>237</v>
      </c>
      <c r="C207" s="21" t="s">
        <v>264</v>
      </c>
      <c r="D207" s="21" t="s">
        <v>217</v>
      </c>
      <c r="E207" s="21" t="s">
        <v>214</v>
      </c>
      <c r="F207" s="21" t="s">
        <v>527</v>
      </c>
      <c r="G207" s="16">
        <v>88604</v>
      </c>
      <c r="H207" s="16">
        <v>3232</v>
      </c>
      <c r="I207" s="16">
        <v>61018</v>
      </c>
      <c r="J207" s="16">
        <v>18269</v>
      </c>
      <c r="K207" s="16">
        <v>4633</v>
      </c>
      <c r="L207" s="16">
        <v>1452</v>
      </c>
    </row>
    <row r="208" spans="1:12">
      <c r="A208" s="21" t="s">
        <v>232</v>
      </c>
      <c r="B208" s="21" t="s">
        <v>237</v>
      </c>
      <c r="C208" s="21" t="s">
        <v>264</v>
      </c>
      <c r="D208" s="21" t="s">
        <v>217</v>
      </c>
      <c r="E208" s="21" t="s">
        <v>214</v>
      </c>
      <c r="F208" s="21" t="s">
        <v>528</v>
      </c>
      <c r="G208" s="16">
        <v>74079</v>
      </c>
      <c r="H208" s="16">
        <v>1913</v>
      </c>
      <c r="I208" s="16">
        <v>43878</v>
      </c>
      <c r="J208" s="16">
        <v>24376</v>
      </c>
      <c r="K208" s="16">
        <v>2469</v>
      </c>
      <c r="L208" s="16">
        <v>1443</v>
      </c>
    </row>
    <row r="209" spans="1:12">
      <c r="A209" s="21" t="s">
        <v>232</v>
      </c>
      <c r="B209" s="21" t="s">
        <v>237</v>
      </c>
      <c r="C209" s="21" t="s">
        <v>264</v>
      </c>
      <c r="D209" s="21" t="s">
        <v>217</v>
      </c>
      <c r="E209" s="21" t="s">
        <v>214</v>
      </c>
      <c r="F209" s="21" t="s">
        <v>529</v>
      </c>
      <c r="G209" s="16">
        <v>52102</v>
      </c>
      <c r="H209" s="16">
        <v>1081</v>
      </c>
      <c r="I209" s="16">
        <v>23382</v>
      </c>
      <c r="J209" s="16">
        <v>25305</v>
      </c>
      <c r="K209" s="16">
        <v>1193</v>
      </c>
      <c r="L209" s="16">
        <v>1141</v>
      </c>
    </row>
    <row r="210" spans="1:12">
      <c r="A210" s="21" t="s">
        <v>232</v>
      </c>
      <c r="B210" s="21" t="s">
        <v>237</v>
      </c>
      <c r="C210" s="21" t="s">
        <v>264</v>
      </c>
      <c r="D210" s="21" t="s">
        <v>217</v>
      </c>
      <c r="E210" s="21" t="s">
        <v>214</v>
      </c>
      <c r="F210" s="21" t="s">
        <v>530</v>
      </c>
      <c r="G210" s="16">
        <v>22980</v>
      </c>
      <c r="H210" s="16">
        <v>449</v>
      </c>
      <c r="I210" s="16">
        <v>6566</v>
      </c>
      <c r="J210" s="16">
        <v>14873</v>
      </c>
      <c r="K210" s="16">
        <v>478</v>
      </c>
      <c r="L210" s="16">
        <v>614</v>
      </c>
    </row>
    <row r="211" spans="1:12">
      <c r="A211" s="21" t="s">
        <v>232</v>
      </c>
      <c r="B211" s="21" t="s">
        <v>237</v>
      </c>
      <c r="C211" s="21" t="s">
        <v>264</v>
      </c>
      <c r="D211" s="21" t="s">
        <v>217</v>
      </c>
      <c r="E211" s="21" t="s">
        <v>214</v>
      </c>
      <c r="F211" s="21" t="s">
        <v>531</v>
      </c>
      <c r="G211" s="16">
        <v>5194</v>
      </c>
      <c r="H211" s="16">
        <v>105</v>
      </c>
      <c r="I211" s="16">
        <v>725</v>
      </c>
      <c r="J211" s="16">
        <v>4088</v>
      </c>
      <c r="K211" s="16">
        <v>102</v>
      </c>
      <c r="L211" s="16">
        <v>174</v>
      </c>
    </row>
    <row r="212" spans="1:12">
      <c r="A212" s="21" t="s">
        <v>232</v>
      </c>
      <c r="B212" s="21" t="s">
        <v>237</v>
      </c>
      <c r="C212" s="21" t="s">
        <v>264</v>
      </c>
      <c r="D212" s="21" t="s">
        <v>217</v>
      </c>
      <c r="E212" s="21" t="s">
        <v>214</v>
      </c>
      <c r="F212" s="21" t="s">
        <v>532</v>
      </c>
      <c r="G212" s="16">
        <v>622</v>
      </c>
      <c r="H212" s="16">
        <v>7</v>
      </c>
      <c r="I212" s="16">
        <v>51</v>
      </c>
      <c r="J212" s="16">
        <v>522</v>
      </c>
      <c r="K212" s="16">
        <v>13</v>
      </c>
      <c r="L212" s="16">
        <v>29</v>
      </c>
    </row>
    <row r="213" spans="1:12">
      <c r="A213" s="21" t="s">
        <v>232</v>
      </c>
      <c r="B213" s="21" t="s">
        <v>237</v>
      </c>
      <c r="C213" s="21" t="s">
        <v>264</v>
      </c>
      <c r="D213" s="21" t="s">
        <v>217</v>
      </c>
      <c r="E213" s="21" t="s">
        <v>214</v>
      </c>
      <c r="F213" s="21" t="s">
        <v>533</v>
      </c>
      <c r="G213" s="16">
        <v>24699</v>
      </c>
      <c r="H213" s="22" t="s">
        <v>268</v>
      </c>
      <c r="I213" s="22" t="s">
        <v>268</v>
      </c>
      <c r="J213" s="22" t="s">
        <v>268</v>
      </c>
      <c r="K213" s="22" t="s">
        <v>268</v>
      </c>
      <c r="L213" s="16">
        <v>24699</v>
      </c>
    </row>
    <row r="214" spans="1:12">
      <c r="A214" s="21" t="s">
        <v>232</v>
      </c>
      <c r="B214" s="21" t="s">
        <v>237</v>
      </c>
      <c r="C214" s="21" t="s">
        <v>264</v>
      </c>
      <c r="D214" s="21" t="s">
        <v>217</v>
      </c>
      <c r="E214" s="21" t="s">
        <v>214</v>
      </c>
      <c r="F214" s="21" t="s">
        <v>461</v>
      </c>
      <c r="G214" s="16">
        <v>930792</v>
      </c>
      <c r="H214" s="16">
        <v>325230</v>
      </c>
      <c r="I214" s="16">
        <v>511910</v>
      </c>
      <c r="J214" s="16">
        <v>10296</v>
      </c>
      <c r="K214" s="16">
        <v>62827</v>
      </c>
      <c r="L214" s="16">
        <v>20529</v>
      </c>
    </row>
    <row r="215" spans="1:12">
      <c r="A215" s="21" t="s">
        <v>232</v>
      </c>
      <c r="B215" s="21" t="s">
        <v>237</v>
      </c>
      <c r="C215" s="21" t="s">
        <v>264</v>
      </c>
      <c r="D215" s="21" t="s">
        <v>217</v>
      </c>
      <c r="E215" s="21" t="s">
        <v>214</v>
      </c>
      <c r="F215" s="21" t="s">
        <v>462</v>
      </c>
      <c r="G215" s="16">
        <v>495748</v>
      </c>
      <c r="H215" s="16">
        <v>24013</v>
      </c>
      <c r="I215" s="16">
        <v>322282</v>
      </c>
      <c r="J215" s="16">
        <v>111338</v>
      </c>
      <c r="K215" s="16">
        <v>29674</v>
      </c>
      <c r="L215" s="16">
        <v>8441</v>
      </c>
    </row>
    <row r="216" spans="1:12">
      <c r="A216" s="21" t="s">
        <v>232</v>
      </c>
      <c r="B216" s="21" t="s">
        <v>237</v>
      </c>
      <c r="C216" s="21" t="s">
        <v>264</v>
      </c>
      <c r="D216" s="21" t="s">
        <v>217</v>
      </c>
      <c r="E216" s="21" t="s">
        <v>214</v>
      </c>
      <c r="F216" s="21" t="s">
        <v>463</v>
      </c>
      <c r="G216" s="16">
        <v>243581</v>
      </c>
      <c r="H216" s="16">
        <v>6787</v>
      </c>
      <c r="I216" s="16">
        <v>135620</v>
      </c>
      <c r="J216" s="16">
        <v>87433</v>
      </c>
      <c r="K216" s="16">
        <v>8888</v>
      </c>
      <c r="L216" s="16">
        <v>4853</v>
      </c>
    </row>
    <row r="217" spans="1:12">
      <c r="A217" s="21" t="s">
        <v>232</v>
      </c>
      <c r="B217" s="21" t="s">
        <v>237</v>
      </c>
      <c r="C217" s="21" t="s">
        <v>264</v>
      </c>
      <c r="D217" s="21" t="s">
        <v>217</v>
      </c>
      <c r="E217" s="21" t="s">
        <v>214</v>
      </c>
      <c r="F217" s="21" t="s">
        <v>464</v>
      </c>
      <c r="G217" s="16">
        <v>80898</v>
      </c>
      <c r="H217" s="16">
        <v>1642</v>
      </c>
      <c r="I217" s="16">
        <v>30724</v>
      </c>
      <c r="J217" s="16">
        <v>44788</v>
      </c>
      <c r="K217" s="16">
        <v>1786</v>
      </c>
      <c r="L217" s="16">
        <v>1958</v>
      </c>
    </row>
    <row r="218" spans="1:12">
      <c r="A218" s="21" t="s">
        <v>232</v>
      </c>
      <c r="B218" s="21" t="s">
        <v>237</v>
      </c>
      <c r="C218" s="21" t="s">
        <v>264</v>
      </c>
      <c r="D218" s="21" t="s">
        <v>217</v>
      </c>
      <c r="E218" s="21" t="s">
        <v>214</v>
      </c>
      <c r="F218" s="21" t="s">
        <v>431</v>
      </c>
      <c r="G218" s="16">
        <v>983026</v>
      </c>
      <c r="H218" s="16">
        <v>261032</v>
      </c>
      <c r="I218" s="16">
        <v>606442</v>
      </c>
      <c r="J218" s="16">
        <v>19401</v>
      </c>
      <c r="K218" s="16">
        <v>74087</v>
      </c>
      <c r="L218" s="16">
        <v>22064</v>
      </c>
    </row>
    <row r="219" spans="1:12">
      <c r="A219" s="21" t="s">
        <v>232</v>
      </c>
      <c r="B219" s="21" t="s">
        <v>237</v>
      </c>
      <c r="C219" s="21" t="s">
        <v>264</v>
      </c>
      <c r="D219" s="21" t="s">
        <v>534</v>
      </c>
      <c r="E219" s="21" t="s">
        <v>214</v>
      </c>
      <c r="F219" s="21" t="s">
        <v>401</v>
      </c>
      <c r="G219" s="16">
        <v>1435853</v>
      </c>
      <c r="H219" s="16">
        <v>483901</v>
      </c>
      <c r="I219" s="16">
        <v>816642</v>
      </c>
      <c r="J219" s="16">
        <v>69149</v>
      </c>
      <c r="K219" s="16">
        <v>55497</v>
      </c>
      <c r="L219" s="16">
        <v>10664</v>
      </c>
    </row>
    <row r="220" spans="1:12">
      <c r="A220" s="21" t="s">
        <v>232</v>
      </c>
      <c r="B220" s="21" t="s">
        <v>237</v>
      </c>
      <c r="C220" s="21" t="s">
        <v>264</v>
      </c>
      <c r="D220" s="21" t="s">
        <v>534</v>
      </c>
      <c r="E220" s="21" t="s">
        <v>214</v>
      </c>
      <c r="F220" s="21" t="s">
        <v>514</v>
      </c>
      <c r="G220" s="16">
        <v>227550</v>
      </c>
      <c r="H220" s="16">
        <v>227550</v>
      </c>
      <c r="I220" s="22" t="s">
        <v>268</v>
      </c>
      <c r="J220" s="22" t="s">
        <v>268</v>
      </c>
      <c r="K220" s="22" t="s">
        <v>268</v>
      </c>
      <c r="L220" s="22" t="s">
        <v>268</v>
      </c>
    </row>
    <row r="221" spans="1:12">
      <c r="A221" s="21" t="s">
        <v>232</v>
      </c>
      <c r="B221" s="21" t="s">
        <v>237</v>
      </c>
      <c r="C221" s="21" t="s">
        <v>264</v>
      </c>
      <c r="D221" s="21" t="s">
        <v>534</v>
      </c>
      <c r="E221" s="21" t="s">
        <v>214</v>
      </c>
      <c r="F221" s="21" t="s">
        <v>515</v>
      </c>
      <c r="G221" s="16">
        <v>70960</v>
      </c>
      <c r="H221" s="16">
        <v>70700</v>
      </c>
      <c r="I221" s="16">
        <v>218</v>
      </c>
      <c r="J221" s="16">
        <v>3</v>
      </c>
      <c r="K221" s="16">
        <v>22</v>
      </c>
      <c r="L221" s="16">
        <v>17</v>
      </c>
    </row>
    <row r="222" spans="1:12">
      <c r="A222" s="21" t="s">
        <v>232</v>
      </c>
      <c r="B222" s="21" t="s">
        <v>237</v>
      </c>
      <c r="C222" s="21" t="s">
        <v>264</v>
      </c>
      <c r="D222" s="21" t="s">
        <v>534</v>
      </c>
      <c r="E222" s="21" t="s">
        <v>214</v>
      </c>
      <c r="F222" s="21" t="s">
        <v>516</v>
      </c>
      <c r="G222" s="16">
        <v>49161</v>
      </c>
      <c r="H222" s="16">
        <v>43643</v>
      </c>
      <c r="I222" s="16">
        <v>5015</v>
      </c>
      <c r="J222" s="16">
        <v>11</v>
      </c>
      <c r="K222" s="16">
        <v>362</v>
      </c>
      <c r="L222" s="16">
        <v>130</v>
      </c>
    </row>
    <row r="223" spans="1:12">
      <c r="A223" s="21" t="s">
        <v>232</v>
      </c>
      <c r="B223" s="21" t="s">
        <v>237</v>
      </c>
      <c r="C223" s="21" t="s">
        <v>264</v>
      </c>
      <c r="D223" s="21" t="s">
        <v>534</v>
      </c>
      <c r="E223" s="21" t="s">
        <v>214</v>
      </c>
      <c r="F223" s="21" t="s">
        <v>517</v>
      </c>
      <c r="G223" s="16">
        <v>54425</v>
      </c>
      <c r="H223" s="16">
        <v>29778</v>
      </c>
      <c r="I223" s="16">
        <v>23046</v>
      </c>
      <c r="J223" s="16">
        <v>24</v>
      </c>
      <c r="K223" s="16">
        <v>1337</v>
      </c>
      <c r="L223" s="16">
        <v>240</v>
      </c>
    </row>
    <row r="224" spans="1:12">
      <c r="A224" s="21" t="s">
        <v>232</v>
      </c>
      <c r="B224" s="21" t="s">
        <v>237</v>
      </c>
      <c r="C224" s="21" t="s">
        <v>264</v>
      </c>
      <c r="D224" s="21" t="s">
        <v>534</v>
      </c>
      <c r="E224" s="21" t="s">
        <v>214</v>
      </c>
      <c r="F224" s="21" t="s">
        <v>518</v>
      </c>
      <c r="G224" s="16">
        <v>70717</v>
      </c>
      <c r="H224" s="16">
        <v>21974</v>
      </c>
      <c r="I224" s="16">
        <v>45378</v>
      </c>
      <c r="J224" s="16">
        <v>59</v>
      </c>
      <c r="K224" s="16">
        <v>2954</v>
      </c>
      <c r="L224" s="16">
        <v>352</v>
      </c>
    </row>
    <row r="225" spans="1:12">
      <c r="A225" s="21" t="s">
        <v>232</v>
      </c>
      <c r="B225" s="21" t="s">
        <v>237</v>
      </c>
      <c r="C225" s="21" t="s">
        <v>264</v>
      </c>
      <c r="D225" s="21" t="s">
        <v>534</v>
      </c>
      <c r="E225" s="21" t="s">
        <v>214</v>
      </c>
      <c r="F225" s="21" t="s">
        <v>519</v>
      </c>
      <c r="G225" s="16">
        <v>86386</v>
      </c>
      <c r="H225" s="16">
        <v>19177</v>
      </c>
      <c r="I225" s="16">
        <v>61627</v>
      </c>
      <c r="J225" s="16">
        <v>172</v>
      </c>
      <c r="K225" s="16">
        <v>4906</v>
      </c>
      <c r="L225" s="16">
        <v>504</v>
      </c>
    </row>
    <row r="226" spans="1:12">
      <c r="A226" s="21" t="s">
        <v>232</v>
      </c>
      <c r="B226" s="21" t="s">
        <v>237</v>
      </c>
      <c r="C226" s="21" t="s">
        <v>264</v>
      </c>
      <c r="D226" s="21" t="s">
        <v>534</v>
      </c>
      <c r="E226" s="21" t="s">
        <v>214</v>
      </c>
      <c r="F226" s="21" t="s">
        <v>520</v>
      </c>
      <c r="G226" s="16">
        <v>95180</v>
      </c>
      <c r="H226" s="16">
        <v>17280</v>
      </c>
      <c r="I226" s="16">
        <v>70203</v>
      </c>
      <c r="J226" s="16">
        <v>323</v>
      </c>
      <c r="K226" s="16">
        <v>6716</v>
      </c>
      <c r="L226" s="16">
        <v>658</v>
      </c>
    </row>
    <row r="227" spans="1:12">
      <c r="A227" s="21" t="s">
        <v>232</v>
      </c>
      <c r="B227" s="21" t="s">
        <v>237</v>
      </c>
      <c r="C227" s="21" t="s">
        <v>264</v>
      </c>
      <c r="D227" s="21" t="s">
        <v>534</v>
      </c>
      <c r="E227" s="21" t="s">
        <v>214</v>
      </c>
      <c r="F227" s="21" t="s">
        <v>521</v>
      </c>
      <c r="G227" s="16">
        <v>98740</v>
      </c>
      <c r="H227" s="16">
        <v>16403</v>
      </c>
      <c r="I227" s="16">
        <v>73074</v>
      </c>
      <c r="J227" s="16">
        <v>601</v>
      </c>
      <c r="K227" s="16">
        <v>7942</v>
      </c>
      <c r="L227" s="16">
        <v>720</v>
      </c>
    </row>
    <row r="228" spans="1:12">
      <c r="A228" s="21" t="s">
        <v>232</v>
      </c>
      <c r="B228" s="21" t="s">
        <v>237</v>
      </c>
      <c r="C228" s="21" t="s">
        <v>264</v>
      </c>
      <c r="D228" s="21" t="s">
        <v>534</v>
      </c>
      <c r="E228" s="21" t="s">
        <v>214</v>
      </c>
      <c r="F228" s="21" t="s">
        <v>522</v>
      </c>
      <c r="G228" s="16">
        <v>87533</v>
      </c>
      <c r="H228" s="16">
        <v>12697</v>
      </c>
      <c r="I228" s="16">
        <v>66096</v>
      </c>
      <c r="J228" s="16">
        <v>909</v>
      </c>
      <c r="K228" s="16">
        <v>7231</v>
      </c>
      <c r="L228" s="16">
        <v>600</v>
      </c>
    </row>
    <row r="229" spans="1:12">
      <c r="A229" s="21" t="s">
        <v>232</v>
      </c>
      <c r="B229" s="21" t="s">
        <v>237</v>
      </c>
      <c r="C229" s="21" t="s">
        <v>264</v>
      </c>
      <c r="D229" s="21" t="s">
        <v>534</v>
      </c>
      <c r="E229" s="21" t="s">
        <v>214</v>
      </c>
      <c r="F229" s="21" t="s">
        <v>523</v>
      </c>
      <c r="G229" s="16">
        <v>90523</v>
      </c>
      <c r="H229" s="16">
        <v>9522</v>
      </c>
      <c r="I229" s="16">
        <v>72408</v>
      </c>
      <c r="J229" s="16">
        <v>1569</v>
      </c>
      <c r="K229" s="16">
        <v>6581</v>
      </c>
      <c r="L229" s="16">
        <v>443</v>
      </c>
    </row>
    <row r="230" spans="1:12">
      <c r="A230" s="21" t="s">
        <v>232</v>
      </c>
      <c r="B230" s="21" t="s">
        <v>237</v>
      </c>
      <c r="C230" s="21" t="s">
        <v>264</v>
      </c>
      <c r="D230" s="21" t="s">
        <v>534</v>
      </c>
      <c r="E230" s="21" t="s">
        <v>214</v>
      </c>
      <c r="F230" s="21" t="s">
        <v>524</v>
      </c>
      <c r="G230" s="16">
        <v>97706</v>
      </c>
      <c r="H230" s="16">
        <v>6344</v>
      </c>
      <c r="I230" s="16">
        <v>82402</v>
      </c>
      <c r="J230" s="16">
        <v>2864</v>
      </c>
      <c r="K230" s="16">
        <v>5688</v>
      </c>
      <c r="L230" s="16">
        <v>408</v>
      </c>
    </row>
    <row r="231" spans="1:12">
      <c r="A231" s="21" t="s">
        <v>232</v>
      </c>
      <c r="B231" s="21" t="s">
        <v>237</v>
      </c>
      <c r="C231" s="21" t="s">
        <v>264</v>
      </c>
      <c r="D231" s="21" t="s">
        <v>534</v>
      </c>
      <c r="E231" s="21" t="s">
        <v>214</v>
      </c>
      <c r="F231" s="21" t="s">
        <v>525</v>
      </c>
      <c r="G231" s="16">
        <v>107275</v>
      </c>
      <c r="H231" s="16">
        <v>4167</v>
      </c>
      <c r="I231" s="16">
        <v>93422</v>
      </c>
      <c r="J231" s="16">
        <v>4717</v>
      </c>
      <c r="K231" s="16">
        <v>4574</v>
      </c>
      <c r="L231" s="16">
        <v>395</v>
      </c>
    </row>
    <row r="232" spans="1:12">
      <c r="A232" s="21" t="s">
        <v>232</v>
      </c>
      <c r="B232" s="21" t="s">
        <v>237</v>
      </c>
      <c r="C232" s="21" t="s">
        <v>264</v>
      </c>
      <c r="D232" s="21" t="s">
        <v>534</v>
      </c>
      <c r="E232" s="21" t="s">
        <v>214</v>
      </c>
      <c r="F232" s="21" t="s">
        <v>526</v>
      </c>
      <c r="G232" s="16">
        <v>104286</v>
      </c>
      <c r="H232" s="16">
        <v>2307</v>
      </c>
      <c r="I232" s="16">
        <v>90687</v>
      </c>
      <c r="J232" s="16">
        <v>7195</v>
      </c>
      <c r="K232" s="16">
        <v>3591</v>
      </c>
      <c r="L232" s="16">
        <v>506</v>
      </c>
    </row>
    <row r="233" spans="1:12">
      <c r="A233" s="21" t="s">
        <v>232</v>
      </c>
      <c r="B233" s="21" t="s">
        <v>237</v>
      </c>
      <c r="C233" s="21" t="s">
        <v>264</v>
      </c>
      <c r="D233" s="21" t="s">
        <v>534</v>
      </c>
      <c r="E233" s="21" t="s">
        <v>214</v>
      </c>
      <c r="F233" s="21" t="s">
        <v>527</v>
      </c>
      <c r="G233" s="16">
        <v>72146</v>
      </c>
      <c r="H233" s="16">
        <v>1048</v>
      </c>
      <c r="I233" s="16">
        <v>60157</v>
      </c>
      <c r="J233" s="16">
        <v>8829</v>
      </c>
      <c r="K233" s="16">
        <v>1659</v>
      </c>
      <c r="L233" s="16">
        <v>453</v>
      </c>
    </row>
    <row r="234" spans="1:12">
      <c r="A234" s="21" t="s">
        <v>232</v>
      </c>
      <c r="B234" s="21" t="s">
        <v>237</v>
      </c>
      <c r="C234" s="21" t="s">
        <v>264</v>
      </c>
      <c r="D234" s="21" t="s">
        <v>534</v>
      </c>
      <c r="E234" s="21" t="s">
        <v>214</v>
      </c>
      <c r="F234" s="21" t="s">
        <v>528</v>
      </c>
      <c r="G234" s="16">
        <v>58250</v>
      </c>
      <c r="H234" s="16">
        <v>685</v>
      </c>
      <c r="I234" s="16">
        <v>43087</v>
      </c>
      <c r="J234" s="16">
        <v>12944</v>
      </c>
      <c r="K234" s="16">
        <v>982</v>
      </c>
      <c r="L234" s="16">
        <v>552</v>
      </c>
    </row>
    <row r="235" spans="1:12">
      <c r="A235" s="21" t="s">
        <v>232</v>
      </c>
      <c r="B235" s="21" t="s">
        <v>237</v>
      </c>
      <c r="C235" s="21" t="s">
        <v>264</v>
      </c>
      <c r="D235" s="21" t="s">
        <v>534</v>
      </c>
      <c r="E235" s="21" t="s">
        <v>214</v>
      </c>
      <c r="F235" s="21" t="s">
        <v>529</v>
      </c>
      <c r="G235" s="16">
        <v>39476</v>
      </c>
      <c r="H235" s="16">
        <v>380</v>
      </c>
      <c r="I235" s="16">
        <v>22767</v>
      </c>
      <c r="J235" s="16">
        <v>15234</v>
      </c>
      <c r="K235" s="16">
        <v>568</v>
      </c>
      <c r="L235" s="16">
        <v>527</v>
      </c>
    </row>
    <row r="236" spans="1:12">
      <c r="A236" s="21" t="s">
        <v>232</v>
      </c>
      <c r="B236" s="21" t="s">
        <v>237</v>
      </c>
      <c r="C236" s="21" t="s">
        <v>264</v>
      </c>
      <c r="D236" s="21" t="s">
        <v>534</v>
      </c>
      <c r="E236" s="21" t="s">
        <v>214</v>
      </c>
      <c r="F236" s="21" t="s">
        <v>530</v>
      </c>
      <c r="G236" s="16">
        <v>17317</v>
      </c>
      <c r="H236" s="16">
        <v>189</v>
      </c>
      <c r="I236" s="16">
        <v>6320</v>
      </c>
      <c r="J236" s="16">
        <v>10139</v>
      </c>
      <c r="K236" s="16">
        <v>295</v>
      </c>
      <c r="L236" s="16">
        <v>374</v>
      </c>
    </row>
    <row r="237" spans="1:12">
      <c r="A237" s="21" t="s">
        <v>232</v>
      </c>
      <c r="B237" s="21" t="s">
        <v>237</v>
      </c>
      <c r="C237" s="21" t="s">
        <v>264</v>
      </c>
      <c r="D237" s="21" t="s">
        <v>534</v>
      </c>
      <c r="E237" s="21" t="s">
        <v>214</v>
      </c>
      <c r="F237" s="21" t="s">
        <v>531</v>
      </c>
      <c r="G237" s="16">
        <v>4062</v>
      </c>
      <c r="H237" s="16">
        <v>52</v>
      </c>
      <c r="I237" s="16">
        <v>686</v>
      </c>
      <c r="J237" s="16">
        <v>3120</v>
      </c>
      <c r="K237" s="16">
        <v>76</v>
      </c>
      <c r="L237" s="16">
        <v>128</v>
      </c>
    </row>
    <row r="238" spans="1:12">
      <c r="A238" s="21" t="s">
        <v>232</v>
      </c>
      <c r="B238" s="21" t="s">
        <v>237</v>
      </c>
      <c r="C238" s="21" t="s">
        <v>264</v>
      </c>
      <c r="D238" s="21" t="s">
        <v>534</v>
      </c>
      <c r="E238" s="21" t="s">
        <v>214</v>
      </c>
      <c r="F238" s="21" t="s">
        <v>532</v>
      </c>
      <c r="G238" s="16">
        <v>526</v>
      </c>
      <c r="H238" s="16">
        <v>5</v>
      </c>
      <c r="I238" s="16">
        <v>49</v>
      </c>
      <c r="J238" s="16">
        <v>436</v>
      </c>
      <c r="K238" s="16">
        <v>13</v>
      </c>
      <c r="L238" s="16">
        <v>23</v>
      </c>
    </row>
    <row r="239" spans="1:12">
      <c r="A239" s="21" t="s">
        <v>232</v>
      </c>
      <c r="B239" s="21" t="s">
        <v>237</v>
      </c>
      <c r="C239" s="21" t="s">
        <v>264</v>
      </c>
      <c r="D239" s="21" t="s">
        <v>534</v>
      </c>
      <c r="E239" s="21" t="s">
        <v>214</v>
      </c>
      <c r="F239" s="21" t="s">
        <v>533</v>
      </c>
      <c r="G239" s="16">
        <v>3634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16">
        <v>3634</v>
      </c>
    </row>
    <row r="240" spans="1:12">
      <c r="A240" s="21" t="s">
        <v>232</v>
      </c>
      <c r="B240" s="21" t="s">
        <v>237</v>
      </c>
      <c r="C240" s="21" t="s">
        <v>264</v>
      </c>
      <c r="D240" s="21" t="s">
        <v>534</v>
      </c>
      <c r="E240" s="21" t="s">
        <v>214</v>
      </c>
      <c r="F240" s="21" t="s">
        <v>461</v>
      </c>
      <c r="G240" s="16">
        <v>801331</v>
      </c>
      <c r="H240" s="16">
        <v>247518</v>
      </c>
      <c r="I240" s="16">
        <v>499467</v>
      </c>
      <c r="J240" s="16">
        <v>6535</v>
      </c>
      <c r="K240" s="16">
        <v>43739</v>
      </c>
      <c r="L240" s="16">
        <v>4072</v>
      </c>
    </row>
    <row r="241" spans="1:12">
      <c r="A241" s="21" t="s">
        <v>232</v>
      </c>
      <c r="B241" s="21" t="s">
        <v>237</v>
      </c>
      <c r="C241" s="21" t="s">
        <v>264</v>
      </c>
      <c r="D241" s="21" t="s">
        <v>534</v>
      </c>
      <c r="E241" s="21" t="s">
        <v>214</v>
      </c>
      <c r="F241" s="21" t="s">
        <v>462</v>
      </c>
      <c r="G241" s="16">
        <v>403338</v>
      </c>
      <c r="H241" s="16">
        <v>8833</v>
      </c>
      <c r="I241" s="16">
        <v>317175</v>
      </c>
      <c r="J241" s="16">
        <v>62614</v>
      </c>
      <c r="K241" s="16">
        <v>11758</v>
      </c>
      <c r="L241" s="16">
        <v>2958</v>
      </c>
    </row>
    <row r="242" spans="1:12">
      <c r="A242" s="21" t="s">
        <v>232</v>
      </c>
      <c r="B242" s="21" t="s">
        <v>237</v>
      </c>
      <c r="C242" s="21" t="s">
        <v>264</v>
      </c>
      <c r="D242" s="21" t="s">
        <v>534</v>
      </c>
      <c r="E242" s="21" t="s">
        <v>214</v>
      </c>
      <c r="F242" s="21" t="s">
        <v>463</v>
      </c>
      <c r="G242" s="16">
        <v>191777</v>
      </c>
      <c r="H242" s="16">
        <v>2359</v>
      </c>
      <c r="I242" s="16">
        <v>133066</v>
      </c>
      <c r="J242" s="16">
        <v>50702</v>
      </c>
      <c r="K242" s="16">
        <v>3593</v>
      </c>
      <c r="L242" s="16">
        <v>2057</v>
      </c>
    </row>
    <row r="243" spans="1:12">
      <c r="A243" s="21" t="s">
        <v>232</v>
      </c>
      <c r="B243" s="21" t="s">
        <v>237</v>
      </c>
      <c r="C243" s="21" t="s">
        <v>264</v>
      </c>
      <c r="D243" s="21" t="s">
        <v>534</v>
      </c>
      <c r="E243" s="21" t="s">
        <v>214</v>
      </c>
      <c r="F243" s="21" t="s">
        <v>464</v>
      </c>
      <c r="G243" s="16">
        <v>61381</v>
      </c>
      <c r="H243" s="16">
        <v>626</v>
      </c>
      <c r="I243" s="16">
        <v>29822</v>
      </c>
      <c r="J243" s="16">
        <v>28929</v>
      </c>
      <c r="K243" s="16">
        <v>952</v>
      </c>
      <c r="L243" s="16">
        <v>1052</v>
      </c>
    </row>
    <row r="244" spans="1:12">
      <c r="A244" s="21" t="s">
        <v>232</v>
      </c>
      <c r="B244" s="21" t="s">
        <v>237</v>
      </c>
      <c r="C244" s="21" t="s">
        <v>264</v>
      </c>
      <c r="D244" s="21" t="s">
        <v>534</v>
      </c>
      <c r="E244" s="21" t="s">
        <v>214</v>
      </c>
      <c r="F244" s="21" t="s">
        <v>431</v>
      </c>
      <c r="G244" s="16">
        <v>837646</v>
      </c>
      <c r="H244" s="16">
        <v>180985</v>
      </c>
      <c r="I244" s="16">
        <v>592671</v>
      </c>
      <c r="J244" s="16">
        <v>11249</v>
      </c>
      <c r="K244" s="16">
        <v>48291</v>
      </c>
      <c r="L244" s="16">
        <v>4450</v>
      </c>
    </row>
    <row r="245" spans="1:12">
      <c r="A245" s="21" t="s">
        <v>232</v>
      </c>
      <c r="B245" s="21" t="s">
        <v>237</v>
      </c>
      <c r="C245" s="21" t="s">
        <v>264</v>
      </c>
      <c r="D245" s="21" t="s">
        <v>535</v>
      </c>
      <c r="E245" s="21" t="s">
        <v>214</v>
      </c>
      <c r="F245" s="21" t="s">
        <v>401</v>
      </c>
      <c r="G245" s="16">
        <v>473800</v>
      </c>
      <c r="H245" s="16">
        <v>17986</v>
      </c>
      <c r="I245" s="16">
        <v>383409</v>
      </c>
      <c r="J245" s="16">
        <v>35552</v>
      </c>
      <c r="K245" s="16">
        <v>30825</v>
      </c>
      <c r="L245" s="16">
        <v>6028</v>
      </c>
    </row>
    <row r="246" spans="1:12">
      <c r="A246" s="21" t="s">
        <v>232</v>
      </c>
      <c r="B246" s="21" t="s">
        <v>237</v>
      </c>
      <c r="C246" s="21" t="s">
        <v>264</v>
      </c>
      <c r="D246" s="21" t="s">
        <v>535</v>
      </c>
      <c r="E246" s="21" t="s">
        <v>214</v>
      </c>
      <c r="F246" s="21" t="s">
        <v>514</v>
      </c>
      <c r="G246" s="16">
        <v>1</v>
      </c>
      <c r="H246" s="16">
        <v>1</v>
      </c>
      <c r="I246" s="22" t="s">
        <v>268</v>
      </c>
      <c r="J246" s="22" t="s">
        <v>268</v>
      </c>
      <c r="K246" s="22" t="s">
        <v>268</v>
      </c>
      <c r="L246" s="22" t="s">
        <v>268</v>
      </c>
    </row>
    <row r="247" spans="1:12">
      <c r="A247" s="21" t="s">
        <v>232</v>
      </c>
      <c r="B247" s="21" t="s">
        <v>237</v>
      </c>
      <c r="C247" s="21" t="s">
        <v>264</v>
      </c>
      <c r="D247" s="21" t="s">
        <v>535</v>
      </c>
      <c r="E247" s="21" t="s">
        <v>214</v>
      </c>
      <c r="F247" s="21" t="s">
        <v>515</v>
      </c>
      <c r="G247" s="16">
        <v>120</v>
      </c>
      <c r="H247" s="16">
        <v>92</v>
      </c>
      <c r="I247" s="16">
        <v>27</v>
      </c>
      <c r="J247" s="22" t="s">
        <v>268</v>
      </c>
      <c r="K247" s="16">
        <v>1</v>
      </c>
      <c r="L247" s="22" t="s">
        <v>268</v>
      </c>
    </row>
    <row r="248" spans="1:12">
      <c r="A248" s="21" t="s">
        <v>232</v>
      </c>
      <c r="B248" s="21" t="s">
        <v>237</v>
      </c>
      <c r="C248" s="21" t="s">
        <v>264</v>
      </c>
      <c r="D248" s="21" t="s">
        <v>535</v>
      </c>
      <c r="E248" s="21" t="s">
        <v>214</v>
      </c>
      <c r="F248" s="21" t="s">
        <v>516</v>
      </c>
      <c r="G248" s="16">
        <v>2858</v>
      </c>
      <c r="H248" s="16">
        <v>992</v>
      </c>
      <c r="I248" s="16">
        <v>1657</v>
      </c>
      <c r="J248" s="16">
        <v>1</v>
      </c>
      <c r="K248" s="16">
        <v>143</v>
      </c>
      <c r="L248" s="16">
        <v>65</v>
      </c>
    </row>
    <row r="249" spans="1:12">
      <c r="A249" s="21" t="s">
        <v>232</v>
      </c>
      <c r="B249" s="21" t="s">
        <v>237</v>
      </c>
      <c r="C249" s="21" t="s">
        <v>264</v>
      </c>
      <c r="D249" s="21" t="s">
        <v>535</v>
      </c>
      <c r="E249" s="21" t="s">
        <v>214</v>
      </c>
      <c r="F249" s="21" t="s">
        <v>517</v>
      </c>
      <c r="G249" s="16">
        <v>11444</v>
      </c>
      <c r="H249" s="16">
        <v>1483</v>
      </c>
      <c r="I249" s="16">
        <v>9193</v>
      </c>
      <c r="J249" s="16">
        <v>8</v>
      </c>
      <c r="K249" s="16">
        <v>593</v>
      </c>
      <c r="L249" s="16">
        <v>167</v>
      </c>
    </row>
    <row r="250" spans="1:12">
      <c r="A250" s="21" t="s">
        <v>232</v>
      </c>
      <c r="B250" s="21" t="s">
        <v>237</v>
      </c>
      <c r="C250" s="21" t="s">
        <v>264</v>
      </c>
      <c r="D250" s="21" t="s">
        <v>535</v>
      </c>
      <c r="E250" s="21" t="s">
        <v>214</v>
      </c>
      <c r="F250" s="21" t="s">
        <v>518</v>
      </c>
      <c r="G250" s="16">
        <v>22265</v>
      </c>
      <c r="H250" s="16">
        <v>1163</v>
      </c>
      <c r="I250" s="16">
        <v>19276</v>
      </c>
      <c r="J250" s="16">
        <v>36</v>
      </c>
      <c r="K250" s="16">
        <v>1500</v>
      </c>
      <c r="L250" s="16">
        <v>290</v>
      </c>
    </row>
    <row r="251" spans="1:12">
      <c r="A251" s="21" t="s">
        <v>232</v>
      </c>
      <c r="B251" s="21" t="s">
        <v>237</v>
      </c>
      <c r="C251" s="21" t="s">
        <v>264</v>
      </c>
      <c r="D251" s="21" t="s">
        <v>535</v>
      </c>
      <c r="E251" s="21" t="s">
        <v>214</v>
      </c>
      <c r="F251" s="21" t="s">
        <v>519</v>
      </c>
      <c r="G251" s="16">
        <v>31651</v>
      </c>
      <c r="H251" s="16">
        <v>1274</v>
      </c>
      <c r="I251" s="16">
        <v>27130</v>
      </c>
      <c r="J251" s="16">
        <v>118</v>
      </c>
      <c r="K251" s="16">
        <v>2708</v>
      </c>
      <c r="L251" s="16">
        <v>421</v>
      </c>
    </row>
    <row r="252" spans="1:12">
      <c r="A252" s="21" t="s">
        <v>232</v>
      </c>
      <c r="B252" s="21" t="s">
        <v>237</v>
      </c>
      <c r="C252" s="21" t="s">
        <v>264</v>
      </c>
      <c r="D252" s="21" t="s">
        <v>535</v>
      </c>
      <c r="E252" s="21" t="s">
        <v>214</v>
      </c>
      <c r="F252" s="21" t="s">
        <v>520</v>
      </c>
      <c r="G252" s="16">
        <v>37946</v>
      </c>
      <c r="H252" s="16">
        <v>1514</v>
      </c>
      <c r="I252" s="16">
        <v>31792</v>
      </c>
      <c r="J252" s="16">
        <v>233</v>
      </c>
      <c r="K252" s="16">
        <v>3842</v>
      </c>
      <c r="L252" s="16">
        <v>565</v>
      </c>
    </row>
    <row r="253" spans="1:12">
      <c r="A253" s="21" t="s">
        <v>232</v>
      </c>
      <c r="B253" s="21" t="s">
        <v>237</v>
      </c>
      <c r="C253" s="21" t="s">
        <v>264</v>
      </c>
      <c r="D253" s="21" t="s">
        <v>535</v>
      </c>
      <c r="E253" s="21" t="s">
        <v>214</v>
      </c>
      <c r="F253" s="21" t="s">
        <v>521</v>
      </c>
      <c r="G253" s="16">
        <v>40648</v>
      </c>
      <c r="H253" s="16">
        <v>1832</v>
      </c>
      <c r="I253" s="16">
        <v>33286</v>
      </c>
      <c r="J253" s="16">
        <v>472</v>
      </c>
      <c r="K253" s="16">
        <v>4461</v>
      </c>
      <c r="L253" s="16">
        <v>597</v>
      </c>
    </row>
    <row r="254" spans="1:12">
      <c r="A254" s="21" t="s">
        <v>232</v>
      </c>
      <c r="B254" s="21" t="s">
        <v>237</v>
      </c>
      <c r="C254" s="21" t="s">
        <v>264</v>
      </c>
      <c r="D254" s="21" t="s">
        <v>535</v>
      </c>
      <c r="E254" s="21" t="s">
        <v>214</v>
      </c>
      <c r="F254" s="21" t="s">
        <v>522</v>
      </c>
      <c r="G254" s="16">
        <v>36144</v>
      </c>
      <c r="H254" s="16">
        <v>2044</v>
      </c>
      <c r="I254" s="16">
        <v>28961</v>
      </c>
      <c r="J254" s="16">
        <v>669</v>
      </c>
      <c r="K254" s="16">
        <v>3984</v>
      </c>
      <c r="L254" s="16">
        <v>486</v>
      </c>
    </row>
    <row r="255" spans="1:12">
      <c r="A255" s="21" t="s">
        <v>232</v>
      </c>
      <c r="B255" s="21" t="s">
        <v>237</v>
      </c>
      <c r="C255" s="21" t="s">
        <v>264</v>
      </c>
      <c r="D255" s="21" t="s">
        <v>535</v>
      </c>
      <c r="E255" s="21" t="s">
        <v>214</v>
      </c>
      <c r="F255" s="21" t="s">
        <v>523</v>
      </c>
      <c r="G255" s="16">
        <v>39216</v>
      </c>
      <c r="H255" s="16">
        <v>2210</v>
      </c>
      <c r="I255" s="16">
        <v>31904</v>
      </c>
      <c r="J255" s="16">
        <v>1172</v>
      </c>
      <c r="K255" s="16">
        <v>3596</v>
      </c>
      <c r="L255" s="16">
        <v>334</v>
      </c>
    </row>
    <row r="256" spans="1:12">
      <c r="A256" s="21" t="s">
        <v>232</v>
      </c>
      <c r="B256" s="21" t="s">
        <v>237</v>
      </c>
      <c r="C256" s="21" t="s">
        <v>264</v>
      </c>
      <c r="D256" s="21" t="s">
        <v>535</v>
      </c>
      <c r="E256" s="21" t="s">
        <v>214</v>
      </c>
      <c r="F256" s="21" t="s">
        <v>524</v>
      </c>
      <c r="G256" s="16">
        <v>45630</v>
      </c>
      <c r="H256" s="16">
        <v>2009</v>
      </c>
      <c r="I256" s="16">
        <v>37750</v>
      </c>
      <c r="J256" s="16">
        <v>2214</v>
      </c>
      <c r="K256" s="16">
        <v>3357</v>
      </c>
      <c r="L256" s="16">
        <v>300</v>
      </c>
    </row>
    <row r="257" spans="1:12">
      <c r="A257" s="21" t="s">
        <v>232</v>
      </c>
      <c r="B257" s="21" t="s">
        <v>237</v>
      </c>
      <c r="C257" s="21" t="s">
        <v>264</v>
      </c>
      <c r="D257" s="21" t="s">
        <v>535</v>
      </c>
      <c r="E257" s="21" t="s">
        <v>214</v>
      </c>
      <c r="F257" s="21" t="s">
        <v>525</v>
      </c>
      <c r="G257" s="16">
        <v>53210</v>
      </c>
      <c r="H257" s="16">
        <v>1590</v>
      </c>
      <c r="I257" s="16">
        <v>45125</v>
      </c>
      <c r="J257" s="16">
        <v>3497</v>
      </c>
      <c r="K257" s="16">
        <v>2725</v>
      </c>
      <c r="L257" s="16">
        <v>273</v>
      </c>
    </row>
    <row r="258" spans="1:12">
      <c r="A258" s="21" t="s">
        <v>232</v>
      </c>
      <c r="B258" s="21" t="s">
        <v>237</v>
      </c>
      <c r="C258" s="21" t="s">
        <v>264</v>
      </c>
      <c r="D258" s="21" t="s">
        <v>535</v>
      </c>
      <c r="E258" s="21" t="s">
        <v>214</v>
      </c>
      <c r="F258" s="21" t="s">
        <v>526</v>
      </c>
      <c r="G258" s="16">
        <v>54948</v>
      </c>
      <c r="H258" s="16">
        <v>940</v>
      </c>
      <c r="I258" s="16">
        <v>46352</v>
      </c>
      <c r="J258" s="16">
        <v>5107</v>
      </c>
      <c r="K258" s="16">
        <v>2219</v>
      </c>
      <c r="L258" s="16">
        <v>330</v>
      </c>
    </row>
    <row r="259" spans="1:12">
      <c r="A259" s="21" t="s">
        <v>232</v>
      </c>
      <c r="B259" s="21" t="s">
        <v>237</v>
      </c>
      <c r="C259" s="21" t="s">
        <v>264</v>
      </c>
      <c r="D259" s="21" t="s">
        <v>535</v>
      </c>
      <c r="E259" s="21" t="s">
        <v>214</v>
      </c>
      <c r="F259" s="21" t="s">
        <v>527</v>
      </c>
      <c r="G259" s="16">
        <v>37713</v>
      </c>
      <c r="H259" s="16">
        <v>399</v>
      </c>
      <c r="I259" s="16">
        <v>30726</v>
      </c>
      <c r="J259" s="16">
        <v>5405</v>
      </c>
      <c r="K259" s="16">
        <v>911</v>
      </c>
      <c r="L259" s="16">
        <v>272</v>
      </c>
    </row>
    <row r="260" spans="1:12">
      <c r="A260" s="21" t="s">
        <v>232</v>
      </c>
      <c r="B260" s="21" t="s">
        <v>237</v>
      </c>
      <c r="C260" s="21" t="s">
        <v>264</v>
      </c>
      <c r="D260" s="21" t="s">
        <v>535</v>
      </c>
      <c r="E260" s="21" t="s">
        <v>214</v>
      </c>
      <c r="F260" s="21" t="s">
        <v>528</v>
      </c>
      <c r="G260" s="16">
        <v>30450</v>
      </c>
      <c r="H260" s="16">
        <v>241</v>
      </c>
      <c r="I260" s="16">
        <v>23034</v>
      </c>
      <c r="J260" s="16">
        <v>6414</v>
      </c>
      <c r="K260" s="16">
        <v>463</v>
      </c>
      <c r="L260" s="16">
        <v>298</v>
      </c>
    </row>
    <row r="261" spans="1:12">
      <c r="A261" s="21" t="s">
        <v>232</v>
      </c>
      <c r="B261" s="21" t="s">
        <v>237</v>
      </c>
      <c r="C261" s="21" t="s">
        <v>264</v>
      </c>
      <c r="D261" s="21" t="s">
        <v>535</v>
      </c>
      <c r="E261" s="21" t="s">
        <v>214</v>
      </c>
      <c r="F261" s="21" t="s">
        <v>529</v>
      </c>
      <c r="G261" s="16">
        <v>19616</v>
      </c>
      <c r="H261" s="16">
        <v>134</v>
      </c>
      <c r="I261" s="16">
        <v>12977</v>
      </c>
      <c r="J261" s="16">
        <v>6068</v>
      </c>
      <c r="K261" s="16">
        <v>218</v>
      </c>
      <c r="L261" s="16">
        <v>219</v>
      </c>
    </row>
    <row r="262" spans="1:12">
      <c r="A262" s="21" t="s">
        <v>232</v>
      </c>
      <c r="B262" s="21" t="s">
        <v>237</v>
      </c>
      <c r="C262" s="21" t="s">
        <v>264</v>
      </c>
      <c r="D262" s="21" t="s">
        <v>535</v>
      </c>
      <c r="E262" s="21" t="s">
        <v>214</v>
      </c>
      <c r="F262" s="21" t="s">
        <v>530</v>
      </c>
      <c r="G262" s="16">
        <v>7212</v>
      </c>
      <c r="H262" s="16">
        <v>52</v>
      </c>
      <c r="I262" s="16">
        <v>3783</v>
      </c>
      <c r="J262" s="16">
        <v>3172</v>
      </c>
      <c r="K262" s="16">
        <v>79</v>
      </c>
      <c r="L262" s="16">
        <v>126</v>
      </c>
    </row>
    <row r="263" spans="1:12">
      <c r="A263" s="21" t="s">
        <v>232</v>
      </c>
      <c r="B263" s="21" t="s">
        <v>237</v>
      </c>
      <c r="C263" s="21" t="s">
        <v>264</v>
      </c>
      <c r="D263" s="21" t="s">
        <v>535</v>
      </c>
      <c r="E263" s="21" t="s">
        <v>214</v>
      </c>
      <c r="F263" s="21" t="s">
        <v>531</v>
      </c>
      <c r="G263" s="16">
        <v>1349</v>
      </c>
      <c r="H263" s="16">
        <v>15</v>
      </c>
      <c r="I263" s="16">
        <v>406</v>
      </c>
      <c r="J263" s="16">
        <v>868</v>
      </c>
      <c r="K263" s="16">
        <v>21</v>
      </c>
      <c r="L263" s="16">
        <v>39</v>
      </c>
    </row>
    <row r="264" spans="1:12">
      <c r="A264" s="21" t="s">
        <v>232</v>
      </c>
      <c r="B264" s="21" t="s">
        <v>237</v>
      </c>
      <c r="C264" s="21" t="s">
        <v>264</v>
      </c>
      <c r="D264" s="21" t="s">
        <v>535</v>
      </c>
      <c r="E264" s="21" t="s">
        <v>214</v>
      </c>
      <c r="F264" s="21" t="s">
        <v>532</v>
      </c>
      <c r="G264" s="16">
        <v>140</v>
      </c>
      <c r="H264" s="16">
        <v>1</v>
      </c>
      <c r="I264" s="16">
        <v>30</v>
      </c>
      <c r="J264" s="16">
        <v>98</v>
      </c>
      <c r="K264" s="16">
        <v>4</v>
      </c>
      <c r="L264" s="16">
        <v>7</v>
      </c>
    </row>
    <row r="265" spans="1:12">
      <c r="A265" s="21" t="s">
        <v>232</v>
      </c>
      <c r="B265" s="21" t="s">
        <v>237</v>
      </c>
      <c r="C265" s="21" t="s">
        <v>264</v>
      </c>
      <c r="D265" s="21" t="s">
        <v>535</v>
      </c>
      <c r="E265" s="21" t="s">
        <v>214</v>
      </c>
      <c r="F265" s="21" t="s">
        <v>533</v>
      </c>
      <c r="G265" s="16">
        <v>1239</v>
      </c>
      <c r="H265" s="22" t="s">
        <v>268</v>
      </c>
      <c r="I265" s="22" t="s">
        <v>268</v>
      </c>
      <c r="J265" s="22" t="s">
        <v>268</v>
      </c>
      <c r="K265" s="22" t="s">
        <v>268</v>
      </c>
      <c r="L265" s="16">
        <v>1239</v>
      </c>
    </row>
    <row r="266" spans="1:12">
      <c r="A266" s="21" t="s">
        <v>232</v>
      </c>
      <c r="B266" s="21" t="s">
        <v>237</v>
      </c>
      <c r="C266" s="21" t="s">
        <v>264</v>
      </c>
      <c r="D266" s="21" t="s">
        <v>535</v>
      </c>
      <c r="E266" s="21" t="s">
        <v>214</v>
      </c>
      <c r="F266" s="21" t="s">
        <v>461</v>
      </c>
      <c r="G266" s="16">
        <v>267922</v>
      </c>
      <c r="H266" s="16">
        <v>14613</v>
      </c>
      <c r="I266" s="16">
        <v>220976</v>
      </c>
      <c r="J266" s="16">
        <v>4923</v>
      </c>
      <c r="K266" s="16">
        <v>24185</v>
      </c>
      <c r="L266" s="16">
        <v>3225</v>
      </c>
    </row>
    <row r="267" spans="1:12">
      <c r="A267" s="21" t="s">
        <v>232</v>
      </c>
      <c r="B267" s="21" t="s">
        <v>237</v>
      </c>
      <c r="C267" s="21" t="s">
        <v>264</v>
      </c>
      <c r="D267" s="21" t="s">
        <v>535</v>
      </c>
      <c r="E267" s="21" t="s">
        <v>214</v>
      </c>
      <c r="F267" s="21" t="s">
        <v>462</v>
      </c>
      <c r="G267" s="16">
        <v>204638</v>
      </c>
      <c r="H267" s="16">
        <v>3372</v>
      </c>
      <c r="I267" s="16">
        <v>162433</v>
      </c>
      <c r="J267" s="16">
        <v>30629</v>
      </c>
      <c r="K267" s="16">
        <v>6640</v>
      </c>
      <c r="L267" s="16">
        <v>1564</v>
      </c>
    </row>
    <row r="268" spans="1:12">
      <c r="A268" s="21" t="s">
        <v>232</v>
      </c>
      <c r="B268" s="21" t="s">
        <v>237</v>
      </c>
      <c r="C268" s="21" t="s">
        <v>264</v>
      </c>
      <c r="D268" s="21" t="s">
        <v>535</v>
      </c>
      <c r="E268" s="21" t="s">
        <v>214</v>
      </c>
      <c r="F268" s="21" t="s">
        <v>463</v>
      </c>
      <c r="G268" s="16">
        <v>96480</v>
      </c>
      <c r="H268" s="16">
        <v>842</v>
      </c>
      <c r="I268" s="16">
        <v>70956</v>
      </c>
      <c r="J268" s="16">
        <v>22025</v>
      </c>
      <c r="K268" s="16">
        <v>1696</v>
      </c>
      <c r="L268" s="16">
        <v>961</v>
      </c>
    </row>
    <row r="269" spans="1:12">
      <c r="A269" s="21" t="s">
        <v>232</v>
      </c>
      <c r="B269" s="21" t="s">
        <v>237</v>
      </c>
      <c r="C269" s="21" t="s">
        <v>264</v>
      </c>
      <c r="D269" s="21" t="s">
        <v>535</v>
      </c>
      <c r="E269" s="21" t="s">
        <v>214</v>
      </c>
      <c r="F269" s="21" t="s">
        <v>464</v>
      </c>
      <c r="G269" s="16">
        <v>28317</v>
      </c>
      <c r="H269" s="16">
        <v>202</v>
      </c>
      <c r="I269" s="16">
        <v>17196</v>
      </c>
      <c r="J269" s="16">
        <v>10206</v>
      </c>
      <c r="K269" s="16">
        <v>322</v>
      </c>
      <c r="L269" s="16">
        <v>391</v>
      </c>
    </row>
    <row r="270" spans="1:12">
      <c r="A270" s="21" t="s">
        <v>232</v>
      </c>
      <c r="B270" s="21" t="s">
        <v>237</v>
      </c>
      <c r="C270" s="21" t="s">
        <v>264</v>
      </c>
      <c r="D270" s="21" t="s">
        <v>535</v>
      </c>
      <c r="E270" s="21" t="s">
        <v>214</v>
      </c>
      <c r="F270" s="21" t="s">
        <v>431</v>
      </c>
      <c r="G270" s="16">
        <v>321012</v>
      </c>
      <c r="H270" s="16">
        <v>16111</v>
      </c>
      <c r="I270" s="16">
        <v>266074</v>
      </c>
      <c r="J270" s="16">
        <v>8420</v>
      </c>
      <c r="K270" s="16">
        <v>26909</v>
      </c>
      <c r="L270" s="16">
        <v>3498</v>
      </c>
    </row>
    <row r="271" spans="1:12">
      <c r="A271" s="21" t="s">
        <v>232</v>
      </c>
      <c r="B271" s="21" t="s">
        <v>237</v>
      </c>
      <c r="C271" s="21" t="s">
        <v>264</v>
      </c>
      <c r="D271" s="21" t="s">
        <v>536</v>
      </c>
      <c r="E271" s="21" t="s">
        <v>214</v>
      </c>
      <c r="F271" s="21" t="s">
        <v>401</v>
      </c>
      <c r="G271" s="16">
        <v>242940</v>
      </c>
      <c r="H271" s="16">
        <v>92896</v>
      </c>
      <c r="I271" s="16">
        <v>17550</v>
      </c>
      <c r="J271" s="16">
        <v>52485</v>
      </c>
      <c r="K271" s="16">
        <v>37004</v>
      </c>
      <c r="L271" s="16">
        <v>43005</v>
      </c>
    </row>
    <row r="272" spans="1:12">
      <c r="A272" s="21" t="s">
        <v>232</v>
      </c>
      <c r="B272" s="21" t="s">
        <v>237</v>
      </c>
      <c r="C272" s="21" t="s">
        <v>264</v>
      </c>
      <c r="D272" s="21" t="s">
        <v>536</v>
      </c>
      <c r="E272" s="21" t="s">
        <v>214</v>
      </c>
      <c r="F272" s="21" t="s">
        <v>514</v>
      </c>
      <c r="G272" s="16">
        <v>4</v>
      </c>
      <c r="H272" s="16">
        <v>4</v>
      </c>
      <c r="I272" s="22" t="s">
        <v>268</v>
      </c>
      <c r="J272" s="22" t="s">
        <v>268</v>
      </c>
      <c r="K272" s="22" t="s">
        <v>268</v>
      </c>
      <c r="L272" s="22" t="s">
        <v>268</v>
      </c>
    </row>
    <row r="273" spans="1:12">
      <c r="A273" s="21" t="s">
        <v>232</v>
      </c>
      <c r="B273" s="21" t="s">
        <v>237</v>
      </c>
      <c r="C273" s="21" t="s">
        <v>264</v>
      </c>
      <c r="D273" s="21" t="s">
        <v>536</v>
      </c>
      <c r="E273" s="21" t="s">
        <v>214</v>
      </c>
      <c r="F273" s="21" t="s">
        <v>515</v>
      </c>
      <c r="G273" s="16">
        <v>3972</v>
      </c>
      <c r="H273" s="16">
        <v>3739</v>
      </c>
      <c r="I273" s="16">
        <v>24</v>
      </c>
      <c r="J273" s="16">
        <v>4</v>
      </c>
      <c r="K273" s="16">
        <v>1</v>
      </c>
      <c r="L273" s="16">
        <v>204</v>
      </c>
    </row>
    <row r="274" spans="1:12">
      <c r="A274" s="21" t="s">
        <v>232</v>
      </c>
      <c r="B274" s="21" t="s">
        <v>237</v>
      </c>
      <c r="C274" s="21" t="s">
        <v>264</v>
      </c>
      <c r="D274" s="21" t="s">
        <v>536</v>
      </c>
      <c r="E274" s="21" t="s">
        <v>214</v>
      </c>
      <c r="F274" s="21" t="s">
        <v>516</v>
      </c>
      <c r="G274" s="16">
        <v>19174</v>
      </c>
      <c r="H274" s="16">
        <v>16922</v>
      </c>
      <c r="I274" s="16">
        <v>166</v>
      </c>
      <c r="J274" s="16">
        <v>14</v>
      </c>
      <c r="K274" s="16">
        <v>35</v>
      </c>
      <c r="L274" s="16">
        <v>2037</v>
      </c>
    </row>
    <row r="275" spans="1:12">
      <c r="A275" s="21" t="s">
        <v>232</v>
      </c>
      <c r="B275" s="21" t="s">
        <v>237</v>
      </c>
      <c r="C275" s="21" t="s">
        <v>264</v>
      </c>
      <c r="D275" s="21" t="s">
        <v>536</v>
      </c>
      <c r="E275" s="21" t="s">
        <v>214</v>
      </c>
      <c r="F275" s="21" t="s">
        <v>517</v>
      </c>
      <c r="G275" s="16">
        <v>16633</v>
      </c>
      <c r="H275" s="16">
        <v>13142</v>
      </c>
      <c r="I275" s="16">
        <v>686</v>
      </c>
      <c r="J275" s="16">
        <v>11</v>
      </c>
      <c r="K275" s="16">
        <v>240</v>
      </c>
      <c r="L275" s="16">
        <v>2554</v>
      </c>
    </row>
    <row r="276" spans="1:12">
      <c r="A276" s="21" t="s">
        <v>232</v>
      </c>
      <c r="B276" s="21" t="s">
        <v>237</v>
      </c>
      <c r="C276" s="21" t="s">
        <v>264</v>
      </c>
      <c r="D276" s="21" t="s">
        <v>536</v>
      </c>
      <c r="E276" s="21" t="s">
        <v>214</v>
      </c>
      <c r="F276" s="21" t="s">
        <v>518</v>
      </c>
      <c r="G276" s="16">
        <v>11732</v>
      </c>
      <c r="H276" s="16">
        <v>8177</v>
      </c>
      <c r="I276" s="16">
        <v>1018</v>
      </c>
      <c r="J276" s="16">
        <v>21</v>
      </c>
      <c r="K276" s="16">
        <v>556</v>
      </c>
      <c r="L276" s="16">
        <v>1960</v>
      </c>
    </row>
    <row r="277" spans="1:12">
      <c r="A277" s="21" t="s">
        <v>232</v>
      </c>
      <c r="B277" s="21" t="s">
        <v>237</v>
      </c>
      <c r="C277" s="21" t="s">
        <v>264</v>
      </c>
      <c r="D277" s="21" t="s">
        <v>536</v>
      </c>
      <c r="E277" s="21" t="s">
        <v>214</v>
      </c>
      <c r="F277" s="21" t="s">
        <v>519</v>
      </c>
      <c r="G277" s="16">
        <v>10034</v>
      </c>
      <c r="H277" s="16">
        <v>6257</v>
      </c>
      <c r="I277" s="16">
        <v>1005</v>
      </c>
      <c r="J277" s="16">
        <v>34</v>
      </c>
      <c r="K277" s="16">
        <v>906</v>
      </c>
      <c r="L277" s="16">
        <v>1832</v>
      </c>
    </row>
    <row r="278" spans="1:12">
      <c r="A278" s="21" t="s">
        <v>232</v>
      </c>
      <c r="B278" s="21" t="s">
        <v>237</v>
      </c>
      <c r="C278" s="21" t="s">
        <v>264</v>
      </c>
      <c r="D278" s="21" t="s">
        <v>536</v>
      </c>
      <c r="E278" s="21" t="s">
        <v>214</v>
      </c>
      <c r="F278" s="21" t="s">
        <v>520</v>
      </c>
      <c r="G278" s="16">
        <v>10474</v>
      </c>
      <c r="H278" s="16">
        <v>5967</v>
      </c>
      <c r="I278" s="16">
        <v>1202</v>
      </c>
      <c r="J278" s="16">
        <v>66</v>
      </c>
      <c r="K278" s="16">
        <v>1453</v>
      </c>
      <c r="L278" s="16">
        <v>1786</v>
      </c>
    </row>
    <row r="279" spans="1:12">
      <c r="A279" s="21" t="s">
        <v>232</v>
      </c>
      <c r="B279" s="21" t="s">
        <v>237</v>
      </c>
      <c r="C279" s="21" t="s">
        <v>264</v>
      </c>
      <c r="D279" s="21" t="s">
        <v>536</v>
      </c>
      <c r="E279" s="21" t="s">
        <v>214</v>
      </c>
      <c r="F279" s="21" t="s">
        <v>521</v>
      </c>
      <c r="G279" s="16">
        <v>12709</v>
      </c>
      <c r="H279" s="16">
        <v>6339</v>
      </c>
      <c r="I279" s="16">
        <v>1872</v>
      </c>
      <c r="J279" s="16">
        <v>176</v>
      </c>
      <c r="K279" s="16">
        <v>2469</v>
      </c>
      <c r="L279" s="16">
        <v>1853</v>
      </c>
    </row>
    <row r="280" spans="1:12">
      <c r="A280" s="21" t="s">
        <v>232</v>
      </c>
      <c r="B280" s="21" t="s">
        <v>237</v>
      </c>
      <c r="C280" s="21" t="s">
        <v>264</v>
      </c>
      <c r="D280" s="21" t="s">
        <v>536</v>
      </c>
      <c r="E280" s="21" t="s">
        <v>214</v>
      </c>
      <c r="F280" s="21" t="s">
        <v>522</v>
      </c>
      <c r="G280" s="16">
        <v>13278</v>
      </c>
      <c r="H280" s="16">
        <v>5653</v>
      </c>
      <c r="I280" s="16">
        <v>2269</v>
      </c>
      <c r="J280" s="16">
        <v>402</v>
      </c>
      <c r="K280" s="16">
        <v>3410</v>
      </c>
      <c r="L280" s="16">
        <v>1544</v>
      </c>
    </row>
    <row r="281" spans="1:12">
      <c r="A281" s="21" t="s">
        <v>232</v>
      </c>
      <c r="B281" s="21" t="s">
        <v>237</v>
      </c>
      <c r="C281" s="21" t="s">
        <v>264</v>
      </c>
      <c r="D281" s="21" t="s">
        <v>536</v>
      </c>
      <c r="E281" s="21" t="s">
        <v>214</v>
      </c>
      <c r="F281" s="21" t="s">
        <v>523</v>
      </c>
      <c r="G281" s="16">
        <v>14817</v>
      </c>
      <c r="H281" s="16">
        <v>5521</v>
      </c>
      <c r="I281" s="16">
        <v>2524</v>
      </c>
      <c r="J281" s="16">
        <v>937</v>
      </c>
      <c r="K281" s="16">
        <v>4459</v>
      </c>
      <c r="L281" s="16">
        <v>1376</v>
      </c>
    </row>
    <row r="282" spans="1:12">
      <c r="A282" s="21" t="s">
        <v>232</v>
      </c>
      <c r="B282" s="21" t="s">
        <v>237</v>
      </c>
      <c r="C282" s="21" t="s">
        <v>264</v>
      </c>
      <c r="D282" s="21" t="s">
        <v>536</v>
      </c>
      <c r="E282" s="21" t="s">
        <v>214</v>
      </c>
      <c r="F282" s="21" t="s">
        <v>524</v>
      </c>
      <c r="G282" s="16">
        <v>16638</v>
      </c>
      <c r="H282" s="16">
        <v>5995</v>
      </c>
      <c r="I282" s="16">
        <v>1677</v>
      </c>
      <c r="J282" s="16">
        <v>2096</v>
      </c>
      <c r="K282" s="16">
        <v>5559</v>
      </c>
      <c r="L282" s="16">
        <v>1311</v>
      </c>
    </row>
    <row r="283" spans="1:12">
      <c r="A283" s="21" t="s">
        <v>232</v>
      </c>
      <c r="B283" s="21" t="s">
        <v>237</v>
      </c>
      <c r="C283" s="21" t="s">
        <v>264</v>
      </c>
      <c r="D283" s="21" t="s">
        <v>536</v>
      </c>
      <c r="E283" s="21" t="s">
        <v>214</v>
      </c>
      <c r="F283" s="21" t="s">
        <v>525</v>
      </c>
      <c r="G283" s="16">
        <v>19891</v>
      </c>
      <c r="H283" s="16">
        <v>6074</v>
      </c>
      <c r="I283" s="16">
        <v>1352</v>
      </c>
      <c r="J283" s="16">
        <v>4395</v>
      </c>
      <c r="K283" s="16">
        <v>6709</v>
      </c>
      <c r="L283" s="16">
        <v>1361</v>
      </c>
    </row>
    <row r="284" spans="1:12">
      <c r="A284" s="21" t="s">
        <v>232</v>
      </c>
      <c r="B284" s="21" t="s">
        <v>237</v>
      </c>
      <c r="C284" s="21" t="s">
        <v>264</v>
      </c>
      <c r="D284" s="21" t="s">
        <v>536</v>
      </c>
      <c r="E284" s="21" t="s">
        <v>214</v>
      </c>
      <c r="F284" s="21" t="s">
        <v>526</v>
      </c>
      <c r="G284" s="16">
        <v>20715</v>
      </c>
      <c r="H284" s="16">
        <v>4678</v>
      </c>
      <c r="I284" s="16">
        <v>1201</v>
      </c>
      <c r="J284" s="16">
        <v>7598</v>
      </c>
      <c r="K284" s="16">
        <v>5912</v>
      </c>
      <c r="L284" s="16">
        <v>1326</v>
      </c>
    </row>
    <row r="285" spans="1:12">
      <c r="A285" s="21" t="s">
        <v>232</v>
      </c>
      <c r="B285" s="21" t="s">
        <v>237</v>
      </c>
      <c r="C285" s="21" t="s">
        <v>264</v>
      </c>
      <c r="D285" s="21" t="s">
        <v>536</v>
      </c>
      <c r="E285" s="21" t="s">
        <v>214</v>
      </c>
      <c r="F285" s="21" t="s">
        <v>527</v>
      </c>
      <c r="G285" s="16">
        <v>16458</v>
      </c>
      <c r="H285" s="16">
        <v>2184</v>
      </c>
      <c r="I285" s="16">
        <v>861</v>
      </c>
      <c r="J285" s="16">
        <v>9440</v>
      </c>
      <c r="K285" s="16">
        <v>2974</v>
      </c>
      <c r="L285" s="16">
        <v>999</v>
      </c>
    </row>
    <row r="286" spans="1:12">
      <c r="A286" s="21" t="s">
        <v>232</v>
      </c>
      <c r="B286" s="21" t="s">
        <v>237</v>
      </c>
      <c r="C286" s="21" t="s">
        <v>264</v>
      </c>
      <c r="D286" s="21" t="s">
        <v>536</v>
      </c>
      <c r="E286" s="21" t="s">
        <v>214</v>
      </c>
      <c r="F286" s="21" t="s">
        <v>528</v>
      </c>
      <c r="G286" s="16">
        <v>15829</v>
      </c>
      <c r="H286" s="16">
        <v>1228</v>
      </c>
      <c r="I286" s="16">
        <v>791</v>
      </c>
      <c r="J286" s="16">
        <v>11432</v>
      </c>
      <c r="K286" s="16">
        <v>1487</v>
      </c>
      <c r="L286" s="16">
        <v>891</v>
      </c>
    </row>
    <row r="287" spans="1:12">
      <c r="A287" s="21" t="s">
        <v>232</v>
      </c>
      <c r="B287" s="21" t="s">
        <v>237</v>
      </c>
      <c r="C287" s="21" t="s">
        <v>264</v>
      </c>
      <c r="D287" s="21" t="s">
        <v>536</v>
      </c>
      <c r="E287" s="21" t="s">
        <v>214</v>
      </c>
      <c r="F287" s="21" t="s">
        <v>529</v>
      </c>
      <c r="G287" s="16">
        <v>12626</v>
      </c>
      <c r="H287" s="16">
        <v>701</v>
      </c>
      <c r="I287" s="16">
        <v>615</v>
      </c>
      <c r="J287" s="16">
        <v>10071</v>
      </c>
      <c r="K287" s="16">
        <v>625</v>
      </c>
      <c r="L287" s="16">
        <v>614</v>
      </c>
    </row>
    <row r="288" spans="1:12">
      <c r="A288" s="21" t="s">
        <v>232</v>
      </c>
      <c r="B288" s="21" t="s">
        <v>237</v>
      </c>
      <c r="C288" s="21" t="s">
        <v>264</v>
      </c>
      <c r="D288" s="21" t="s">
        <v>536</v>
      </c>
      <c r="E288" s="21" t="s">
        <v>214</v>
      </c>
      <c r="F288" s="21" t="s">
        <v>530</v>
      </c>
      <c r="G288" s="16">
        <v>5663</v>
      </c>
      <c r="H288" s="16">
        <v>260</v>
      </c>
      <c r="I288" s="16">
        <v>246</v>
      </c>
      <c r="J288" s="16">
        <v>4734</v>
      </c>
      <c r="K288" s="16">
        <v>183</v>
      </c>
      <c r="L288" s="16">
        <v>240</v>
      </c>
    </row>
    <row r="289" spans="1:12">
      <c r="A289" s="21" t="s">
        <v>232</v>
      </c>
      <c r="B289" s="21" t="s">
        <v>237</v>
      </c>
      <c r="C289" s="21" t="s">
        <v>264</v>
      </c>
      <c r="D289" s="21" t="s">
        <v>536</v>
      </c>
      <c r="E289" s="21" t="s">
        <v>214</v>
      </c>
      <c r="F289" s="21" t="s">
        <v>531</v>
      </c>
      <c r="G289" s="16">
        <v>1132</v>
      </c>
      <c r="H289" s="16">
        <v>53</v>
      </c>
      <c r="I289" s="16">
        <v>39</v>
      </c>
      <c r="J289" s="16">
        <v>968</v>
      </c>
      <c r="K289" s="16">
        <v>26</v>
      </c>
      <c r="L289" s="16">
        <v>46</v>
      </c>
    </row>
    <row r="290" spans="1:12">
      <c r="A290" s="21" t="s">
        <v>232</v>
      </c>
      <c r="B290" s="21" t="s">
        <v>237</v>
      </c>
      <c r="C290" s="21" t="s">
        <v>264</v>
      </c>
      <c r="D290" s="21" t="s">
        <v>536</v>
      </c>
      <c r="E290" s="21" t="s">
        <v>214</v>
      </c>
      <c r="F290" s="21" t="s">
        <v>532</v>
      </c>
      <c r="G290" s="16">
        <v>96</v>
      </c>
      <c r="H290" s="16">
        <v>2</v>
      </c>
      <c r="I290" s="16">
        <v>2</v>
      </c>
      <c r="J290" s="16">
        <v>86</v>
      </c>
      <c r="K290" s="22" t="s">
        <v>268</v>
      </c>
      <c r="L290" s="16">
        <v>6</v>
      </c>
    </row>
    <row r="291" spans="1:12">
      <c r="A291" s="21" t="s">
        <v>232</v>
      </c>
      <c r="B291" s="21" t="s">
        <v>237</v>
      </c>
      <c r="C291" s="21" t="s">
        <v>264</v>
      </c>
      <c r="D291" s="21" t="s">
        <v>536</v>
      </c>
      <c r="E291" s="21" t="s">
        <v>214</v>
      </c>
      <c r="F291" s="21" t="s">
        <v>533</v>
      </c>
      <c r="G291" s="16">
        <v>21065</v>
      </c>
      <c r="H291" s="22" t="s">
        <v>268</v>
      </c>
      <c r="I291" s="22" t="s">
        <v>268</v>
      </c>
      <c r="J291" s="22" t="s">
        <v>268</v>
      </c>
      <c r="K291" s="22" t="s">
        <v>268</v>
      </c>
      <c r="L291" s="16">
        <v>21065</v>
      </c>
    </row>
    <row r="292" spans="1:12">
      <c r="A292" s="21" t="s">
        <v>232</v>
      </c>
      <c r="B292" s="21" t="s">
        <v>237</v>
      </c>
      <c r="C292" s="21" t="s">
        <v>264</v>
      </c>
      <c r="D292" s="21" t="s">
        <v>536</v>
      </c>
      <c r="E292" s="21" t="s">
        <v>214</v>
      </c>
      <c r="F292" s="21" t="s">
        <v>461</v>
      </c>
      <c r="G292" s="16">
        <v>129461</v>
      </c>
      <c r="H292" s="16">
        <v>77712</v>
      </c>
      <c r="I292" s="16">
        <v>12443</v>
      </c>
      <c r="J292" s="16">
        <v>3761</v>
      </c>
      <c r="K292" s="16">
        <v>19088</v>
      </c>
      <c r="L292" s="16">
        <v>16457</v>
      </c>
    </row>
    <row r="293" spans="1:12">
      <c r="A293" s="21" t="s">
        <v>232</v>
      </c>
      <c r="B293" s="21" t="s">
        <v>237</v>
      </c>
      <c r="C293" s="21" t="s">
        <v>264</v>
      </c>
      <c r="D293" s="21" t="s">
        <v>536</v>
      </c>
      <c r="E293" s="21" t="s">
        <v>214</v>
      </c>
      <c r="F293" s="21" t="s">
        <v>462</v>
      </c>
      <c r="G293" s="16">
        <v>92410</v>
      </c>
      <c r="H293" s="16">
        <v>15180</v>
      </c>
      <c r="I293" s="16">
        <v>5107</v>
      </c>
      <c r="J293" s="16">
        <v>48724</v>
      </c>
      <c r="K293" s="16">
        <v>17916</v>
      </c>
      <c r="L293" s="16">
        <v>5483</v>
      </c>
    </row>
    <row r="294" spans="1:12">
      <c r="A294" s="21" t="s">
        <v>232</v>
      </c>
      <c r="B294" s="21" t="s">
        <v>237</v>
      </c>
      <c r="C294" s="21" t="s">
        <v>264</v>
      </c>
      <c r="D294" s="21" t="s">
        <v>536</v>
      </c>
      <c r="E294" s="21" t="s">
        <v>214</v>
      </c>
      <c r="F294" s="21" t="s">
        <v>463</v>
      </c>
      <c r="G294" s="16">
        <v>51804</v>
      </c>
      <c r="H294" s="16">
        <v>4428</v>
      </c>
      <c r="I294" s="16">
        <v>2554</v>
      </c>
      <c r="J294" s="16">
        <v>36731</v>
      </c>
      <c r="K294" s="16">
        <v>5295</v>
      </c>
      <c r="L294" s="16">
        <v>2796</v>
      </c>
    </row>
    <row r="295" spans="1:12">
      <c r="A295" s="21" t="s">
        <v>232</v>
      </c>
      <c r="B295" s="21" t="s">
        <v>237</v>
      </c>
      <c r="C295" s="21" t="s">
        <v>264</v>
      </c>
      <c r="D295" s="21" t="s">
        <v>536</v>
      </c>
      <c r="E295" s="21" t="s">
        <v>214</v>
      </c>
      <c r="F295" s="21" t="s">
        <v>464</v>
      </c>
      <c r="G295" s="16">
        <v>19517</v>
      </c>
      <c r="H295" s="16">
        <v>1016</v>
      </c>
      <c r="I295" s="16">
        <v>902</v>
      </c>
      <c r="J295" s="16">
        <v>15859</v>
      </c>
      <c r="K295" s="16">
        <v>834</v>
      </c>
      <c r="L295" s="16">
        <v>906</v>
      </c>
    </row>
    <row r="296" spans="1:12">
      <c r="A296" s="21" t="s">
        <v>232</v>
      </c>
      <c r="B296" s="21" t="s">
        <v>237</v>
      </c>
      <c r="C296" s="21" t="s">
        <v>264</v>
      </c>
      <c r="D296" s="21" t="s">
        <v>536</v>
      </c>
      <c r="E296" s="21" t="s">
        <v>214</v>
      </c>
      <c r="F296" s="21" t="s">
        <v>431</v>
      </c>
      <c r="G296" s="16">
        <v>145380</v>
      </c>
      <c r="H296" s="16">
        <v>80047</v>
      </c>
      <c r="I296" s="16">
        <v>13771</v>
      </c>
      <c r="J296" s="16">
        <v>8152</v>
      </c>
      <c r="K296" s="16">
        <v>25796</v>
      </c>
      <c r="L296" s="16">
        <v>17614</v>
      </c>
    </row>
    <row r="297" spans="1:12">
      <c r="A297" s="21" t="s">
        <v>232</v>
      </c>
      <c r="B297" s="21" t="s">
        <v>237</v>
      </c>
      <c r="C297" s="21" t="s">
        <v>264</v>
      </c>
      <c r="D297" s="21" t="s">
        <v>218</v>
      </c>
      <c r="E297" s="21" t="s">
        <v>214</v>
      </c>
      <c r="F297" s="21" t="s">
        <v>401</v>
      </c>
      <c r="G297" s="16">
        <v>59508</v>
      </c>
      <c r="H297" s="16">
        <v>18634</v>
      </c>
      <c r="I297" s="16">
        <v>8328</v>
      </c>
      <c r="J297" s="16">
        <v>23269</v>
      </c>
      <c r="K297" s="16">
        <v>3439</v>
      </c>
      <c r="L297" s="16">
        <v>5838</v>
      </c>
    </row>
    <row r="298" spans="1:12">
      <c r="A298" s="21" t="s">
        <v>232</v>
      </c>
      <c r="B298" s="21" t="s">
        <v>237</v>
      </c>
      <c r="C298" s="21" t="s">
        <v>264</v>
      </c>
      <c r="D298" s="21" t="s">
        <v>218</v>
      </c>
      <c r="E298" s="21" t="s">
        <v>214</v>
      </c>
      <c r="F298" s="21" t="s">
        <v>514</v>
      </c>
      <c r="G298" s="16">
        <v>812</v>
      </c>
      <c r="H298" s="16">
        <v>812</v>
      </c>
      <c r="I298" s="22" t="s">
        <v>268</v>
      </c>
      <c r="J298" s="22" t="s">
        <v>268</v>
      </c>
      <c r="K298" s="22" t="s">
        <v>268</v>
      </c>
      <c r="L298" s="22" t="s">
        <v>268</v>
      </c>
    </row>
    <row r="299" spans="1:12">
      <c r="A299" s="21" t="s">
        <v>232</v>
      </c>
      <c r="B299" s="21" t="s">
        <v>237</v>
      </c>
      <c r="C299" s="21" t="s">
        <v>264</v>
      </c>
      <c r="D299" s="21" t="s">
        <v>218</v>
      </c>
      <c r="E299" s="21" t="s">
        <v>214</v>
      </c>
      <c r="F299" s="21" t="s">
        <v>515</v>
      </c>
      <c r="G299" s="16">
        <v>4439</v>
      </c>
      <c r="H299" s="16">
        <v>4425</v>
      </c>
      <c r="I299" s="16">
        <v>5</v>
      </c>
      <c r="J299" s="22" t="s">
        <v>268</v>
      </c>
      <c r="K299" s="22" t="s">
        <v>268</v>
      </c>
      <c r="L299" s="16">
        <v>9</v>
      </c>
    </row>
    <row r="300" spans="1:12">
      <c r="A300" s="21" t="s">
        <v>232</v>
      </c>
      <c r="B300" s="21" t="s">
        <v>237</v>
      </c>
      <c r="C300" s="21" t="s">
        <v>264</v>
      </c>
      <c r="D300" s="21" t="s">
        <v>218</v>
      </c>
      <c r="E300" s="21" t="s">
        <v>214</v>
      </c>
      <c r="F300" s="21" t="s">
        <v>516</v>
      </c>
      <c r="G300" s="16">
        <v>1492</v>
      </c>
      <c r="H300" s="16">
        <v>1449</v>
      </c>
      <c r="I300" s="16">
        <v>17</v>
      </c>
      <c r="J300" s="16">
        <v>1</v>
      </c>
      <c r="K300" s="16">
        <v>5</v>
      </c>
      <c r="L300" s="16">
        <v>20</v>
      </c>
    </row>
    <row r="301" spans="1:12">
      <c r="A301" s="21" t="s">
        <v>232</v>
      </c>
      <c r="B301" s="21" t="s">
        <v>237</v>
      </c>
      <c r="C301" s="21" t="s">
        <v>264</v>
      </c>
      <c r="D301" s="21" t="s">
        <v>218</v>
      </c>
      <c r="E301" s="21" t="s">
        <v>214</v>
      </c>
      <c r="F301" s="21" t="s">
        <v>517</v>
      </c>
      <c r="G301" s="16">
        <v>705</v>
      </c>
      <c r="H301" s="16">
        <v>651</v>
      </c>
      <c r="I301" s="16">
        <v>27</v>
      </c>
      <c r="J301" s="16">
        <v>2</v>
      </c>
      <c r="K301" s="16">
        <v>8</v>
      </c>
      <c r="L301" s="16">
        <v>17</v>
      </c>
    </row>
    <row r="302" spans="1:12">
      <c r="A302" s="21" t="s">
        <v>232</v>
      </c>
      <c r="B302" s="21" t="s">
        <v>237</v>
      </c>
      <c r="C302" s="21" t="s">
        <v>264</v>
      </c>
      <c r="D302" s="21" t="s">
        <v>218</v>
      </c>
      <c r="E302" s="21" t="s">
        <v>214</v>
      </c>
      <c r="F302" s="21" t="s">
        <v>518</v>
      </c>
      <c r="G302" s="16">
        <v>567</v>
      </c>
      <c r="H302" s="16">
        <v>514</v>
      </c>
      <c r="I302" s="16">
        <v>22</v>
      </c>
      <c r="J302" s="16">
        <v>1</v>
      </c>
      <c r="K302" s="16">
        <v>16</v>
      </c>
      <c r="L302" s="16">
        <v>14</v>
      </c>
    </row>
    <row r="303" spans="1:12">
      <c r="A303" s="21" t="s">
        <v>232</v>
      </c>
      <c r="B303" s="21" t="s">
        <v>237</v>
      </c>
      <c r="C303" s="21" t="s">
        <v>264</v>
      </c>
      <c r="D303" s="21" t="s">
        <v>218</v>
      </c>
      <c r="E303" s="21" t="s">
        <v>214</v>
      </c>
      <c r="F303" s="21" t="s">
        <v>519</v>
      </c>
      <c r="G303" s="16">
        <v>634</v>
      </c>
      <c r="H303" s="16">
        <v>536</v>
      </c>
      <c r="I303" s="16">
        <v>35</v>
      </c>
      <c r="J303" s="22" t="s">
        <v>268</v>
      </c>
      <c r="K303" s="16">
        <v>37</v>
      </c>
      <c r="L303" s="16">
        <v>26</v>
      </c>
    </row>
    <row r="304" spans="1:12">
      <c r="A304" s="21" t="s">
        <v>232</v>
      </c>
      <c r="B304" s="21" t="s">
        <v>237</v>
      </c>
      <c r="C304" s="21" t="s">
        <v>264</v>
      </c>
      <c r="D304" s="21" t="s">
        <v>218</v>
      </c>
      <c r="E304" s="21" t="s">
        <v>214</v>
      </c>
      <c r="F304" s="21" t="s">
        <v>520</v>
      </c>
      <c r="G304" s="16">
        <v>719</v>
      </c>
      <c r="H304" s="16">
        <v>596</v>
      </c>
      <c r="I304" s="16">
        <v>46</v>
      </c>
      <c r="J304" s="16">
        <v>2</v>
      </c>
      <c r="K304" s="16">
        <v>47</v>
      </c>
      <c r="L304" s="16">
        <v>28</v>
      </c>
    </row>
    <row r="305" spans="1:12">
      <c r="A305" s="21" t="s">
        <v>232</v>
      </c>
      <c r="B305" s="21" t="s">
        <v>237</v>
      </c>
      <c r="C305" s="21" t="s">
        <v>264</v>
      </c>
      <c r="D305" s="21" t="s">
        <v>218</v>
      </c>
      <c r="E305" s="21" t="s">
        <v>214</v>
      </c>
      <c r="F305" s="21" t="s">
        <v>521</v>
      </c>
      <c r="G305" s="16">
        <v>896</v>
      </c>
      <c r="H305" s="16">
        <v>735</v>
      </c>
      <c r="I305" s="16">
        <v>54</v>
      </c>
      <c r="J305" s="16">
        <v>4</v>
      </c>
      <c r="K305" s="16">
        <v>67</v>
      </c>
      <c r="L305" s="16">
        <v>36</v>
      </c>
    </row>
    <row r="306" spans="1:12">
      <c r="A306" s="21" t="s">
        <v>232</v>
      </c>
      <c r="B306" s="21" t="s">
        <v>237</v>
      </c>
      <c r="C306" s="21" t="s">
        <v>264</v>
      </c>
      <c r="D306" s="21" t="s">
        <v>218</v>
      </c>
      <c r="E306" s="21" t="s">
        <v>214</v>
      </c>
      <c r="F306" s="21" t="s">
        <v>522</v>
      </c>
      <c r="G306" s="16">
        <v>1033</v>
      </c>
      <c r="H306" s="16">
        <v>792</v>
      </c>
      <c r="I306" s="16">
        <v>59</v>
      </c>
      <c r="J306" s="16">
        <v>8</v>
      </c>
      <c r="K306" s="16">
        <v>118</v>
      </c>
      <c r="L306" s="16">
        <v>56</v>
      </c>
    </row>
    <row r="307" spans="1:12">
      <c r="A307" s="21" t="s">
        <v>232</v>
      </c>
      <c r="B307" s="21" t="s">
        <v>237</v>
      </c>
      <c r="C307" s="21" t="s">
        <v>264</v>
      </c>
      <c r="D307" s="21" t="s">
        <v>218</v>
      </c>
      <c r="E307" s="21" t="s">
        <v>214</v>
      </c>
      <c r="F307" s="21" t="s">
        <v>523</v>
      </c>
      <c r="G307" s="16">
        <v>1201</v>
      </c>
      <c r="H307" s="16">
        <v>865</v>
      </c>
      <c r="I307" s="16">
        <v>88</v>
      </c>
      <c r="J307" s="16">
        <v>25</v>
      </c>
      <c r="K307" s="16">
        <v>156</v>
      </c>
      <c r="L307" s="16">
        <v>67</v>
      </c>
    </row>
    <row r="308" spans="1:12">
      <c r="A308" s="21" t="s">
        <v>232</v>
      </c>
      <c r="B308" s="21" t="s">
        <v>237</v>
      </c>
      <c r="C308" s="21" t="s">
        <v>264</v>
      </c>
      <c r="D308" s="21" t="s">
        <v>218</v>
      </c>
      <c r="E308" s="21" t="s">
        <v>214</v>
      </c>
      <c r="F308" s="21" t="s">
        <v>524</v>
      </c>
      <c r="G308" s="16">
        <v>1720</v>
      </c>
      <c r="H308" s="16">
        <v>1112</v>
      </c>
      <c r="I308" s="16">
        <v>188</v>
      </c>
      <c r="J308" s="16">
        <v>61</v>
      </c>
      <c r="K308" s="16">
        <v>237</v>
      </c>
      <c r="L308" s="16">
        <v>122</v>
      </c>
    </row>
    <row r="309" spans="1:12">
      <c r="A309" s="21" t="s">
        <v>232</v>
      </c>
      <c r="B309" s="21" t="s">
        <v>237</v>
      </c>
      <c r="C309" s="21" t="s">
        <v>264</v>
      </c>
      <c r="D309" s="21" t="s">
        <v>218</v>
      </c>
      <c r="E309" s="21" t="s">
        <v>214</v>
      </c>
      <c r="F309" s="21" t="s">
        <v>525</v>
      </c>
      <c r="G309" s="16">
        <v>2598</v>
      </c>
      <c r="H309" s="16">
        <v>1437</v>
      </c>
      <c r="I309" s="16">
        <v>368</v>
      </c>
      <c r="J309" s="16">
        <v>148</v>
      </c>
      <c r="K309" s="16">
        <v>427</v>
      </c>
      <c r="L309" s="16">
        <v>218</v>
      </c>
    </row>
    <row r="310" spans="1:12">
      <c r="A310" s="21" t="s">
        <v>232</v>
      </c>
      <c r="B310" s="21" t="s">
        <v>237</v>
      </c>
      <c r="C310" s="21" t="s">
        <v>264</v>
      </c>
      <c r="D310" s="21" t="s">
        <v>218</v>
      </c>
      <c r="E310" s="21" t="s">
        <v>214</v>
      </c>
      <c r="F310" s="21" t="s">
        <v>526</v>
      </c>
      <c r="G310" s="16">
        <v>3313</v>
      </c>
      <c r="H310" s="16">
        <v>1339</v>
      </c>
      <c r="I310" s="16">
        <v>689</v>
      </c>
      <c r="J310" s="16">
        <v>424</v>
      </c>
      <c r="K310" s="16">
        <v>537</v>
      </c>
      <c r="L310" s="16">
        <v>324</v>
      </c>
    </row>
    <row r="311" spans="1:12">
      <c r="A311" s="21" t="s">
        <v>232</v>
      </c>
      <c r="B311" s="21" t="s">
        <v>237</v>
      </c>
      <c r="C311" s="21" t="s">
        <v>264</v>
      </c>
      <c r="D311" s="21" t="s">
        <v>218</v>
      </c>
      <c r="E311" s="21" t="s">
        <v>214</v>
      </c>
      <c r="F311" s="21" t="s">
        <v>527</v>
      </c>
      <c r="G311" s="16">
        <v>4004</v>
      </c>
      <c r="H311" s="16">
        <v>897</v>
      </c>
      <c r="I311" s="16">
        <v>1105</v>
      </c>
      <c r="J311" s="16">
        <v>1074</v>
      </c>
      <c r="K311" s="16">
        <v>511</v>
      </c>
      <c r="L311" s="16">
        <v>417</v>
      </c>
    </row>
    <row r="312" spans="1:12">
      <c r="A312" s="21" t="s">
        <v>232</v>
      </c>
      <c r="B312" s="21" t="s">
        <v>237</v>
      </c>
      <c r="C312" s="21" t="s">
        <v>264</v>
      </c>
      <c r="D312" s="21" t="s">
        <v>218</v>
      </c>
      <c r="E312" s="21" t="s">
        <v>214</v>
      </c>
      <c r="F312" s="21" t="s">
        <v>528</v>
      </c>
      <c r="G312" s="16">
        <v>6920</v>
      </c>
      <c r="H312" s="16">
        <v>842</v>
      </c>
      <c r="I312" s="16">
        <v>1783</v>
      </c>
      <c r="J312" s="16">
        <v>3008</v>
      </c>
      <c r="K312" s="16">
        <v>510</v>
      </c>
      <c r="L312" s="16">
        <v>777</v>
      </c>
    </row>
    <row r="313" spans="1:12">
      <c r="A313" s="21" t="s">
        <v>232</v>
      </c>
      <c r="B313" s="21" t="s">
        <v>237</v>
      </c>
      <c r="C313" s="21" t="s">
        <v>264</v>
      </c>
      <c r="D313" s="21" t="s">
        <v>218</v>
      </c>
      <c r="E313" s="21" t="s">
        <v>214</v>
      </c>
      <c r="F313" s="21" t="s">
        <v>529</v>
      </c>
      <c r="G313" s="16">
        <v>11217</v>
      </c>
      <c r="H313" s="16">
        <v>753</v>
      </c>
      <c r="I313" s="16">
        <v>2298</v>
      </c>
      <c r="J313" s="16">
        <v>6437</v>
      </c>
      <c r="K313" s="16">
        <v>421</v>
      </c>
      <c r="L313" s="16">
        <v>1308</v>
      </c>
    </row>
    <row r="314" spans="1:12">
      <c r="A314" s="21" t="s">
        <v>232</v>
      </c>
      <c r="B314" s="21" t="s">
        <v>237</v>
      </c>
      <c r="C314" s="21" t="s">
        <v>264</v>
      </c>
      <c r="D314" s="21" t="s">
        <v>218</v>
      </c>
      <c r="E314" s="21" t="s">
        <v>214</v>
      </c>
      <c r="F314" s="21" t="s">
        <v>530</v>
      </c>
      <c r="G314" s="16">
        <v>10630</v>
      </c>
      <c r="H314" s="16">
        <v>592</v>
      </c>
      <c r="I314" s="16">
        <v>1237</v>
      </c>
      <c r="J314" s="16">
        <v>7328</v>
      </c>
      <c r="K314" s="16">
        <v>245</v>
      </c>
      <c r="L314" s="16">
        <v>1228</v>
      </c>
    </row>
    <row r="315" spans="1:12">
      <c r="A315" s="21" t="s">
        <v>232</v>
      </c>
      <c r="B315" s="21" t="s">
        <v>237</v>
      </c>
      <c r="C315" s="21" t="s">
        <v>264</v>
      </c>
      <c r="D315" s="21" t="s">
        <v>218</v>
      </c>
      <c r="E315" s="21" t="s">
        <v>214</v>
      </c>
      <c r="F315" s="21" t="s">
        <v>531</v>
      </c>
      <c r="G315" s="16">
        <v>5021</v>
      </c>
      <c r="H315" s="16">
        <v>257</v>
      </c>
      <c r="I315" s="16">
        <v>274</v>
      </c>
      <c r="J315" s="16">
        <v>3856</v>
      </c>
      <c r="K315" s="16">
        <v>83</v>
      </c>
      <c r="L315" s="16">
        <v>551</v>
      </c>
    </row>
    <row r="316" spans="1:12">
      <c r="A316" s="21" t="s">
        <v>232</v>
      </c>
      <c r="B316" s="21" t="s">
        <v>237</v>
      </c>
      <c r="C316" s="21" t="s">
        <v>264</v>
      </c>
      <c r="D316" s="21" t="s">
        <v>218</v>
      </c>
      <c r="E316" s="21" t="s">
        <v>214</v>
      </c>
      <c r="F316" s="21" t="s">
        <v>532</v>
      </c>
      <c r="G316" s="16">
        <v>1087</v>
      </c>
      <c r="H316" s="16">
        <v>30</v>
      </c>
      <c r="I316" s="16">
        <v>33</v>
      </c>
      <c r="J316" s="16">
        <v>890</v>
      </c>
      <c r="K316" s="16">
        <v>14</v>
      </c>
      <c r="L316" s="16">
        <v>120</v>
      </c>
    </row>
    <row r="317" spans="1:12">
      <c r="A317" s="21" t="s">
        <v>232</v>
      </c>
      <c r="B317" s="21" t="s">
        <v>237</v>
      </c>
      <c r="C317" s="21" t="s">
        <v>264</v>
      </c>
      <c r="D317" s="21" t="s">
        <v>218</v>
      </c>
      <c r="E317" s="21" t="s">
        <v>214</v>
      </c>
      <c r="F317" s="21" t="s">
        <v>533</v>
      </c>
      <c r="G317" s="16">
        <v>500</v>
      </c>
      <c r="H317" s="22" t="s">
        <v>268</v>
      </c>
      <c r="I317" s="22" t="s">
        <v>268</v>
      </c>
      <c r="J317" s="22" t="s">
        <v>268</v>
      </c>
      <c r="K317" s="22" t="s">
        <v>268</v>
      </c>
      <c r="L317" s="16">
        <v>500</v>
      </c>
    </row>
    <row r="318" spans="1:12">
      <c r="A318" s="21" t="s">
        <v>232</v>
      </c>
      <c r="B318" s="21" t="s">
        <v>237</v>
      </c>
      <c r="C318" s="21" t="s">
        <v>264</v>
      </c>
      <c r="D318" s="21" t="s">
        <v>218</v>
      </c>
      <c r="E318" s="21" t="s">
        <v>214</v>
      </c>
      <c r="F318" s="21" t="s">
        <v>461</v>
      </c>
      <c r="G318" s="16">
        <v>13406</v>
      </c>
      <c r="H318" s="16">
        <v>11675</v>
      </c>
      <c r="I318" s="16">
        <v>541</v>
      </c>
      <c r="J318" s="16">
        <v>104</v>
      </c>
      <c r="K318" s="16">
        <v>691</v>
      </c>
      <c r="L318" s="16">
        <v>395</v>
      </c>
    </row>
    <row r="319" spans="1:12">
      <c r="A319" s="21" t="s">
        <v>232</v>
      </c>
      <c r="B319" s="21" t="s">
        <v>237</v>
      </c>
      <c r="C319" s="21" t="s">
        <v>264</v>
      </c>
      <c r="D319" s="21" t="s">
        <v>218</v>
      </c>
      <c r="E319" s="21" t="s">
        <v>214</v>
      </c>
      <c r="F319" s="21" t="s">
        <v>462</v>
      </c>
      <c r="G319" s="16">
        <v>44790</v>
      </c>
      <c r="H319" s="16">
        <v>6147</v>
      </c>
      <c r="I319" s="16">
        <v>7787</v>
      </c>
      <c r="J319" s="16">
        <v>23165</v>
      </c>
      <c r="K319" s="16">
        <v>2748</v>
      </c>
      <c r="L319" s="16">
        <v>4943</v>
      </c>
    </row>
    <row r="320" spans="1:12">
      <c r="A320" s="21" t="s">
        <v>232</v>
      </c>
      <c r="B320" s="21" t="s">
        <v>237</v>
      </c>
      <c r="C320" s="21" t="s">
        <v>264</v>
      </c>
      <c r="D320" s="21" t="s">
        <v>218</v>
      </c>
      <c r="E320" s="21" t="s">
        <v>214</v>
      </c>
      <c r="F320" s="21" t="s">
        <v>463</v>
      </c>
      <c r="G320" s="16">
        <v>38879</v>
      </c>
      <c r="H320" s="16">
        <v>3371</v>
      </c>
      <c r="I320" s="16">
        <v>6730</v>
      </c>
      <c r="J320" s="16">
        <v>22593</v>
      </c>
      <c r="K320" s="16">
        <v>1784</v>
      </c>
      <c r="L320" s="16">
        <v>4401</v>
      </c>
    </row>
    <row r="321" spans="1:12">
      <c r="A321" s="21" t="s">
        <v>232</v>
      </c>
      <c r="B321" s="21" t="s">
        <v>237</v>
      </c>
      <c r="C321" s="21" t="s">
        <v>264</v>
      </c>
      <c r="D321" s="21" t="s">
        <v>218</v>
      </c>
      <c r="E321" s="21" t="s">
        <v>214</v>
      </c>
      <c r="F321" s="21" t="s">
        <v>464</v>
      </c>
      <c r="G321" s="16">
        <v>27955</v>
      </c>
      <c r="H321" s="16">
        <v>1632</v>
      </c>
      <c r="I321" s="16">
        <v>3842</v>
      </c>
      <c r="J321" s="16">
        <v>18511</v>
      </c>
      <c r="K321" s="16">
        <v>763</v>
      </c>
      <c r="L321" s="16">
        <v>3207</v>
      </c>
    </row>
    <row r="322" spans="1:12">
      <c r="A322" s="21" t="s">
        <v>232</v>
      </c>
      <c r="B322" s="21" t="s">
        <v>237</v>
      </c>
      <c r="C322" s="21" t="s">
        <v>264</v>
      </c>
      <c r="D322" s="21" t="s">
        <v>218</v>
      </c>
      <c r="E322" s="21" t="s">
        <v>214</v>
      </c>
      <c r="F322" s="21" t="s">
        <v>431</v>
      </c>
      <c r="G322" s="16">
        <v>11565</v>
      </c>
      <c r="H322" s="16">
        <v>8687</v>
      </c>
      <c r="I322" s="16">
        <v>904</v>
      </c>
      <c r="J322" s="16">
        <v>252</v>
      </c>
      <c r="K322" s="16">
        <v>1118</v>
      </c>
      <c r="L322" s="16">
        <v>604</v>
      </c>
    </row>
    <row r="323" spans="1:12">
      <c r="A323" s="21" t="s">
        <v>240</v>
      </c>
      <c r="B323" s="21" t="s">
        <v>237</v>
      </c>
      <c r="C323" s="21" t="s">
        <v>265</v>
      </c>
      <c r="D323" s="21" t="s">
        <v>214</v>
      </c>
      <c r="E323" s="21" t="s">
        <v>214</v>
      </c>
      <c r="F323" s="21" t="s">
        <v>401</v>
      </c>
      <c r="G323" s="16">
        <v>123067</v>
      </c>
      <c r="H323" s="16">
        <v>40103</v>
      </c>
      <c r="I323" s="16">
        <v>59877</v>
      </c>
      <c r="J323" s="16">
        <v>12146</v>
      </c>
      <c r="K323" s="16">
        <v>7847</v>
      </c>
      <c r="L323" s="16">
        <v>3094</v>
      </c>
    </row>
    <row r="324" spans="1:12">
      <c r="A324" s="21" t="s">
        <v>240</v>
      </c>
      <c r="B324" s="21" t="s">
        <v>237</v>
      </c>
      <c r="C324" s="21" t="s">
        <v>265</v>
      </c>
      <c r="D324" s="21" t="s">
        <v>214</v>
      </c>
      <c r="E324" s="21" t="s">
        <v>214</v>
      </c>
      <c r="F324" s="21" t="s">
        <v>514</v>
      </c>
      <c r="G324" s="16">
        <v>14679</v>
      </c>
      <c r="H324" s="16">
        <v>14679</v>
      </c>
      <c r="I324" s="22" t="s">
        <v>268</v>
      </c>
      <c r="J324" s="22" t="s">
        <v>268</v>
      </c>
      <c r="K324" s="22" t="s">
        <v>268</v>
      </c>
      <c r="L324" s="22" t="s">
        <v>268</v>
      </c>
    </row>
    <row r="325" spans="1:12">
      <c r="A325" s="21" t="s">
        <v>240</v>
      </c>
      <c r="B325" s="21" t="s">
        <v>237</v>
      </c>
      <c r="C325" s="21" t="s">
        <v>265</v>
      </c>
      <c r="D325" s="21" t="s">
        <v>214</v>
      </c>
      <c r="E325" s="21" t="s">
        <v>214</v>
      </c>
      <c r="F325" s="21" t="s">
        <v>515</v>
      </c>
      <c r="G325" s="16">
        <v>5769</v>
      </c>
      <c r="H325" s="16">
        <v>5732</v>
      </c>
      <c r="I325" s="16">
        <v>23</v>
      </c>
      <c r="J325" s="22" t="s">
        <v>268</v>
      </c>
      <c r="K325" s="16">
        <v>4</v>
      </c>
      <c r="L325" s="16">
        <v>10</v>
      </c>
    </row>
    <row r="326" spans="1:12">
      <c r="A326" s="21" t="s">
        <v>240</v>
      </c>
      <c r="B326" s="21" t="s">
        <v>237</v>
      </c>
      <c r="C326" s="21" t="s">
        <v>265</v>
      </c>
      <c r="D326" s="21" t="s">
        <v>214</v>
      </c>
      <c r="E326" s="21" t="s">
        <v>214</v>
      </c>
      <c r="F326" s="21" t="s">
        <v>516</v>
      </c>
      <c r="G326" s="16">
        <v>4392</v>
      </c>
      <c r="H326" s="16">
        <v>3826</v>
      </c>
      <c r="I326" s="16">
        <v>400</v>
      </c>
      <c r="J326" s="16">
        <v>1</v>
      </c>
      <c r="K326" s="16">
        <v>39</v>
      </c>
      <c r="L326" s="16">
        <v>126</v>
      </c>
    </row>
    <row r="327" spans="1:12">
      <c r="A327" s="21" t="s">
        <v>240</v>
      </c>
      <c r="B327" s="21" t="s">
        <v>237</v>
      </c>
      <c r="C327" s="21" t="s">
        <v>265</v>
      </c>
      <c r="D327" s="21" t="s">
        <v>214</v>
      </c>
      <c r="E327" s="21" t="s">
        <v>214</v>
      </c>
      <c r="F327" s="21" t="s">
        <v>517</v>
      </c>
      <c r="G327" s="16">
        <v>4790</v>
      </c>
      <c r="H327" s="16">
        <v>2880</v>
      </c>
      <c r="I327" s="16">
        <v>1566</v>
      </c>
      <c r="J327" s="16">
        <v>3</v>
      </c>
      <c r="K327" s="16">
        <v>151</v>
      </c>
      <c r="L327" s="16">
        <v>190</v>
      </c>
    </row>
    <row r="328" spans="1:12">
      <c r="A328" s="21" t="s">
        <v>240</v>
      </c>
      <c r="B328" s="21" t="s">
        <v>237</v>
      </c>
      <c r="C328" s="21" t="s">
        <v>265</v>
      </c>
      <c r="D328" s="21" t="s">
        <v>214</v>
      </c>
      <c r="E328" s="21" t="s">
        <v>214</v>
      </c>
      <c r="F328" s="21" t="s">
        <v>518</v>
      </c>
      <c r="G328" s="16">
        <v>5519</v>
      </c>
      <c r="H328" s="16">
        <v>2125</v>
      </c>
      <c r="I328" s="16">
        <v>2924</v>
      </c>
      <c r="J328" s="16">
        <v>11</v>
      </c>
      <c r="K328" s="16">
        <v>310</v>
      </c>
      <c r="L328" s="16">
        <v>149</v>
      </c>
    </row>
    <row r="329" spans="1:12">
      <c r="A329" s="21" t="s">
        <v>240</v>
      </c>
      <c r="B329" s="21" t="s">
        <v>237</v>
      </c>
      <c r="C329" s="21" t="s">
        <v>265</v>
      </c>
      <c r="D329" s="21" t="s">
        <v>214</v>
      </c>
      <c r="E329" s="21" t="s">
        <v>214</v>
      </c>
      <c r="F329" s="21" t="s">
        <v>519</v>
      </c>
      <c r="G329" s="16">
        <v>6360</v>
      </c>
      <c r="H329" s="16">
        <v>1798</v>
      </c>
      <c r="I329" s="16">
        <v>3897</v>
      </c>
      <c r="J329" s="16">
        <v>24</v>
      </c>
      <c r="K329" s="16">
        <v>498</v>
      </c>
      <c r="L329" s="16">
        <v>143</v>
      </c>
    </row>
    <row r="330" spans="1:12">
      <c r="A330" s="21" t="s">
        <v>240</v>
      </c>
      <c r="B330" s="21" t="s">
        <v>237</v>
      </c>
      <c r="C330" s="21" t="s">
        <v>265</v>
      </c>
      <c r="D330" s="21" t="s">
        <v>214</v>
      </c>
      <c r="E330" s="21" t="s">
        <v>214</v>
      </c>
      <c r="F330" s="21" t="s">
        <v>520</v>
      </c>
      <c r="G330" s="16">
        <v>6914</v>
      </c>
      <c r="H330" s="16">
        <v>1589</v>
      </c>
      <c r="I330" s="16">
        <v>4485</v>
      </c>
      <c r="J330" s="16">
        <v>36</v>
      </c>
      <c r="K330" s="16">
        <v>650</v>
      </c>
      <c r="L330" s="16">
        <v>154</v>
      </c>
    </row>
    <row r="331" spans="1:12">
      <c r="A331" s="21" t="s">
        <v>240</v>
      </c>
      <c r="B331" s="21" t="s">
        <v>237</v>
      </c>
      <c r="C331" s="21" t="s">
        <v>265</v>
      </c>
      <c r="D331" s="21" t="s">
        <v>214</v>
      </c>
      <c r="E331" s="21" t="s">
        <v>214</v>
      </c>
      <c r="F331" s="21" t="s">
        <v>521</v>
      </c>
      <c r="G331" s="16">
        <v>7620</v>
      </c>
      <c r="H331" s="16">
        <v>1675</v>
      </c>
      <c r="I331" s="16">
        <v>4890</v>
      </c>
      <c r="J331" s="16">
        <v>63</v>
      </c>
      <c r="K331" s="16">
        <v>855</v>
      </c>
      <c r="L331" s="16">
        <v>137</v>
      </c>
    </row>
    <row r="332" spans="1:12">
      <c r="A332" s="21" t="s">
        <v>240</v>
      </c>
      <c r="B332" s="21" t="s">
        <v>237</v>
      </c>
      <c r="C332" s="21" t="s">
        <v>265</v>
      </c>
      <c r="D332" s="21" t="s">
        <v>214</v>
      </c>
      <c r="E332" s="21" t="s">
        <v>214</v>
      </c>
      <c r="F332" s="21" t="s">
        <v>522</v>
      </c>
      <c r="G332" s="16">
        <v>7331</v>
      </c>
      <c r="H332" s="16">
        <v>1402</v>
      </c>
      <c r="I332" s="16">
        <v>4830</v>
      </c>
      <c r="J332" s="16">
        <v>91</v>
      </c>
      <c r="K332" s="16">
        <v>903</v>
      </c>
      <c r="L332" s="16">
        <v>105</v>
      </c>
    </row>
    <row r="333" spans="1:12">
      <c r="A333" s="21" t="s">
        <v>240</v>
      </c>
      <c r="B333" s="21" t="s">
        <v>237</v>
      </c>
      <c r="C333" s="21" t="s">
        <v>265</v>
      </c>
      <c r="D333" s="21" t="s">
        <v>214</v>
      </c>
      <c r="E333" s="21" t="s">
        <v>214</v>
      </c>
      <c r="F333" s="21" t="s">
        <v>523</v>
      </c>
      <c r="G333" s="16">
        <v>7793</v>
      </c>
      <c r="H333" s="16">
        <v>1214</v>
      </c>
      <c r="I333" s="16">
        <v>5321</v>
      </c>
      <c r="J333" s="16">
        <v>236</v>
      </c>
      <c r="K333" s="16">
        <v>913</v>
      </c>
      <c r="L333" s="16">
        <v>109</v>
      </c>
    </row>
    <row r="334" spans="1:12">
      <c r="A334" s="21" t="s">
        <v>240</v>
      </c>
      <c r="B334" s="21" t="s">
        <v>237</v>
      </c>
      <c r="C334" s="21" t="s">
        <v>265</v>
      </c>
      <c r="D334" s="21" t="s">
        <v>214</v>
      </c>
      <c r="E334" s="21" t="s">
        <v>214</v>
      </c>
      <c r="F334" s="21" t="s">
        <v>524</v>
      </c>
      <c r="G334" s="16">
        <v>8558</v>
      </c>
      <c r="H334" s="16">
        <v>1004</v>
      </c>
      <c r="I334" s="16">
        <v>6117</v>
      </c>
      <c r="J334" s="16">
        <v>393</v>
      </c>
      <c r="K334" s="16">
        <v>922</v>
      </c>
      <c r="L334" s="16">
        <v>122</v>
      </c>
    </row>
    <row r="335" spans="1:12">
      <c r="A335" s="21" t="s">
        <v>240</v>
      </c>
      <c r="B335" s="21" t="s">
        <v>237</v>
      </c>
      <c r="C335" s="21" t="s">
        <v>265</v>
      </c>
      <c r="D335" s="21" t="s">
        <v>214</v>
      </c>
      <c r="E335" s="21" t="s">
        <v>214</v>
      </c>
      <c r="F335" s="21" t="s">
        <v>525</v>
      </c>
      <c r="G335" s="16">
        <v>9712</v>
      </c>
      <c r="H335" s="16">
        <v>842</v>
      </c>
      <c r="I335" s="16">
        <v>7077</v>
      </c>
      <c r="J335" s="16">
        <v>759</v>
      </c>
      <c r="K335" s="16">
        <v>933</v>
      </c>
      <c r="L335" s="16">
        <v>101</v>
      </c>
    </row>
    <row r="336" spans="1:12">
      <c r="A336" s="21" t="s">
        <v>240</v>
      </c>
      <c r="B336" s="21" t="s">
        <v>237</v>
      </c>
      <c r="C336" s="21" t="s">
        <v>265</v>
      </c>
      <c r="D336" s="21" t="s">
        <v>214</v>
      </c>
      <c r="E336" s="21" t="s">
        <v>214</v>
      </c>
      <c r="F336" s="21" t="s">
        <v>526</v>
      </c>
      <c r="G336" s="16">
        <v>9800</v>
      </c>
      <c r="H336" s="16">
        <v>591</v>
      </c>
      <c r="I336" s="16">
        <v>7029</v>
      </c>
      <c r="J336" s="16">
        <v>1248</v>
      </c>
      <c r="K336" s="16">
        <v>842</v>
      </c>
      <c r="L336" s="16">
        <v>90</v>
      </c>
    </row>
    <row r="337" spans="1:12">
      <c r="A337" s="21" t="s">
        <v>240</v>
      </c>
      <c r="B337" s="21" t="s">
        <v>237</v>
      </c>
      <c r="C337" s="21" t="s">
        <v>265</v>
      </c>
      <c r="D337" s="21" t="s">
        <v>214</v>
      </c>
      <c r="E337" s="21" t="s">
        <v>214</v>
      </c>
      <c r="F337" s="21" t="s">
        <v>527</v>
      </c>
      <c r="G337" s="16">
        <v>7564</v>
      </c>
      <c r="H337" s="16">
        <v>339</v>
      </c>
      <c r="I337" s="16">
        <v>5016</v>
      </c>
      <c r="J337" s="16">
        <v>1738</v>
      </c>
      <c r="K337" s="16">
        <v>381</v>
      </c>
      <c r="L337" s="16">
        <v>90</v>
      </c>
    </row>
    <row r="338" spans="1:12">
      <c r="A338" s="21" t="s">
        <v>240</v>
      </c>
      <c r="B338" s="21" t="s">
        <v>237</v>
      </c>
      <c r="C338" s="21" t="s">
        <v>265</v>
      </c>
      <c r="D338" s="21" t="s">
        <v>214</v>
      </c>
      <c r="E338" s="21" t="s">
        <v>214</v>
      </c>
      <c r="F338" s="21" t="s">
        <v>528</v>
      </c>
      <c r="G338" s="16">
        <v>6531</v>
      </c>
      <c r="H338" s="16">
        <v>177</v>
      </c>
      <c r="I338" s="16">
        <v>3645</v>
      </c>
      <c r="J338" s="16">
        <v>2342</v>
      </c>
      <c r="K338" s="16">
        <v>256</v>
      </c>
      <c r="L338" s="16">
        <v>111</v>
      </c>
    </row>
    <row r="339" spans="1:12">
      <c r="A339" s="21" t="s">
        <v>240</v>
      </c>
      <c r="B339" s="21" t="s">
        <v>237</v>
      </c>
      <c r="C339" s="21" t="s">
        <v>265</v>
      </c>
      <c r="D339" s="21" t="s">
        <v>214</v>
      </c>
      <c r="E339" s="21" t="s">
        <v>214</v>
      </c>
      <c r="F339" s="21" t="s">
        <v>529</v>
      </c>
      <c r="G339" s="16">
        <v>5155</v>
      </c>
      <c r="H339" s="16">
        <v>137</v>
      </c>
      <c r="I339" s="16">
        <v>1985</v>
      </c>
      <c r="J339" s="16">
        <v>2782</v>
      </c>
      <c r="K339" s="16">
        <v>127</v>
      </c>
      <c r="L339" s="16">
        <v>124</v>
      </c>
    </row>
    <row r="340" spans="1:12">
      <c r="A340" s="21" t="s">
        <v>240</v>
      </c>
      <c r="B340" s="21" t="s">
        <v>237</v>
      </c>
      <c r="C340" s="21" t="s">
        <v>265</v>
      </c>
      <c r="D340" s="21" t="s">
        <v>214</v>
      </c>
      <c r="E340" s="21" t="s">
        <v>214</v>
      </c>
      <c r="F340" s="21" t="s">
        <v>530</v>
      </c>
      <c r="G340" s="16">
        <v>2579</v>
      </c>
      <c r="H340" s="16">
        <v>70</v>
      </c>
      <c r="I340" s="16">
        <v>596</v>
      </c>
      <c r="J340" s="16">
        <v>1786</v>
      </c>
      <c r="K340" s="16">
        <v>48</v>
      </c>
      <c r="L340" s="16">
        <v>79</v>
      </c>
    </row>
    <row r="341" spans="1:12">
      <c r="A341" s="21" t="s">
        <v>240</v>
      </c>
      <c r="B341" s="21" t="s">
        <v>237</v>
      </c>
      <c r="C341" s="21" t="s">
        <v>265</v>
      </c>
      <c r="D341" s="21" t="s">
        <v>214</v>
      </c>
      <c r="E341" s="21" t="s">
        <v>214</v>
      </c>
      <c r="F341" s="21" t="s">
        <v>531</v>
      </c>
      <c r="G341" s="16">
        <v>698</v>
      </c>
      <c r="H341" s="16">
        <v>22</v>
      </c>
      <c r="I341" s="16">
        <v>72</v>
      </c>
      <c r="J341" s="16">
        <v>552</v>
      </c>
      <c r="K341" s="16">
        <v>13</v>
      </c>
      <c r="L341" s="16">
        <v>39</v>
      </c>
    </row>
    <row r="342" spans="1:12">
      <c r="A342" s="21" t="s">
        <v>240</v>
      </c>
      <c r="B342" s="21" t="s">
        <v>237</v>
      </c>
      <c r="C342" s="21" t="s">
        <v>265</v>
      </c>
      <c r="D342" s="21" t="s">
        <v>214</v>
      </c>
      <c r="E342" s="21" t="s">
        <v>214</v>
      </c>
      <c r="F342" s="21" t="s">
        <v>532</v>
      </c>
      <c r="G342" s="16">
        <v>92</v>
      </c>
      <c r="H342" s="16">
        <v>1</v>
      </c>
      <c r="I342" s="16">
        <v>4</v>
      </c>
      <c r="J342" s="16">
        <v>81</v>
      </c>
      <c r="K342" s="16">
        <v>2</v>
      </c>
      <c r="L342" s="16">
        <v>4</v>
      </c>
    </row>
    <row r="343" spans="1:12">
      <c r="A343" s="21" t="s">
        <v>240</v>
      </c>
      <c r="B343" s="21" t="s">
        <v>237</v>
      </c>
      <c r="C343" s="21" t="s">
        <v>265</v>
      </c>
      <c r="D343" s="21" t="s">
        <v>214</v>
      </c>
      <c r="E343" s="21" t="s">
        <v>214</v>
      </c>
      <c r="F343" s="21" t="s">
        <v>533</v>
      </c>
      <c r="G343" s="16">
        <v>1211</v>
      </c>
      <c r="H343" s="22" t="s">
        <v>268</v>
      </c>
      <c r="I343" s="22" t="s">
        <v>268</v>
      </c>
      <c r="J343" s="22" t="s">
        <v>268</v>
      </c>
      <c r="K343" s="22" t="s">
        <v>268</v>
      </c>
      <c r="L343" s="16">
        <v>1211</v>
      </c>
    </row>
    <row r="344" spans="1:12">
      <c r="A344" s="21" t="s">
        <v>240</v>
      </c>
      <c r="B344" s="21" t="s">
        <v>237</v>
      </c>
      <c r="C344" s="21" t="s">
        <v>265</v>
      </c>
      <c r="D344" s="21" t="s">
        <v>214</v>
      </c>
      <c r="E344" s="21" t="s">
        <v>214</v>
      </c>
      <c r="F344" s="21" t="s">
        <v>461</v>
      </c>
      <c r="G344" s="16">
        <v>65046</v>
      </c>
      <c r="H344" s="16">
        <v>23245</v>
      </c>
      <c r="I344" s="16">
        <v>34453</v>
      </c>
      <c r="J344" s="16">
        <v>858</v>
      </c>
      <c r="K344" s="16">
        <v>5245</v>
      </c>
      <c r="L344" s="16">
        <v>1245</v>
      </c>
    </row>
    <row r="345" spans="1:12">
      <c r="A345" s="21" t="s">
        <v>240</v>
      </c>
      <c r="B345" s="21" t="s">
        <v>237</v>
      </c>
      <c r="C345" s="21" t="s">
        <v>265</v>
      </c>
      <c r="D345" s="21" t="s">
        <v>214</v>
      </c>
      <c r="E345" s="21" t="s">
        <v>214</v>
      </c>
      <c r="F345" s="21" t="s">
        <v>462</v>
      </c>
      <c r="G345" s="16">
        <v>42131</v>
      </c>
      <c r="H345" s="16">
        <v>2179</v>
      </c>
      <c r="I345" s="16">
        <v>25424</v>
      </c>
      <c r="J345" s="16">
        <v>11288</v>
      </c>
      <c r="K345" s="16">
        <v>2602</v>
      </c>
      <c r="L345" s="16">
        <v>638</v>
      </c>
    </row>
    <row r="346" spans="1:12">
      <c r="A346" s="21" t="s">
        <v>240</v>
      </c>
      <c r="B346" s="21" t="s">
        <v>237</v>
      </c>
      <c r="C346" s="21" t="s">
        <v>265</v>
      </c>
      <c r="D346" s="21" t="s">
        <v>214</v>
      </c>
      <c r="E346" s="21" t="s">
        <v>214</v>
      </c>
      <c r="F346" s="21" t="s">
        <v>463</v>
      </c>
      <c r="G346" s="16">
        <v>22619</v>
      </c>
      <c r="H346" s="16">
        <v>746</v>
      </c>
      <c r="I346" s="16">
        <v>11318</v>
      </c>
      <c r="J346" s="16">
        <v>9281</v>
      </c>
      <c r="K346" s="16">
        <v>827</v>
      </c>
      <c r="L346" s="16">
        <v>447</v>
      </c>
    </row>
    <row r="347" spans="1:12">
      <c r="A347" s="21" t="s">
        <v>240</v>
      </c>
      <c r="B347" s="21" t="s">
        <v>237</v>
      </c>
      <c r="C347" s="21" t="s">
        <v>265</v>
      </c>
      <c r="D347" s="21" t="s">
        <v>214</v>
      </c>
      <c r="E347" s="21" t="s">
        <v>214</v>
      </c>
      <c r="F347" s="21" t="s">
        <v>464</v>
      </c>
      <c r="G347" s="16">
        <v>8524</v>
      </c>
      <c r="H347" s="16">
        <v>230</v>
      </c>
      <c r="I347" s="16">
        <v>2657</v>
      </c>
      <c r="J347" s="16">
        <v>5201</v>
      </c>
      <c r="K347" s="16">
        <v>190</v>
      </c>
      <c r="L347" s="16">
        <v>246</v>
      </c>
    </row>
    <row r="348" spans="1:12">
      <c r="A348" s="21" t="s">
        <v>240</v>
      </c>
      <c r="B348" s="21" t="s">
        <v>237</v>
      </c>
      <c r="C348" s="21" t="s">
        <v>265</v>
      </c>
      <c r="D348" s="21" t="s">
        <v>214</v>
      </c>
      <c r="E348" s="21" t="s">
        <v>214</v>
      </c>
      <c r="F348" s="21" t="s">
        <v>431</v>
      </c>
      <c r="G348" s="16">
        <v>68989</v>
      </c>
      <c r="H348" s="16">
        <v>18355</v>
      </c>
      <c r="I348" s="16">
        <v>41507</v>
      </c>
      <c r="J348" s="16">
        <v>1617</v>
      </c>
      <c r="K348" s="16">
        <v>6174</v>
      </c>
      <c r="L348" s="16">
        <v>1336</v>
      </c>
    </row>
    <row r="349" spans="1:12">
      <c r="A349" s="21" t="s">
        <v>240</v>
      </c>
      <c r="B349" s="21" t="s">
        <v>237</v>
      </c>
      <c r="C349" s="21" t="s">
        <v>265</v>
      </c>
      <c r="D349" s="21" t="s">
        <v>217</v>
      </c>
      <c r="E349" s="21" t="s">
        <v>214</v>
      </c>
      <c r="F349" s="21" t="s">
        <v>401</v>
      </c>
      <c r="G349" s="16">
        <v>117827</v>
      </c>
      <c r="H349" s="16">
        <v>38369</v>
      </c>
      <c r="I349" s="16">
        <v>59103</v>
      </c>
      <c r="J349" s="16">
        <v>10116</v>
      </c>
      <c r="K349" s="16">
        <v>7525</v>
      </c>
      <c r="L349" s="16">
        <v>2714</v>
      </c>
    </row>
    <row r="350" spans="1:12">
      <c r="A350" s="21" t="s">
        <v>240</v>
      </c>
      <c r="B350" s="21" t="s">
        <v>237</v>
      </c>
      <c r="C350" s="21" t="s">
        <v>265</v>
      </c>
      <c r="D350" s="21" t="s">
        <v>217</v>
      </c>
      <c r="E350" s="21" t="s">
        <v>214</v>
      </c>
      <c r="F350" s="21" t="s">
        <v>514</v>
      </c>
      <c r="G350" s="16">
        <v>14645</v>
      </c>
      <c r="H350" s="16">
        <v>14645</v>
      </c>
      <c r="I350" s="22" t="s">
        <v>268</v>
      </c>
      <c r="J350" s="22" t="s">
        <v>268</v>
      </c>
      <c r="K350" s="22" t="s">
        <v>268</v>
      </c>
      <c r="L350" s="22" t="s">
        <v>268</v>
      </c>
    </row>
    <row r="351" spans="1:12">
      <c r="A351" s="21" t="s">
        <v>240</v>
      </c>
      <c r="B351" s="21" t="s">
        <v>237</v>
      </c>
      <c r="C351" s="21" t="s">
        <v>265</v>
      </c>
      <c r="D351" s="21" t="s">
        <v>217</v>
      </c>
      <c r="E351" s="21" t="s">
        <v>214</v>
      </c>
      <c r="F351" s="21" t="s">
        <v>515</v>
      </c>
      <c r="G351" s="16">
        <v>4938</v>
      </c>
      <c r="H351" s="16">
        <v>4901</v>
      </c>
      <c r="I351" s="16">
        <v>23</v>
      </c>
      <c r="J351" s="22" t="s">
        <v>268</v>
      </c>
      <c r="K351" s="16">
        <v>4</v>
      </c>
      <c r="L351" s="16">
        <v>10</v>
      </c>
    </row>
    <row r="352" spans="1:12">
      <c r="A352" s="21" t="s">
        <v>240</v>
      </c>
      <c r="B352" s="21" t="s">
        <v>237</v>
      </c>
      <c r="C352" s="21" t="s">
        <v>265</v>
      </c>
      <c r="D352" s="21" t="s">
        <v>217</v>
      </c>
      <c r="E352" s="21" t="s">
        <v>214</v>
      </c>
      <c r="F352" s="21" t="s">
        <v>516</v>
      </c>
      <c r="G352" s="16">
        <v>4295</v>
      </c>
      <c r="H352" s="16">
        <v>3729</v>
      </c>
      <c r="I352" s="16">
        <v>400</v>
      </c>
      <c r="J352" s="16">
        <v>1</v>
      </c>
      <c r="K352" s="16">
        <v>39</v>
      </c>
      <c r="L352" s="16">
        <v>126</v>
      </c>
    </row>
    <row r="353" spans="1:12">
      <c r="A353" s="21" t="s">
        <v>240</v>
      </c>
      <c r="B353" s="21" t="s">
        <v>237</v>
      </c>
      <c r="C353" s="21" t="s">
        <v>265</v>
      </c>
      <c r="D353" s="21" t="s">
        <v>217</v>
      </c>
      <c r="E353" s="21" t="s">
        <v>214</v>
      </c>
      <c r="F353" s="21" t="s">
        <v>517</v>
      </c>
      <c r="G353" s="16">
        <v>4773</v>
      </c>
      <c r="H353" s="16">
        <v>2868</v>
      </c>
      <c r="I353" s="16">
        <v>1564</v>
      </c>
      <c r="J353" s="16">
        <v>3</v>
      </c>
      <c r="K353" s="16">
        <v>149</v>
      </c>
      <c r="L353" s="16">
        <v>189</v>
      </c>
    </row>
    <row r="354" spans="1:12">
      <c r="A354" s="21" t="s">
        <v>240</v>
      </c>
      <c r="B354" s="21" t="s">
        <v>237</v>
      </c>
      <c r="C354" s="21" t="s">
        <v>265</v>
      </c>
      <c r="D354" s="21" t="s">
        <v>217</v>
      </c>
      <c r="E354" s="21" t="s">
        <v>214</v>
      </c>
      <c r="F354" s="21" t="s">
        <v>518</v>
      </c>
      <c r="G354" s="16">
        <v>5495</v>
      </c>
      <c r="H354" s="16">
        <v>2105</v>
      </c>
      <c r="I354" s="16">
        <v>2920</v>
      </c>
      <c r="J354" s="16">
        <v>11</v>
      </c>
      <c r="K354" s="16">
        <v>310</v>
      </c>
      <c r="L354" s="16">
        <v>149</v>
      </c>
    </row>
    <row r="355" spans="1:12">
      <c r="A355" s="21" t="s">
        <v>240</v>
      </c>
      <c r="B355" s="21" t="s">
        <v>237</v>
      </c>
      <c r="C355" s="21" t="s">
        <v>265</v>
      </c>
      <c r="D355" s="21" t="s">
        <v>217</v>
      </c>
      <c r="E355" s="21" t="s">
        <v>214</v>
      </c>
      <c r="F355" s="21" t="s">
        <v>519</v>
      </c>
      <c r="G355" s="16">
        <v>6343</v>
      </c>
      <c r="H355" s="16">
        <v>1782</v>
      </c>
      <c r="I355" s="16">
        <v>3897</v>
      </c>
      <c r="J355" s="16">
        <v>24</v>
      </c>
      <c r="K355" s="16">
        <v>497</v>
      </c>
      <c r="L355" s="16">
        <v>143</v>
      </c>
    </row>
    <row r="356" spans="1:12">
      <c r="A356" s="21" t="s">
        <v>240</v>
      </c>
      <c r="B356" s="21" t="s">
        <v>237</v>
      </c>
      <c r="C356" s="21" t="s">
        <v>265</v>
      </c>
      <c r="D356" s="21" t="s">
        <v>217</v>
      </c>
      <c r="E356" s="21" t="s">
        <v>214</v>
      </c>
      <c r="F356" s="21" t="s">
        <v>520</v>
      </c>
      <c r="G356" s="16">
        <v>6895</v>
      </c>
      <c r="H356" s="16">
        <v>1572</v>
      </c>
      <c r="I356" s="16">
        <v>4484</v>
      </c>
      <c r="J356" s="16">
        <v>36</v>
      </c>
      <c r="K356" s="16">
        <v>649</v>
      </c>
      <c r="L356" s="16">
        <v>154</v>
      </c>
    </row>
    <row r="357" spans="1:12">
      <c r="A357" s="21" t="s">
        <v>240</v>
      </c>
      <c r="B357" s="21" t="s">
        <v>237</v>
      </c>
      <c r="C357" s="21" t="s">
        <v>265</v>
      </c>
      <c r="D357" s="21" t="s">
        <v>217</v>
      </c>
      <c r="E357" s="21" t="s">
        <v>214</v>
      </c>
      <c r="F357" s="21" t="s">
        <v>521</v>
      </c>
      <c r="G357" s="16">
        <v>7565</v>
      </c>
      <c r="H357" s="16">
        <v>1627</v>
      </c>
      <c r="I357" s="16">
        <v>4887</v>
      </c>
      <c r="J357" s="16">
        <v>63</v>
      </c>
      <c r="K357" s="16">
        <v>852</v>
      </c>
      <c r="L357" s="16">
        <v>136</v>
      </c>
    </row>
    <row r="358" spans="1:12">
      <c r="A358" s="21" t="s">
        <v>240</v>
      </c>
      <c r="B358" s="21" t="s">
        <v>237</v>
      </c>
      <c r="C358" s="21" t="s">
        <v>265</v>
      </c>
      <c r="D358" s="21" t="s">
        <v>217</v>
      </c>
      <c r="E358" s="21" t="s">
        <v>214</v>
      </c>
      <c r="F358" s="21" t="s">
        <v>522</v>
      </c>
      <c r="G358" s="16">
        <v>7265</v>
      </c>
      <c r="H358" s="16">
        <v>1352</v>
      </c>
      <c r="I358" s="16">
        <v>4824</v>
      </c>
      <c r="J358" s="16">
        <v>91</v>
      </c>
      <c r="K358" s="16">
        <v>893</v>
      </c>
      <c r="L358" s="16">
        <v>105</v>
      </c>
    </row>
    <row r="359" spans="1:12">
      <c r="A359" s="21" t="s">
        <v>240</v>
      </c>
      <c r="B359" s="21" t="s">
        <v>237</v>
      </c>
      <c r="C359" s="21" t="s">
        <v>265</v>
      </c>
      <c r="D359" s="21" t="s">
        <v>217</v>
      </c>
      <c r="E359" s="21" t="s">
        <v>214</v>
      </c>
      <c r="F359" s="21" t="s">
        <v>523</v>
      </c>
      <c r="G359" s="16">
        <v>7711</v>
      </c>
      <c r="H359" s="16">
        <v>1158</v>
      </c>
      <c r="I359" s="16">
        <v>5316</v>
      </c>
      <c r="J359" s="16">
        <v>232</v>
      </c>
      <c r="K359" s="16">
        <v>899</v>
      </c>
      <c r="L359" s="16">
        <v>106</v>
      </c>
    </row>
    <row r="360" spans="1:12">
      <c r="A360" s="21" t="s">
        <v>240</v>
      </c>
      <c r="B360" s="21" t="s">
        <v>237</v>
      </c>
      <c r="C360" s="21" t="s">
        <v>265</v>
      </c>
      <c r="D360" s="21" t="s">
        <v>217</v>
      </c>
      <c r="E360" s="21" t="s">
        <v>214</v>
      </c>
      <c r="F360" s="21" t="s">
        <v>524</v>
      </c>
      <c r="G360" s="16">
        <v>8429</v>
      </c>
      <c r="H360" s="16">
        <v>924</v>
      </c>
      <c r="I360" s="16">
        <v>6103</v>
      </c>
      <c r="J360" s="16">
        <v>388</v>
      </c>
      <c r="K360" s="16">
        <v>901</v>
      </c>
      <c r="L360" s="16">
        <v>113</v>
      </c>
    </row>
    <row r="361" spans="1:12">
      <c r="A361" s="21" t="s">
        <v>240</v>
      </c>
      <c r="B361" s="21" t="s">
        <v>237</v>
      </c>
      <c r="C361" s="21" t="s">
        <v>265</v>
      </c>
      <c r="D361" s="21" t="s">
        <v>217</v>
      </c>
      <c r="E361" s="21" t="s">
        <v>214</v>
      </c>
      <c r="F361" s="21" t="s">
        <v>525</v>
      </c>
      <c r="G361" s="16">
        <v>9498</v>
      </c>
      <c r="H361" s="16">
        <v>731</v>
      </c>
      <c r="I361" s="16">
        <v>7040</v>
      </c>
      <c r="J361" s="16">
        <v>741</v>
      </c>
      <c r="K361" s="16">
        <v>899</v>
      </c>
      <c r="L361" s="16">
        <v>87</v>
      </c>
    </row>
    <row r="362" spans="1:12">
      <c r="A362" s="21" t="s">
        <v>240</v>
      </c>
      <c r="B362" s="21" t="s">
        <v>237</v>
      </c>
      <c r="C362" s="21" t="s">
        <v>265</v>
      </c>
      <c r="D362" s="21" t="s">
        <v>217</v>
      </c>
      <c r="E362" s="21" t="s">
        <v>214</v>
      </c>
      <c r="F362" s="21" t="s">
        <v>526</v>
      </c>
      <c r="G362" s="16">
        <v>9492</v>
      </c>
      <c r="H362" s="16">
        <v>492</v>
      </c>
      <c r="I362" s="16">
        <v>6955</v>
      </c>
      <c r="J362" s="16">
        <v>1209</v>
      </c>
      <c r="K362" s="16">
        <v>770</v>
      </c>
      <c r="L362" s="16">
        <v>66</v>
      </c>
    </row>
    <row r="363" spans="1:12">
      <c r="A363" s="21" t="s">
        <v>240</v>
      </c>
      <c r="B363" s="21" t="s">
        <v>237</v>
      </c>
      <c r="C363" s="21" t="s">
        <v>265</v>
      </c>
      <c r="D363" s="21" t="s">
        <v>217</v>
      </c>
      <c r="E363" s="21" t="s">
        <v>214</v>
      </c>
      <c r="F363" s="21" t="s">
        <v>527</v>
      </c>
      <c r="G363" s="16">
        <v>7183</v>
      </c>
      <c r="H363" s="16">
        <v>261</v>
      </c>
      <c r="I363" s="16">
        <v>4909</v>
      </c>
      <c r="J363" s="16">
        <v>1624</v>
      </c>
      <c r="K363" s="16">
        <v>337</v>
      </c>
      <c r="L363" s="16">
        <v>52</v>
      </c>
    </row>
    <row r="364" spans="1:12">
      <c r="A364" s="21" t="s">
        <v>240</v>
      </c>
      <c r="B364" s="21" t="s">
        <v>237</v>
      </c>
      <c r="C364" s="21" t="s">
        <v>265</v>
      </c>
      <c r="D364" s="21" t="s">
        <v>217</v>
      </c>
      <c r="E364" s="21" t="s">
        <v>214</v>
      </c>
      <c r="F364" s="21" t="s">
        <v>528</v>
      </c>
      <c r="G364" s="16">
        <v>5919</v>
      </c>
      <c r="H364" s="16">
        <v>108</v>
      </c>
      <c r="I364" s="16">
        <v>3491</v>
      </c>
      <c r="J364" s="16">
        <v>2080</v>
      </c>
      <c r="K364" s="16">
        <v>205</v>
      </c>
      <c r="L364" s="16">
        <v>35</v>
      </c>
    </row>
    <row r="365" spans="1:12">
      <c r="A365" s="21" t="s">
        <v>240</v>
      </c>
      <c r="B365" s="21" t="s">
        <v>237</v>
      </c>
      <c r="C365" s="21" t="s">
        <v>265</v>
      </c>
      <c r="D365" s="21" t="s">
        <v>217</v>
      </c>
      <c r="E365" s="21" t="s">
        <v>214</v>
      </c>
      <c r="F365" s="21" t="s">
        <v>529</v>
      </c>
      <c r="G365" s="16">
        <v>4112</v>
      </c>
      <c r="H365" s="16">
        <v>80</v>
      </c>
      <c r="I365" s="16">
        <v>1751</v>
      </c>
      <c r="J365" s="16">
        <v>2162</v>
      </c>
      <c r="K365" s="16">
        <v>86</v>
      </c>
      <c r="L365" s="16">
        <v>33</v>
      </c>
    </row>
    <row r="366" spans="1:12">
      <c r="A366" s="21" t="s">
        <v>240</v>
      </c>
      <c r="B366" s="21" t="s">
        <v>237</v>
      </c>
      <c r="C366" s="21" t="s">
        <v>265</v>
      </c>
      <c r="D366" s="21" t="s">
        <v>217</v>
      </c>
      <c r="E366" s="21" t="s">
        <v>214</v>
      </c>
      <c r="F366" s="21" t="s">
        <v>530</v>
      </c>
      <c r="G366" s="16">
        <v>1706</v>
      </c>
      <c r="H366" s="16">
        <v>25</v>
      </c>
      <c r="I366" s="16">
        <v>482</v>
      </c>
      <c r="J366" s="16">
        <v>1163</v>
      </c>
      <c r="K366" s="16">
        <v>26</v>
      </c>
      <c r="L366" s="16">
        <v>10</v>
      </c>
    </row>
    <row r="367" spans="1:12">
      <c r="A367" s="21" t="s">
        <v>240</v>
      </c>
      <c r="B367" s="21" t="s">
        <v>237</v>
      </c>
      <c r="C367" s="21" t="s">
        <v>265</v>
      </c>
      <c r="D367" s="21" t="s">
        <v>217</v>
      </c>
      <c r="E367" s="21" t="s">
        <v>214</v>
      </c>
      <c r="F367" s="21" t="s">
        <v>531</v>
      </c>
      <c r="G367" s="16">
        <v>339</v>
      </c>
      <c r="H367" s="16">
        <v>9</v>
      </c>
      <c r="I367" s="16">
        <v>54</v>
      </c>
      <c r="J367" s="16">
        <v>266</v>
      </c>
      <c r="K367" s="16">
        <v>7</v>
      </c>
      <c r="L367" s="16">
        <v>3</v>
      </c>
    </row>
    <row r="368" spans="1:12">
      <c r="A368" s="21" t="s">
        <v>240</v>
      </c>
      <c r="B368" s="21" t="s">
        <v>237</v>
      </c>
      <c r="C368" s="21" t="s">
        <v>265</v>
      </c>
      <c r="D368" s="21" t="s">
        <v>217</v>
      </c>
      <c r="E368" s="21" t="s">
        <v>214</v>
      </c>
      <c r="F368" s="21" t="s">
        <v>532</v>
      </c>
      <c r="G368" s="16">
        <v>27</v>
      </c>
      <c r="H368" s="22" t="s">
        <v>268</v>
      </c>
      <c r="I368" s="16">
        <v>3</v>
      </c>
      <c r="J368" s="16">
        <v>22</v>
      </c>
      <c r="K368" s="16">
        <v>2</v>
      </c>
      <c r="L368" s="22" t="s">
        <v>268</v>
      </c>
    </row>
    <row r="369" spans="1:12">
      <c r="A369" s="21" t="s">
        <v>240</v>
      </c>
      <c r="B369" s="21" t="s">
        <v>237</v>
      </c>
      <c r="C369" s="21" t="s">
        <v>265</v>
      </c>
      <c r="D369" s="21" t="s">
        <v>217</v>
      </c>
      <c r="E369" s="21" t="s">
        <v>214</v>
      </c>
      <c r="F369" s="21" t="s">
        <v>533</v>
      </c>
      <c r="G369" s="16">
        <v>1197</v>
      </c>
      <c r="H369" s="22" t="s">
        <v>268</v>
      </c>
      <c r="I369" s="22" t="s">
        <v>268</v>
      </c>
      <c r="J369" s="22" t="s">
        <v>268</v>
      </c>
      <c r="K369" s="22" t="s">
        <v>268</v>
      </c>
      <c r="L369" s="16">
        <v>1197</v>
      </c>
    </row>
    <row r="370" spans="1:12">
      <c r="A370" s="21" t="s">
        <v>240</v>
      </c>
      <c r="B370" s="21" t="s">
        <v>237</v>
      </c>
      <c r="C370" s="21" t="s">
        <v>265</v>
      </c>
      <c r="D370" s="21" t="s">
        <v>217</v>
      </c>
      <c r="E370" s="21" t="s">
        <v>214</v>
      </c>
      <c r="F370" s="21" t="s">
        <v>461</v>
      </c>
      <c r="G370" s="16">
        <v>63709</v>
      </c>
      <c r="H370" s="16">
        <v>22018</v>
      </c>
      <c r="I370" s="16">
        <v>34418</v>
      </c>
      <c r="J370" s="16">
        <v>849</v>
      </c>
      <c r="K370" s="16">
        <v>5193</v>
      </c>
      <c r="L370" s="16">
        <v>1231</v>
      </c>
    </row>
    <row r="371" spans="1:12">
      <c r="A371" s="21" t="s">
        <v>240</v>
      </c>
      <c r="B371" s="21" t="s">
        <v>237</v>
      </c>
      <c r="C371" s="21" t="s">
        <v>265</v>
      </c>
      <c r="D371" s="21" t="s">
        <v>217</v>
      </c>
      <c r="E371" s="21" t="s">
        <v>214</v>
      </c>
      <c r="F371" s="21" t="s">
        <v>462</v>
      </c>
      <c r="G371" s="16">
        <v>38276</v>
      </c>
      <c r="H371" s="16">
        <v>1706</v>
      </c>
      <c r="I371" s="16">
        <v>24685</v>
      </c>
      <c r="J371" s="16">
        <v>9267</v>
      </c>
      <c r="K371" s="16">
        <v>2332</v>
      </c>
      <c r="L371" s="16">
        <v>286</v>
      </c>
    </row>
    <row r="372" spans="1:12">
      <c r="A372" s="21" t="s">
        <v>240</v>
      </c>
      <c r="B372" s="21" t="s">
        <v>237</v>
      </c>
      <c r="C372" s="21" t="s">
        <v>265</v>
      </c>
      <c r="D372" s="21" t="s">
        <v>217</v>
      </c>
      <c r="E372" s="21" t="s">
        <v>214</v>
      </c>
      <c r="F372" s="21" t="s">
        <v>463</v>
      </c>
      <c r="G372" s="16">
        <v>19286</v>
      </c>
      <c r="H372" s="16">
        <v>483</v>
      </c>
      <c r="I372" s="16">
        <v>10690</v>
      </c>
      <c r="J372" s="16">
        <v>7317</v>
      </c>
      <c r="K372" s="16">
        <v>663</v>
      </c>
      <c r="L372" s="16">
        <v>133</v>
      </c>
    </row>
    <row r="373" spans="1:12">
      <c r="A373" s="21" t="s">
        <v>240</v>
      </c>
      <c r="B373" s="21" t="s">
        <v>237</v>
      </c>
      <c r="C373" s="21" t="s">
        <v>265</v>
      </c>
      <c r="D373" s="21" t="s">
        <v>217</v>
      </c>
      <c r="E373" s="21" t="s">
        <v>214</v>
      </c>
      <c r="F373" s="21" t="s">
        <v>464</v>
      </c>
      <c r="G373" s="16">
        <v>6184</v>
      </c>
      <c r="H373" s="16">
        <v>114</v>
      </c>
      <c r="I373" s="16">
        <v>2290</v>
      </c>
      <c r="J373" s="16">
        <v>3613</v>
      </c>
      <c r="K373" s="16">
        <v>121</v>
      </c>
      <c r="L373" s="16">
        <v>46</v>
      </c>
    </row>
    <row r="374" spans="1:12">
      <c r="A374" s="21" t="s">
        <v>240</v>
      </c>
      <c r="B374" s="21" t="s">
        <v>237</v>
      </c>
      <c r="C374" s="21" t="s">
        <v>265</v>
      </c>
      <c r="D374" s="21" t="s">
        <v>217</v>
      </c>
      <c r="E374" s="21" t="s">
        <v>214</v>
      </c>
      <c r="F374" s="21" t="s">
        <v>431</v>
      </c>
      <c r="G374" s="16">
        <v>68269</v>
      </c>
      <c r="H374" s="16">
        <v>17848</v>
      </c>
      <c r="I374" s="16">
        <v>41435</v>
      </c>
      <c r="J374" s="16">
        <v>1590</v>
      </c>
      <c r="K374" s="16">
        <v>6088</v>
      </c>
      <c r="L374" s="16">
        <v>1308</v>
      </c>
    </row>
    <row r="375" spans="1:12">
      <c r="A375" s="21" t="s">
        <v>240</v>
      </c>
      <c r="B375" s="21" t="s">
        <v>237</v>
      </c>
      <c r="C375" s="21" t="s">
        <v>265</v>
      </c>
      <c r="D375" s="21" t="s">
        <v>534</v>
      </c>
      <c r="E375" s="21" t="s">
        <v>214</v>
      </c>
      <c r="F375" s="21" t="s">
        <v>401</v>
      </c>
      <c r="G375" s="16">
        <v>102036</v>
      </c>
      <c r="H375" s="16">
        <v>32878</v>
      </c>
      <c r="I375" s="16">
        <v>57743</v>
      </c>
      <c r="J375" s="16">
        <v>6046</v>
      </c>
      <c r="K375" s="16">
        <v>4790</v>
      </c>
      <c r="L375" s="16">
        <v>579</v>
      </c>
    </row>
    <row r="376" spans="1:12">
      <c r="A376" s="21" t="s">
        <v>240</v>
      </c>
      <c r="B376" s="21" t="s">
        <v>237</v>
      </c>
      <c r="C376" s="21" t="s">
        <v>265</v>
      </c>
      <c r="D376" s="21" t="s">
        <v>534</v>
      </c>
      <c r="E376" s="21" t="s">
        <v>214</v>
      </c>
      <c r="F376" s="21" t="s">
        <v>514</v>
      </c>
      <c r="G376" s="16">
        <v>14645</v>
      </c>
      <c r="H376" s="16">
        <v>14645</v>
      </c>
      <c r="I376" s="22" t="s">
        <v>268</v>
      </c>
      <c r="J376" s="22" t="s">
        <v>268</v>
      </c>
      <c r="K376" s="22" t="s">
        <v>268</v>
      </c>
      <c r="L376" s="22" t="s">
        <v>268</v>
      </c>
    </row>
    <row r="377" spans="1:12">
      <c r="A377" s="21" t="s">
        <v>240</v>
      </c>
      <c r="B377" s="21" t="s">
        <v>237</v>
      </c>
      <c r="C377" s="21" t="s">
        <v>265</v>
      </c>
      <c r="D377" s="21" t="s">
        <v>534</v>
      </c>
      <c r="E377" s="21" t="s">
        <v>214</v>
      </c>
      <c r="F377" s="21" t="s">
        <v>515</v>
      </c>
      <c r="G377" s="16">
        <v>4834</v>
      </c>
      <c r="H377" s="16">
        <v>4807</v>
      </c>
      <c r="I377" s="16">
        <v>22</v>
      </c>
      <c r="J377" s="22" t="s">
        <v>268</v>
      </c>
      <c r="K377" s="16">
        <v>3</v>
      </c>
      <c r="L377" s="16">
        <v>2</v>
      </c>
    </row>
    <row r="378" spans="1:12">
      <c r="A378" s="21" t="s">
        <v>240</v>
      </c>
      <c r="B378" s="21" t="s">
        <v>237</v>
      </c>
      <c r="C378" s="21" t="s">
        <v>265</v>
      </c>
      <c r="D378" s="21" t="s">
        <v>534</v>
      </c>
      <c r="E378" s="21" t="s">
        <v>214</v>
      </c>
      <c r="F378" s="21" t="s">
        <v>516</v>
      </c>
      <c r="G378" s="16">
        <v>3279</v>
      </c>
      <c r="H378" s="16">
        <v>2855</v>
      </c>
      <c r="I378" s="16">
        <v>378</v>
      </c>
      <c r="J378" s="16">
        <v>1</v>
      </c>
      <c r="K378" s="16">
        <v>35</v>
      </c>
      <c r="L378" s="16">
        <v>10</v>
      </c>
    </row>
    <row r="379" spans="1:12">
      <c r="A379" s="21" t="s">
        <v>240</v>
      </c>
      <c r="B379" s="21" t="s">
        <v>237</v>
      </c>
      <c r="C379" s="21" t="s">
        <v>265</v>
      </c>
      <c r="D379" s="21" t="s">
        <v>534</v>
      </c>
      <c r="E379" s="21" t="s">
        <v>214</v>
      </c>
      <c r="F379" s="21" t="s">
        <v>517</v>
      </c>
      <c r="G379" s="16">
        <v>3591</v>
      </c>
      <c r="H379" s="16">
        <v>2002</v>
      </c>
      <c r="I379" s="16">
        <v>1440</v>
      </c>
      <c r="J379" s="16">
        <v>2</v>
      </c>
      <c r="K379" s="16">
        <v>124</v>
      </c>
      <c r="L379" s="16">
        <v>23</v>
      </c>
    </row>
    <row r="380" spans="1:12">
      <c r="A380" s="21" t="s">
        <v>240</v>
      </c>
      <c r="B380" s="21" t="s">
        <v>237</v>
      </c>
      <c r="C380" s="21" t="s">
        <v>265</v>
      </c>
      <c r="D380" s="21" t="s">
        <v>534</v>
      </c>
      <c r="E380" s="21" t="s">
        <v>214</v>
      </c>
      <c r="F380" s="21" t="s">
        <v>518</v>
      </c>
      <c r="G380" s="16">
        <v>4688</v>
      </c>
      <c r="H380" s="16">
        <v>1625</v>
      </c>
      <c r="I380" s="16">
        <v>2768</v>
      </c>
      <c r="J380" s="16">
        <v>8</v>
      </c>
      <c r="K380" s="16">
        <v>258</v>
      </c>
      <c r="L380" s="16">
        <v>29</v>
      </c>
    </row>
    <row r="381" spans="1:12">
      <c r="A381" s="21" t="s">
        <v>240</v>
      </c>
      <c r="B381" s="21" t="s">
        <v>237</v>
      </c>
      <c r="C381" s="21" t="s">
        <v>265</v>
      </c>
      <c r="D381" s="21" t="s">
        <v>534</v>
      </c>
      <c r="E381" s="21" t="s">
        <v>214</v>
      </c>
      <c r="F381" s="21" t="s">
        <v>519</v>
      </c>
      <c r="G381" s="16">
        <v>5709</v>
      </c>
      <c r="H381" s="16">
        <v>1424</v>
      </c>
      <c r="I381" s="16">
        <v>3797</v>
      </c>
      <c r="J381" s="16">
        <v>20</v>
      </c>
      <c r="K381" s="16">
        <v>421</v>
      </c>
      <c r="L381" s="16">
        <v>47</v>
      </c>
    </row>
    <row r="382" spans="1:12">
      <c r="A382" s="21" t="s">
        <v>240</v>
      </c>
      <c r="B382" s="21" t="s">
        <v>237</v>
      </c>
      <c r="C382" s="21" t="s">
        <v>265</v>
      </c>
      <c r="D382" s="21" t="s">
        <v>534</v>
      </c>
      <c r="E382" s="21" t="s">
        <v>214</v>
      </c>
      <c r="F382" s="21" t="s">
        <v>520</v>
      </c>
      <c r="G382" s="16">
        <v>6372</v>
      </c>
      <c r="H382" s="16">
        <v>1308</v>
      </c>
      <c r="I382" s="16">
        <v>4401</v>
      </c>
      <c r="J382" s="16">
        <v>28</v>
      </c>
      <c r="K382" s="16">
        <v>580</v>
      </c>
      <c r="L382" s="16">
        <v>55</v>
      </c>
    </row>
    <row r="383" spans="1:12">
      <c r="A383" s="21" t="s">
        <v>240</v>
      </c>
      <c r="B383" s="21" t="s">
        <v>237</v>
      </c>
      <c r="C383" s="21" t="s">
        <v>265</v>
      </c>
      <c r="D383" s="21" t="s">
        <v>534</v>
      </c>
      <c r="E383" s="21" t="s">
        <v>214</v>
      </c>
      <c r="F383" s="21" t="s">
        <v>521</v>
      </c>
      <c r="G383" s="16">
        <v>6803</v>
      </c>
      <c r="H383" s="16">
        <v>1295</v>
      </c>
      <c r="I383" s="16">
        <v>4757</v>
      </c>
      <c r="J383" s="16">
        <v>52</v>
      </c>
      <c r="K383" s="16">
        <v>657</v>
      </c>
      <c r="L383" s="16">
        <v>42</v>
      </c>
    </row>
    <row r="384" spans="1:12">
      <c r="A384" s="21" t="s">
        <v>240</v>
      </c>
      <c r="B384" s="21" t="s">
        <v>237</v>
      </c>
      <c r="C384" s="21" t="s">
        <v>265</v>
      </c>
      <c r="D384" s="21" t="s">
        <v>534</v>
      </c>
      <c r="E384" s="21" t="s">
        <v>214</v>
      </c>
      <c r="F384" s="21" t="s">
        <v>522</v>
      </c>
      <c r="G384" s="16">
        <v>6457</v>
      </c>
      <c r="H384" s="16">
        <v>1040</v>
      </c>
      <c r="I384" s="16">
        <v>4691</v>
      </c>
      <c r="J384" s="16">
        <v>63</v>
      </c>
      <c r="K384" s="16">
        <v>636</v>
      </c>
      <c r="L384" s="16">
        <v>27</v>
      </c>
    </row>
    <row r="385" spans="1:12">
      <c r="A385" s="21" t="s">
        <v>240</v>
      </c>
      <c r="B385" s="21" t="s">
        <v>237</v>
      </c>
      <c r="C385" s="21" t="s">
        <v>265</v>
      </c>
      <c r="D385" s="21" t="s">
        <v>534</v>
      </c>
      <c r="E385" s="21" t="s">
        <v>214</v>
      </c>
      <c r="F385" s="21" t="s">
        <v>523</v>
      </c>
      <c r="G385" s="16">
        <v>6697</v>
      </c>
      <c r="H385" s="16">
        <v>764</v>
      </c>
      <c r="I385" s="16">
        <v>5163</v>
      </c>
      <c r="J385" s="16">
        <v>152</v>
      </c>
      <c r="K385" s="16">
        <v>590</v>
      </c>
      <c r="L385" s="16">
        <v>28</v>
      </c>
    </row>
    <row r="386" spans="1:12">
      <c r="A386" s="21" t="s">
        <v>240</v>
      </c>
      <c r="B386" s="21" t="s">
        <v>237</v>
      </c>
      <c r="C386" s="21" t="s">
        <v>265</v>
      </c>
      <c r="D386" s="21" t="s">
        <v>534</v>
      </c>
      <c r="E386" s="21" t="s">
        <v>214</v>
      </c>
      <c r="F386" s="21" t="s">
        <v>524</v>
      </c>
      <c r="G386" s="16">
        <v>7230</v>
      </c>
      <c r="H386" s="16">
        <v>482</v>
      </c>
      <c r="I386" s="16">
        <v>6007</v>
      </c>
      <c r="J386" s="16">
        <v>219</v>
      </c>
      <c r="K386" s="16">
        <v>492</v>
      </c>
      <c r="L386" s="16">
        <v>30</v>
      </c>
    </row>
    <row r="387" spans="1:12">
      <c r="A387" s="21" t="s">
        <v>240</v>
      </c>
      <c r="B387" s="21" t="s">
        <v>237</v>
      </c>
      <c r="C387" s="21" t="s">
        <v>265</v>
      </c>
      <c r="D387" s="21" t="s">
        <v>534</v>
      </c>
      <c r="E387" s="21" t="s">
        <v>214</v>
      </c>
      <c r="F387" s="21" t="s">
        <v>525</v>
      </c>
      <c r="G387" s="16">
        <v>8065</v>
      </c>
      <c r="H387" s="16">
        <v>300</v>
      </c>
      <c r="I387" s="16">
        <v>6941</v>
      </c>
      <c r="J387" s="16">
        <v>414</v>
      </c>
      <c r="K387" s="16">
        <v>397</v>
      </c>
      <c r="L387" s="16">
        <v>13</v>
      </c>
    </row>
    <row r="388" spans="1:12">
      <c r="A388" s="21" t="s">
        <v>240</v>
      </c>
      <c r="B388" s="21" t="s">
        <v>237</v>
      </c>
      <c r="C388" s="21" t="s">
        <v>265</v>
      </c>
      <c r="D388" s="21" t="s">
        <v>534</v>
      </c>
      <c r="E388" s="21" t="s">
        <v>214</v>
      </c>
      <c r="F388" s="21" t="s">
        <v>526</v>
      </c>
      <c r="G388" s="16">
        <v>7971</v>
      </c>
      <c r="H388" s="16">
        <v>160</v>
      </c>
      <c r="I388" s="16">
        <v>6860</v>
      </c>
      <c r="J388" s="16">
        <v>616</v>
      </c>
      <c r="K388" s="16">
        <v>312</v>
      </c>
      <c r="L388" s="16">
        <v>23</v>
      </c>
    </row>
    <row r="389" spans="1:12">
      <c r="A389" s="21" t="s">
        <v>240</v>
      </c>
      <c r="B389" s="21" t="s">
        <v>237</v>
      </c>
      <c r="C389" s="21" t="s">
        <v>265</v>
      </c>
      <c r="D389" s="21" t="s">
        <v>534</v>
      </c>
      <c r="E389" s="21" t="s">
        <v>214</v>
      </c>
      <c r="F389" s="21" t="s">
        <v>527</v>
      </c>
      <c r="G389" s="16">
        <v>5925</v>
      </c>
      <c r="H389" s="16">
        <v>86</v>
      </c>
      <c r="I389" s="16">
        <v>4852</v>
      </c>
      <c r="J389" s="16">
        <v>828</v>
      </c>
      <c r="K389" s="16">
        <v>138</v>
      </c>
      <c r="L389" s="16">
        <v>21</v>
      </c>
    </row>
    <row r="390" spans="1:12">
      <c r="A390" s="21" t="s">
        <v>240</v>
      </c>
      <c r="B390" s="21" t="s">
        <v>237</v>
      </c>
      <c r="C390" s="21" t="s">
        <v>265</v>
      </c>
      <c r="D390" s="21" t="s">
        <v>534</v>
      </c>
      <c r="E390" s="21" t="s">
        <v>214</v>
      </c>
      <c r="F390" s="21" t="s">
        <v>528</v>
      </c>
      <c r="G390" s="16">
        <v>4748</v>
      </c>
      <c r="H390" s="16">
        <v>38</v>
      </c>
      <c r="I390" s="16">
        <v>3432</v>
      </c>
      <c r="J390" s="16">
        <v>1181</v>
      </c>
      <c r="K390" s="16">
        <v>85</v>
      </c>
      <c r="L390" s="16">
        <v>12</v>
      </c>
    </row>
    <row r="391" spans="1:12">
      <c r="A391" s="21" t="s">
        <v>240</v>
      </c>
      <c r="B391" s="21" t="s">
        <v>237</v>
      </c>
      <c r="C391" s="21" t="s">
        <v>265</v>
      </c>
      <c r="D391" s="21" t="s">
        <v>534</v>
      </c>
      <c r="E391" s="21" t="s">
        <v>214</v>
      </c>
      <c r="F391" s="21" t="s">
        <v>529</v>
      </c>
      <c r="G391" s="16">
        <v>3171</v>
      </c>
      <c r="H391" s="16">
        <v>30</v>
      </c>
      <c r="I391" s="16">
        <v>1711</v>
      </c>
      <c r="J391" s="16">
        <v>1378</v>
      </c>
      <c r="K391" s="16">
        <v>38</v>
      </c>
      <c r="L391" s="16">
        <v>14</v>
      </c>
    </row>
    <row r="392" spans="1:12">
      <c r="A392" s="21" t="s">
        <v>240</v>
      </c>
      <c r="B392" s="21" t="s">
        <v>237</v>
      </c>
      <c r="C392" s="21" t="s">
        <v>265</v>
      </c>
      <c r="D392" s="21" t="s">
        <v>534</v>
      </c>
      <c r="E392" s="21" t="s">
        <v>214</v>
      </c>
      <c r="F392" s="21" t="s">
        <v>530</v>
      </c>
      <c r="G392" s="16">
        <v>1351</v>
      </c>
      <c r="H392" s="16">
        <v>13</v>
      </c>
      <c r="I392" s="16">
        <v>470</v>
      </c>
      <c r="J392" s="16">
        <v>843</v>
      </c>
      <c r="K392" s="16">
        <v>18</v>
      </c>
      <c r="L392" s="16">
        <v>7</v>
      </c>
    </row>
    <row r="393" spans="1:12">
      <c r="A393" s="21" t="s">
        <v>240</v>
      </c>
      <c r="B393" s="21" t="s">
        <v>237</v>
      </c>
      <c r="C393" s="21" t="s">
        <v>265</v>
      </c>
      <c r="D393" s="21" t="s">
        <v>534</v>
      </c>
      <c r="E393" s="21" t="s">
        <v>214</v>
      </c>
      <c r="F393" s="21" t="s">
        <v>531</v>
      </c>
      <c r="G393" s="16">
        <v>283</v>
      </c>
      <c r="H393" s="16">
        <v>4</v>
      </c>
      <c r="I393" s="16">
        <v>50</v>
      </c>
      <c r="J393" s="16">
        <v>223</v>
      </c>
      <c r="K393" s="16">
        <v>4</v>
      </c>
      <c r="L393" s="16">
        <v>2</v>
      </c>
    </row>
    <row r="394" spans="1:12">
      <c r="A394" s="21" t="s">
        <v>240</v>
      </c>
      <c r="B394" s="21" t="s">
        <v>237</v>
      </c>
      <c r="C394" s="21" t="s">
        <v>265</v>
      </c>
      <c r="D394" s="21" t="s">
        <v>534</v>
      </c>
      <c r="E394" s="21" t="s">
        <v>214</v>
      </c>
      <c r="F394" s="21" t="s">
        <v>532</v>
      </c>
      <c r="G394" s="16">
        <v>23</v>
      </c>
      <c r="H394" s="22" t="s">
        <v>268</v>
      </c>
      <c r="I394" s="16">
        <v>3</v>
      </c>
      <c r="J394" s="16">
        <v>18</v>
      </c>
      <c r="K394" s="16">
        <v>2</v>
      </c>
      <c r="L394" s="22" t="s">
        <v>268</v>
      </c>
    </row>
    <row r="395" spans="1:12">
      <c r="A395" s="21" t="s">
        <v>240</v>
      </c>
      <c r="B395" s="21" t="s">
        <v>237</v>
      </c>
      <c r="C395" s="21" t="s">
        <v>265</v>
      </c>
      <c r="D395" s="21" t="s">
        <v>534</v>
      </c>
      <c r="E395" s="21" t="s">
        <v>214</v>
      </c>
      <c r="F395" s="21" t="s">
        <v>533</v>
      </c>
      <c r="G395" s="16">
        <v>194</v>
      </c>
      <c r="H395" s="22" t="s">
        <v>268</v>
      </c>
      <c r="I395" s="22" t="s">
        <v>268</v>
      </c>
      <c r="J395" s="22" t="s">
        <v>268</v>
      </c>
      <c r="K395" s="22" t="s">
        <v>268</v>
      </c>
      <c r="L395" s="16">
        <v>194</v>
      </c>
    </row>
    <row r="396" spans="1:12">
      <c r="A396" s="21" t="s">
        <v>240</v>
      </c>
      <c r="B396" s="21" t="s">
        <v>237</v>
      </c>
      <c r="C396" s="21" t="s">
        <v>265</v>
      </c>
      <c r="D396" s="21" t="s">
        <v>534</v>
      </c>
      <c r="E396" s="21" t="s">
        <v>214</v>
      </c>
      <c r="F396" s="21" t="s">
        <v>461</v>
      </c>
      <c r="G396" s="16">
        <v>55660</v>
      </c>
      <c r="H396" s="16">
        <v>17602</v>
      </c>
      <c r="I396" s="16">
        <v>33424</v>
      </c>
      <c r="J396" s="16">
        <v>545</v>
      </c>
      <c r="K396" s="16">
        <v>3796</v>
      </c>
      <c r="L396" s="16">
        <v>293</v>
      </c>
    </row>
    <row r="397" spans="1:12">
      <c r="A397" s="21" t="s">
        <v>240</v>
      </c>
      <c r="B397" s="21" t="s">
        <v>237</v>
      </c>
      <c r="C397" s="21" t="s">
        <v>265</v>
      </c>
      <c r="D397" s="21" t="s">
        <v>534</v>
      </c>
      <c r="E397" s="21" t="s">
        <v>214</v>
      </c>
      <c r="F397" s="21" t="s">
        <v>462</v>
      </c>
      <c r="G397" s="16">
        <v>31537</v>
      </c>
      <c r="H397" s="16">
        <v>631</v>
      </c>
      <c r="I397" s="16">
        <v>24319</v>
      </c>
      <c r="J397" s="16">
        <v>5501</v>
      </c>
      <c r="K397" s="16">
        <v>994</v>
      </c>
      <c r="L397" s="16">
        <v>92</v>
      </c>
    </row>
    <row r="398" spans="1:12">
      <c r="A398" s="21" t="s">
        <v>240</v>
      </c>
      <c r="B398" s="21" t="s">
        <v>237</v>
      </c>
      <c r="C398" s="21" t="s">
        <v>265</v>
      </c>
      <c r="D398" s="21" t="s">
        <v>534</v>
      </c>
      <c r="E398" s="21" t="s">
        <v>214</v>
      </c>
      <c r="F398" s="21" t="s">
        <v>463</v>
      </c>
      <c r="G398" s="16">
        <v>15501</v>
      </c>
      <c r="H398" s="16">
        <v>171</v>
      </c>
      <c r="I398" s="16">
        <v>10518</v>
      </c>
      <c r="J398" s="16">
        <v>4471</v>
      </c>
      <c r="K398" s="16">
        <v>285</v>
      </c>
      <c r="L398" s="16">
        <v>56</v>
      </c>
    </row>
    <row r="399" spans="1:12">
      <c r="A399" s="21" t="s">
        <v>240</v>
      </c>
      <c r="B399" s="21" t="s">
        <v>237</v>
      </c>
      <c r="C399" s="21" t="s">
        <v>265</v>
      </c>
      <c r="D399" s="21" t="s">
        <v>534</v>
      </c>
      <c r="E399" s="21" t="s">
        <v>214</v>
      </c>
      <c r="F399" s="21" t="s">
        <v>464</v>
      </c>
      <c r="G399" s="16">
        <v>4828</v>
      </c>
      <c r="H399" s="16">
        <v>47</v>
      </c>
      <c r="I399" s="16">
        <v>2234</v>
      </c>
      <c r="J399" s="16">
        <v>2462</v>
      </c>
      <c r="K399" s="16">
        <v>62</v>
      </c>
      <c r="L399" s="16">
        <v>23</v>
      </c>
    </row>
    <row r="400" spans="1:12">
      <c r="A400" s="21" t="s">
        <v>240</v>
      </c>
      <c r="B400" s="21" t="s">
        <v>237</v>
      </c>
      <c r="C400" s="21" t="s">
        <v>265</v>
      </c>
      <c r="D400" s="21" t="s">
        <v>534</v>
      </c>
      <c r="E400" s="21" t="s">
        <v>214</v>
      </c>
      <c r="F400" s="21" t="s">
        <v>431</v>
      </c>
      <c r="G400" s="16">
        <v>58891</v>
      </c>
      <c r="H400" s="16">
        <v>13095</v>
      </c>
      <c r="I400" s="16">
        <v>40343</v>
      </c>
      <c r="J400" s="16">
        <v>959</v>
      </c>
      <c r="K400" s="16">
        <v>4190</v>
      </c>
      <c r="L400" s="16">
        <v>304</v>
      </c>
    </row>
    <row r="401" spans="1:12">
      <c r="A401" s="21" t="s">
        <v>240</v>
      </c>
      <c r="B401" s="21" t="s">
        <v>237</v>
      </c>
      <c r="C401" s="21" t="s">
        <v>265</v>
      </c>
      <c r="D401" s="21" t="s">
        <v>535</v>
      </c>
      <c r="E401" s="21" t="s">
        <v>214</v>
      </c>
      <c r="F401" s="21" t="s">
        <v>401</v>
      </c>
      <c r="G401" s="16">
        <v>33205</v>
      </c>
      <c r="H401" s="16">
        <v>1117</v>
      </c>
      <c r="I401" s="16">
        <v>25909</v>
      </c>
      <c r="J401" s="16">
        <v>3358</v>
      </c>
      <c r="K401" s="16">
        <v>2468</v>
      </c>
      <c r="L401" s="16">
        <v>353</v>
      </c>
    </row>
    <row r="402" spans="1:12">
      <c r="A402" s="21" t="s">
        <v>240</v>
      </c>
      <c r="B402" s="21" t="s">
        <v>237</v>
      </c>
      <c r="C402" s="21" t="s">
        <v>265</v>
      </c>
      <c r="D402" s="21" t="s">
        <v>535</v>
      </c>
      <c r="E402" s="21" t="s">
        <v>214</v>
      </c>
      <c r="F402" s="21" t="s">
        <v>514</v>
      </c>
      <c r="G402" s="22" t="s">
        <v>268</v>
      </c>
      <c r="H402" s="22" t="s">
        <v>268</v>
      </c>
      <c r="I402" s="22" t="s">
        <v>268</v>
      </c>
      <c r="J402" s="22" t="s">
        <v>268</v>
      </c>
      <c r="K402" s="22" t="s">
        <v>268</v>
      </c>
      <c r="L402" s="22" t="s">
        <v>268</v>
      </c>
    </row>
    <row r="403" spans="1:12">
      <c r="A403" s="21" t="s">
        <v>240</v>
      </c>
      <c r="B403" s="21" t="s">
        <v>237</v>
      </c>
      <c r="C403" s="21" t="s">
        <v>265</v>
      </c>
      <c r="D403" s="21" t="s">
        <v>535</v>
      </c>
      <c r="E403" s="21" t="s">
        <v>214</v>
      </c>
      <c r="F403" s="21" t="s">
        <v>515</v>
      </c>
      <c r="G403" s="16">
        <v>9</v>
      </c>
      <c r="H403" s="16">
        <v>5</v>
      </c>
      <c r="I403" s="16">
        <v>3</v>
      </c>
      <c r="J403" s="22" t="s">
        <v>268</v>
      </c>
      <c r="K403" s="16">
        <v>1</v>
      </c>
      <c r="L403" s="22" t="s">
        <v>268</v>
      </c>
    </row>
    <row r="404" spans="1:12">
      <c r="A404" s="21" t="s">
        <v>240</v>
      </c>
      <c r="B404" s="21" t="s">
        <v>237</v>
      </c>
      <c r="C404" s="21" t="s">
        <v>265</v>
      </c>
      <c r="D404" s="21" t="s">
        <v>535</v>
      </c>
      <c r="E404" s="21" t="s">
        <v>214</v>
      </c>
      <c r="F404" s="21" t="s">
        <v>516</v>
      </c>
      <c r="G404" s="16">
        <v>181</v>
      </c>
      <c r="H404" s="16">
        <v>45</v>
      </c>
      <c r="I404" s="16">
        <v>119</v>
      </c>
      <c r="J404" s="22" t="s">
        <v>268</v>
      </c>
      <c r="K404" s="16">
        <v>10</v>
      </c>
      <c r="L404" s="16">
        <v>7</v>
      </c>
    </row>
    <row r="405" spans="1:12">
      <c r="A405" s="21" t="s">
        <v>240</v>
      </c>
      <c r="B405" s="21" t="s">
        <v>237</v>
      </c>
      <c r="C405" s="21" t="s">
        <v>265</v>
      </c>
      <c r="D405" s="21" t="s">
        <v>535</v>
      </c>
      <c r="E405" s="21" t="s">
        <v>214</v>
      </c>
      <c r="F405" s="21" t="s">
        <v>517</v>
      </c>
      <c r="G405" s="16">
        <v>682</v>
      </c>
      <c r="H405" s="16">
        <v>67</v>
      </c>
      <c r="I405" s="16">
        <v>545</v>
      </c>
      <c r="J405" s="22" t="s">
        <v>268</v>
      </c>
      <c r="K405" s="16">
        <v>51</v>
      </c>
      <c r="L405" s="16">
        <v>19</v>
      </c>
    </row>
    <row r="406" spans="1:12">
      <c r="A406" s="21" t="s">
        <v>240</v>
      </c>
      <c r="B406" s="21" t="s">
        <v>237</v>
      </c>
      <c r="C406" s="21" t="s">
        <v>265</v>
      </c>
      <c r="D406" s="21" t="s">
        <v>535</v>
      </c>
      <c r="E406" s="21" t="s">
        <v>214</v>
      </c>
      <c r="F406" s="21" t="s">
        <v>518</v>
      </c>
      <c r="G406" s="16">
        <v>1296</v>
      </c>
      <c r="H406" s="16">
        <v>79</v>
      </c>
      <c r="I406" s="16">
        <v>1062</v>
      </c>
      <c r="J406" s="16">
        <v>7</v>
      </c>
      <c r="K406" s="16">
        <v>124</v>
      </c>
      <c r="L406" s="16">
        <v>24</v>
      </c>
    </row>
    <row r="407" spans="1:12">
      <c r="A407" s="21" t="s">
        <v>240</v>
      </c>
      <c r="B407" s="21" t="s">
        <v>237</v>
      </c>
      <c r="C407" s="21" t="s">
        <v>265</v>
      </c>
      <c r="D407" s="21" t="s">
        <v>535</v>
      </c>
      <c r="E407" s="21" t="s">
        <v>214</v>
      </c>
      <c r="F407" s="21" t="s">
        <v>519</v>
      </c>
      <c r="G407" s="16">
        <v>1900</v>
      </c>
      <c r="H407" s="16">
        <v>82</v>
      </c>
      <c r="I407" s="16">
        <v>1537</v>
      </c>
      <c r="J407" s="16">
        <v>13</v>
      </c>
      <c r="K407" s="16">
        <v>229</v>
      </c>
      <c r="L407" s="16">
        <v>39</v>
      </c>
    </row>
    <row r="408" spans="1:12">
      <c r="A408" s="21" t="s">
        <v>240</v>
      </c>
      <c r="B408" s="21" t="s">
        <v>237</v>
      </c>
      <c r="C408" s="21" t="s">
        <v>265</v>
      </c>
      <c r="D408" s="21" t="s">
        <v>535</v>
      </c>
      <c r="E408" s="21" t="s">
        <v>214</v>
      </c>
      <c r="F408" s="21" t="s">
        <v>520</v>
      </c>
      <c r="G408" s="16">
        <v>2274</v>
      </c>
      <c r="H408" s="16">
        <v>89</v>
      </c>
      <c r="I408" s="16">
        <v>1830</v>
      </c>
      <c r="J408" s="16">
        <v>16</v>
      </c>
      <c r="K408" s="16">
        <v>289</v>
      </c>
      <c r="L408" s="16">
        <v>50</v>
      </c>
    </row>
    <row r="409" spans="1:12">
      <c r="A409" s="21" t="s">
        <v>240</v>
      </c>
      <c r="B409" s="21" t="s">
        <v>237</v>
      </c>
      <c r="C409" s="21" t="s">
        <v>265</v>
      </c>
      <c r="D409" s="21" t="s">
        <v>535</v>
      </c>
      <c r="E409" s="21" t="s">
        <v>214</v>
      </c>
      <c r="F409" s="21" t="s">
        <v>521</v>
      </c>
      <c r="G409" s="16">
        <v>2427</v>
      </c>
      <c r="H409" s="16">
        <v>104</v>
      </c>
      <c r="I409" s="16">
        <v>1913</v>
      </c>
      <c r="J409" s="16">
        <v>41</v>
      </c>
      <c r="K409" s="16">
        <v>333</v>
      </c>
      <c r="L409" s="16">
        <v>36</v>
      </c>
    </row>
    <row r="410" spans="1:12">
      <c r="A410" s="21" t="s">
        <v>240</v>
      </c>
      <c r="B410" s="21" t="s">
        <v>237</v>
      </c>
      <c r="C410" s="21" t="s">
        <v>265</v>
      </c>
      <c r="D410" s="21" t="s">
        <v>535</v>
      </c>
      <c r="E410" s="21" t="s">
        <v>214</v>
      </c>
      <c r="F410" s="21" t="s">
        <v>522</v>
      </c>
      <c r="G410" s="16">
        <v>2359</v>
      </c>
      <c r="H410" s="16">
        <v>135</v>
      </c>
      <c r="I410" s="16">
        <v>1855</v>
      </c>
      <c r="J410" s="16">
        <v>47</v>
      </c>
      <c r="K410" s="16">
        <v>303</v>
      </c>
      <c r="L410" s="16">
        <v>19</v>
      </c>
    </row>
    <row r="411" spans="1:12">
      <c r="A411" s="21" t="s">
        <v>240</v>
      </c>
      <c r="B411" s="21" t="s">
        <v>237</v>
      </c>
      <c r="C411" s="21" t="s">
        <v>265</v>
      </c>
      <c r="D411" s="21" t="s">
        <v>535</v>
      </c>
      <c r="E411" s="21" t="s">
        <v>214</v>
      </c>
      <c r="F411" s="21" t="s">
        <v>523</v>
      </c>
      <c r="G411" s="16">
        <v>2651</v>
      </c>
      <c r="H411" s="16">
        <v>161</v>
      </c>
      <c r="I411" s="16">
        <v>2088</v>
      </c>
      <c r="J411" s="16">
        <v>93</v>
      </c>
      <c r="K411" s="16">
        <v>292</v>
      </c>
      <c r="L411" s="16">
        <v>17</v>
      </c>
    </row>
    <row r="412" spans="1:12">
      <c r="A412" s="21" t="s">
        <v>240</v>
      </c>
      <c r="B412" s="21" t="s">
        <v>237</v>
      </c>
      <c r="C412" s="21" t="s">
        <v>265</v>
      </c>
      <c r="D412" s="21" t="s">
        <v>535</v>
      </c>
      <c r="E412" s="21" t="s">
        <v>214</v>
      </c>
      <c r="F412" s="21" t="s">
        <v>524</v>
      </c>
      <c r="G412" s="16">
        <v>3161</v>
      </c>
      <c r="H412" s="16">
        <v>133</v>
      </c>
      <c r="I412" s="16">
        <v>2569</v>
      </c>
      <c r="J412" s="16">
        <v>166</v>
      </c>
      <c r="K412" s="16">
        <v>275</v>
      </c>
      <c r="L412" s="16">
        <v>18</v>
      </c>
    </row>
    <row r="413" spans="1:12">
      <c r="A413" s="21" t="s">
        <v>240</v>
      </c>
      <c r="B413" s="21" t="s">
        <v>237</v>
      </c>
      <c r="C413" s="21" t="s">
        <v>265</v>
      </c>
      <c r="D413" s="21" t="s">
        <v>535</v>
      </c>
      <c r="E413" s="21" t="s">
        <v>214</v>
      </c>
      <c r="F413" s="21" t="s">
        <v>525</v>
      </c>
      <c r="G413" s="16">
        <v>3892</v>
      </c>
      <c r="H413" s="16">
        <v>104</v>
      </c>
      <c r="I413" s="16">
        <v>3256</v>
      </c>
      <c r="J413" s="16">
        <v>296</v>
      </c>
      <c r="K413" s="16">
        <v>226</v>
      </c>
      <c r="L413" s="16">
        <v>10</v>
      </c>
    </row>
    <row r="414" spans="1:12">
      <c r="A414" s="21" t="s">
        <v>240</v>
      </c>
      <c r="B414" s="21" t="s">
        <v>237</v>
      </c>
      <c r="C414" s="21" t="s">
        <v>265</v>
      </c>
      <c r="D414" s="21" t="s">
        <v>535</v>
      </c>
      <c r="E414" s="21" t="s">
        <v>214</v>
      </c>
      <c r="F414" s="21" t="s">
        <v>526</v>
      </c>
      <c r="G414" s="16">
        <v>4197</v>
      </c>
      <c r="H414" s="16">
        <v>58</v>
      </c>
      <c r="I414" s="16">
        <v>3474</v>
      </c>
      <c r="J414" s="16">
        <v>452</v>
      </c>
      <c r="K414" s="16">
        <v>199</v>
      </c>
      <c r="L414" s="16">
        <v>14</v>
      </c>
    </row>
    <row r="415" spans="1:12">
      <c r="A415" s="21" t="s">
        <v>240</v>
      </c>
      <c r="B415" s="21" t="s">
        <v>237</v>
      </c>
      <c r="C415" s="21" t="s">
        <v>265</v>
      </c>
      <c r="D415" s="21" t="s">
        <v>535</v>
      </c>
      <c r="E415" s="21" t="s">
        <v>214</v>
      </c>
      <c r="F415" s="21" t="s">
        <v>527</v>
      </c>
      <c r="G415" s="16">
        <v>3144</v>
      </c>
      <c r="H415" s="16">
        <v>30</v>
      </c>
      <c r="I415" s="16">
        <v>2475</v>
      </c>
      <c r="J415" s="16">
        <v>547</v>
      </c>
      <c r="K415" s="16">
        <v>77</v>
      </c>
      <c r="L415" s="16">
        <v>15</v>
      </c>
    </row>
    <row r="416" spans="1:12">
      <c r="A416" s="21" t="s">
        <v>240</v>
      </c>
      <c r="B416" s="21" t="s">
        <v>237</v>
      </c>
      <c r="C416" s="21" t="s">
        <v>265</v>
      </c>
      <c r="D416" s="21" t="s">
        <v>535</v>
      </c>
      <c r="E416" s="21" t="s">
        <v>214</v>
      </c>
      <c r="F416" s="21" t="s">
        <v>528</v>
      </c>
      <c r="G416" s="16">
        <v>2571</v>
      </c>
      <c r="H416" s="16">
        <v>11</v>
      </c>
      <c r="I416" s="16">
        <v>1859</v>
      </c>
      <c r="J416" s="16">
        <v>655</v>
      </c>
      <c r="K416" s="16">
        <v>40</v>
      </c>
      <c r="L416" s="16">
        <v>6</v>
      </c>
    </row>
    <row r="417" spans="1:12">
      <c r="A417" s="21" t="s">
        <v>240</v>
      </c>
      <c r="B417" s="21" t="s">
        <v>237</v>
      </c>
      <c r="C417" s="21" t="s">
        <v>265</v>
      </c>
      <c r="D417" s="21" t="s">
        <v>535</v>
      </c>
      <c r="E417" s="21" t="s">
        <v>214</v>
      </c>
      <c r="F417" s="21" t="s">
        <v>529</v>
      </c>
      <c r="G417" s="16">
        <v>1660</v>
      </c>
      <c r="H417" s="16">
        <v>10</v>
      </c>
      <c r="I417" s="16">
        <v>987</v>
      </c>
      <c r="J417" s="16">
        <v>641</v>
      </c>
      <c r="K417" s="16">
        <v>14</v>
      </c>
      <c r="L417" s="16">
        <v>8</v>
      </c>
    </row>
    <row r="418" spans="1:12">
      <c r="A418" s="21" t="s">
        <v>240</v>
      </c>
      <c r="B418" s="21" t="s">
        <v>237</v>
      </c>
      <c r="C418" s="21" t="s">
        <v>265</v>
      </c>
      <c r="D418" s="21" t="s">
        <v>535</v>
      </c>
      <c r="E418" s="21" t="s">
        <v>214</v>
      </c>
      <c r="F418" s="21" t="s">
        <v>530</v>
      </c>
      <c r="G418" s="16">
        <v>614</v>
      </c>
      <c r="H418" s="16">
        <v>2</v>
      </c>
      <c r="I418" s="16">
        <v>307</v>
      </c>
      <c r="J418" s="16">
        <v>299</v>
      </c>
      <c r="K418" s="16">
        <v>3</v>
      </c>
      <c r="L418" s="16">
        <v>3</v>
      </c>
    </row>
    <row r="419" spans="1:12">
      <c r="A419" s="21" t="s">
        <v>240</v>
      </c>
      <c r="B419" s="21" t="s">
        <v>237</v>
      </c>
      <c r="C419" s="21" t="s">
        <v>265</v>
      </c>
      <c r="D419" s="21" t="s">
        <v>535</v>
      </c>
      <c r="E419" s="21" t="s">
        <v>214</v>
      </c>
      <c r="F419" s="21" t="s">
        <v>531</v>
      </c>
      <c r="G419" s="16">
        <v>112</v>
      </c>
      <c r="H419" s="16">
        <v>2</v>
      </c>
      <c r="I419" s="16">
        <v>28</v>
      </c>
      <c r="J419" s="16">
        <v>80</v>
      </c>
      <c r="K419" s="16">
        <v>2</v>
      </c>
      <c r="L419" s="22" t="s">
        <v>268</v>
      </c>
    </row>
    <row r="420" spans="1:12">
      <c r="A420" s="21" t="s">
        <v>240</v>
      </c>
      <c r="B420" s="21" t="s">
        <v>237</v>
      </c>
      <c r="C420" s="21" t="s">
        <v>265</v>
      </c>
      <c r="D420" s="21" t="s">
        <v>535</v>
      </c>
      <c r="E420" s="21" t="s">
        <v>214</v>
      </c>
      <c r="F420" s="21" t="s">
        <v>532</v>
      </c>
      <c r="G420" s="16">
        <v>7</v>
      </c>
      <c r="H420" s="22" t="s">
        <v>268</v>
      </c>
      <c r="I420" s="16">
        <v>2</v>
      </c>
      <c r="J420" s="16">
        <v>5</v>
      </c>
      <c r="K420" s="22" t="s">
        <v>268</v>
      </c>
      <c r="L420" s="22" t="s">
        <v>268</v>
      </c>
    </row>
    <row r="421" spans="1:12">
      <c r="A421" s="21" t="s">
        <v>240</v>
      </c>
      <c r="B421" s="21" t="s">
        <v>237</v>
      </c>
      <c r="C421" s="21" t="s">
        <v>265</v>
      </c>
      <c r="D421" s="21" t="s">
        <v>535</v>
      </c>
      <c r="E421" s="21" t="s">
        <v>214</v>
      </c>
      <c r="F421" s="21" t="s">
        <v>533</v>
      </c>
      <c r="G421" s="16">
        <v>68</v>
      </c>
      <c r="H421" s="22" t="s">
        <v>268</v>
      </c>
      <c r="I421" s="22" t="s">
        <v>268</v>
      </c>
      <c r="J421" s="22" t="s">
        <v>268</v>
      </c>
      <c r="K421" s="22" t="s">
        <v>268</v>
      </c>
      <c r="L421" s="16">
        <v>68</v>
      </c>
    </row>
    <row r="422" spans="1:12">
      <c r="A422" s="21" t="s">
        <v>240</v>
      </c>
      <c r="B422" s="21" t="s">
        <v>237</v>
      </c>
      <c r="C422" s="21" t="s">
        <v>265</v>
      </c>
      <c r="D422" s="21" t="s">
        <v>535</v>
      </c>
      <c r="E422" s="21" t="s">
        <v>214</v>
      </c>
      <c r="F422" s="21" t="s">
        <v>461</v>
      </c>
      <c r="G422" s="16">
        <v>16940</v>
      </c>
      <c r="H422" s="16">
        <v>900</v>
      </c>
      <c r="I422" s="16">
        <v>13521</v>
      </c>
      <c r="J422" s="16">
        <v>383</v>
      </c>
      <c r="K422" s="16">
        <v>1907</v>
      </c>
      <c r="L422" s="16">
        <v>229</v>
      </c>
    </row>
    <row r="423" spans="1:12">
      <c r="A423" s="21" t="s">
        <v>240</v>
      </c>
      <c r="B423" s="21" t="s">
        <v>237</v>
      </c>
      <c r="C423" s="21" t="s">
        <v>265</v>
      </c>
      <c r="D423" s="21" t="s">
        <v>535</v>
      </c>
      <c r="E423" s="21" t="s">
        <v>214</v>
      </c>
      <c r="F423" s="21" t="s">
        <v>462</v>
      </c>
      <c r="G423" s="16">
        <v>16197</v>
      </c>
      <c r="H423" s="16">
        <v>217</v>
      </c>
      <c r="I423" s="16">
        <v>12388</v>
      </c>
      <c r="J423" s="16">
        <v>2975</v>
      </c>
      <c r="K423" s="16">
        <v>561</v>
      </c>
      <c r="L423" s="16">
        <v>56</v>
      </c>
    </row>
    <row r="424" spans="1:12">
      <c r="A424" s="21" t="s">
        <v>240</v>
      </c>
      <c r="B424" s="21" t="s">
        <v>237</v>
      </c>
      <c r="C424" s="21" t="s">
        <v>265</v>
      </c>
      <c r="D424" s="21" t="s">
        <v>535</v>
      </c>
      <c r="E424" s="21" t="s">
        <v>214</v>
      </c>
      <c r="F424" s="21" t="s">
        <v>463</v>
      </c>
      <c r="G424" s="16">
        <v>8108</v>
      </c>
      <c r="H424" s="16">
        <v>55</v>
      </c>
      <c r="I424" s="16">
        <v>5658</v>
      </c>
      <c r="J424" s="16">
        <v>2227</v>
      </c>
      <c r="K424" s="16">
        <v>136</v>
      </c>
      <c r="L424" s="16">
        <v>32</v>
      </c>
    </row>
    <row r="425" spans="1:12">
      <c r="A425" s="21" t="s">
        <v>240</v>
      </c>
      <c r="B425" s="21" t="s">
        <v>237</v>
      </c>
      <c r="C425" s="21" t="s">
        <v>265</v>
      </c>
      <c r="D425" s="21" t="s">
        <v>535</v>
      </c>
      <c r="E425" s="21" t="s">
        <v>214</v>
      </c>
      <c r="F425" s="21" t="s">
        <v>464</v>
      </c>
      <c r="G425" s="16">
        <v>2393</v>
      </c>
      <c r="H425" s="16">
        <v>14</v>
      </c>
      <c r="I425" s="16">
        <v>1324</v>
      </c>
      <c r="J425" s="16">
        <v>1025</v>
      </c>
      <c r="K425" s="16">
        <v>19</v>
      </c>
      <c r="L425" s="16">
        <v>11</v>
      </c>
    </row>
    <row r="426" spans="1:12">
      <c r="A426" s="21" t="s">
        <v>240</v>
      </c>
      <c r="B426" s="21" t="s">
        <v>237</v>
      </c>
      <c r="C426" s="21" t="s">
        <v>265</v>
      </c>
      <c r="D426" s="21" t="s">
        <v>535</v>
      </c>
      <c r="E426" s="21" t="s">
        <v>214</v>
      </c>
      <c r="F426" s="21" t="s">
        <v>431</v>
      </c>
      <c r="G426" s="16">
        <v>20823</v>
      </c>
      <c r="H426" s="16">
        <v>999</v>
      </c>
      <c r="I426" s="16">
        <v>16774</v>
      </c>
      <c r="J426" s="16">
        <v>679</v>
      </c>
      <c r="K426" s="16">
        <v>2132</v>
      </c>
      <c r="L426" s="16">
        <v>239</v>
      </c>
    </row>
    <row r="427" spans="1:12">
      <c r="A427" s="21" t="s">
        <v>240</v>
      </c>
      <c r="B427" s="21" t="s">
        <v>237</v>
      </c>
      <c r="C427" s="21" t="s">
        <v>265</v>
      </c>
      <c r="D427" s="21" t="s">
        <v>536</v>
      </c>
      <c r="E427" s="21" t="s">
        <v>214</v>
      </c>
      <c r="F427" s="21" t="s">
        <v>401</v>
      </c>
      <c r="G427" s="16">
        <v>15791</v>
      </c>
      <c r="H427" s="16">
        <v>5491</v>
      </c>
      <c r="I427" s="16">
        <v>1360</v>
      </c>
      <c r="J427" s="16">
        <v>4070</v>
      </c>
      <c r="K427" s="16">
        <v>2735</v>
      </c>
      <c r="L427" s="16">
        <v>2135</v>
      </c>
    </row>
    <row r="428" spans="1:12">
      <c r="A428" s="21" t="s">
        <v>240</v>
      </c>
      <c r="B428" s="21" t="s">
        <v>237</v>
      </c>
      <c r="C428" s="21" t="s">
        <v>265</v>
      </c>
      <c r="D428" s="21" t="s">
        <v>536</v>
      </c>
      <c r="E428" s="21" t="s">
        <v>214</v>
      </c>
      <c r="F428" s="21" t="s">
        <v>514</v>
      </c>
      <c r="G428" s="22" t="s">
        <v>268</v>
      </c>
      <c r="H428" s="22" t="s">
        <v>268</v>
      </c>
      <c r="I428" s="22" t="s">
        <v>268</v>
      </c>
      <c r="J428" s="22" t="s">
        <v>268</v>
      </c>
      <c r="K428" s="22" t="s">
        <v>268</v>
      </c>
      <c r="L428" s="22" t="s">
        <v>268</v>
      </c>
    </row>
    <row r="429" spans="1:12">
      <c r="A429" s="21" t="s">
        <v>240</v>
      </c>
      <c r="B429" s="21" t="s">
        <v>237</v>
      </c>
      <c r="C429" s="21" t="s">
        <v>265</v>
      </c>
      <c r="D429" s="21" t="s">
        <v>536</v>
      </c>
      <c r="E429" s="21" t="s">
        <v>214</v>
      </c>
      <c r="F429" s="21" t="s">
        <v>515</v>
      </c>
      <c r="G429" s="16">
        <v>104</v>
      </c>
      <c r="H429" s="16">
        <v>94</v>
      </c>
      <c r="I429" s="16">
        <v>1</v>
      </c>
      <c r="J429" s="22" t="s">
        <v>268</v>
      </c>
      <c r="K429" s="16">
        <v>1</v>
      </c>
      <c r="L429" s="16">
        <v>8</v>
      </c>
    </row>
    <row r="430" spans="1:12">
      <c r="A430" s="21" t="s">
        <v>240</v>
      </c>
      <c r="B430" s="21" t="s">
        <v>237</v>
      </c>
      <c r="C430" s="21" t="s">
        <v>265</v>
      </c>
      <c r="D430" s="21" t="s">
        <v>536</v>
      </c>
      <c r="E430" s="21" t="s">
        <v>214</v>
      </c>
      <c r="F430" s="21" t="s">
        <v>516</v>
      </c>
      <c r="G430" s="16">
        <v>1016</v>
      </c>
      <c r="H430" s="16">
        <v>874</v>
      </c>
      <c r="I430" s="16">
        <v>22</v>
      </c>
      <c r="J430" s="22" t="s">
        <v>268</v>
      </c>
      <c r="K430" s="16">
        <v>4</v>
      </c>
      <c r="L430" s="16">
        <v>116</v>
      </c>
    </row>
    <row r="431" spans="1:12">
      <c r="A431" s="21" t="s">
        <v>240</v>
      </c>
      <c r="B431" s="21" t="s">
        <v>237</v>
      </c>
      <c r="C431" s="21" t="s">
        <v>265</v>
      </c>
      <c r="D431" s="21" t="s">
        <v>536</v>
      </c>
      <c r="E431" s="21" t="s">
        <v>214</v>
      </c>
      <c r="F431" s="21" t="s">
        <v>517</v>
      </c>
      <c r="G431" s="16">
        <v>1182</v>
      </c>
      <c r="H431" s="16">
        <v>866</v>
      </c>
      <c r="I431" s="16">
        <v>124</v>
      </c>
      <c r="J431" s="16">
        <v>1</v>
      </c>
      <c r="K431" s="16">
        <v>25</v>
      </c>
      <c r="L431" s="16">
        <v>166</v>
      </c>
    </row>
    <row r="432" spans="1:12">
      <c r="A432" s="21" t="s">
        <v>240</v>
      </c>
      <c r="B432" s="21" t="s">
        <v>237</v>
      </c>
      <c r="C432" s="21" t="s">
        <v>265</v>
      </c>
      <c r="D432" s="21" t="s">
        <v>536</v>
      </c>
      <c r="E432" s="21" t="s">
        <v>214</v>
      </c>
      <c r="F432" s="21" t="s">
        <v>518</v>
      </c>
      <c r="G432" s="16">
        <v>807</v>
      </c>
      <c r="H432" s="16">
        <v>480</v>
      </c>
      <c r="I432" s="16">
        <v>152</v>
      </c>
      <c r="J432" s="16">
        <v>3</v>
      </c>
      <c r="K432" s="16">
        <v>52</v>
      </c>
      <c r="L432" s="16">
        <v>120</v>
      </c>
    </row>
    <row r="433" spans="1:12">
      <c r="A433" s="21" t="s">
        <v>240</v>
      </c>
      <c r="B433" s="21" t="s">
        <v>237</v>
      </c>
      <c r="C433" s="21" t="s">
        <v>265</v>
      </c>
      <c r="D433" s="21" t="s">
        <v>536</v>
      </c>
      <c r="E433" s="21" t="s">
        <v>214</v>
      </c>
      <c r="F433" s="21" t="s">
        <v>519</v>
      </c>
      <c r="G433" s="16">
        <v>634</v>
      </c>
      <c r="H433" s="16">
        <v>358</v>
      </c>
      <c r="I433" s="16">
        <v>100</v>
      </c>
      <c r="J433" s="16">
        <v>4</v>
      </c>
      <c r="K433" s="16">
        <v>76</v>
      </c>
      <c r="L433" s="16">
        <v>96</v>
      </c>
    </row>
    <row r="434" spans="1:12">
      <c r="A434" s="21" t="s">
        <v>240</v>
      </c>
      <c r="B434" s="21" t="s">
        <v>237</v>
      </c>
      <c r="C434" s="21" t="s">
        <v>265</v>
      </c>
      <c r="D434" s="21" t="s">
        <v>536</v>
      </c>
      <c r="E434" s="21" t="s">
        <v>214</v>
      </c>
      <c r="F434" s="21" t="s">
        <v>520</v>
      </c>
      <c r="G434" s="16">
        <v>523</v>
      </c>
      <c r="H434" s="16">
        <v>264</v>
      </c>
      <c r="I434" s="16">
        <v>83</v>
      </c>
      <c r="J434" s="16">
        <v>8</v>
      </c>
      <c r="K434" s="16">
        <v>69</v>
      </c>
      <c r="L434" s="16">
        <v>99</v>
      </c>
    </row>
    <row r="435" spans="1:12">
      <c r="A435" s="21" t="s">
        <v>240</v>
      </c>
      <c r="B435" s="21" t="s">
        <v>237</v>
      </c>
      <c r="C435" s="21" t="s">
        <v>265</v>
      </c>
      <c r="D435" s="21" t="s">
        <v>536</v>
      </c>
      <c r="E435" s="21" t="s">
        <v>214</v>
      </c>
      <c r="F435" s="21" t="s">
        <v>521</v>
      </c>
      <c r="G435" s="16">
        <v>762</v>
      </c>
      <c r="H435" s="16">
        <v>332</v>
      </c>
      <c r="I435" s="16">
        <v>130</v>
      </c>
      <c r="J435" s="16">
        <v>11</v>
      </c>
      <c r="K435" s="16">
        <v>195</v>
      </c>
      <c r="L435" s="16">
        <v>94</v>
      </c>
    </row>
    <row r="436" spans="1:12">
      <c r="A436" s="21" t="s">
        <v>240</v>
      </c>
      <c r="B436" s="21" t="s">
        <v>237</v>
      </c>
      <c r="C436" s="21" t="s">
        <v>265</v>
      </c>
      <c r="D436" s="21" t="s">
        <v>536</v>
      </c>
      <c r="E436" s="21" t="s">
        <v>214</v>
      </c>
      <c r="F436" s="21" t="s">
        <v>522</v>
      </c>
      <c r="G436" s="16">
        <v>808</v>
      </c>
      <c r="H436" s="16">
        <v>312</v>
      </c>
      <c r="I436" s="16">
        <v>133</v>
      </c>
      <c r="J436" s="16">
        <v>28</v>
      </c>
      <c r="K436" s="16">
        <v>257</v>
      </c>
      <c r="L436" s="16">
        <v>78</v>
      </c>
    </row>
    <row r="437" spans="1:12">
      <c r="A437" s="21" t="s">
        <v>240</v>
      </c>
      <c r="B437" s="21" t="s">
        <v>237</v>
      </c>
      <c r="C437" s="21" t="s">
        <v>265</v>
      </c>
      <c r="D437" s="21" t="s">
        <v>536</v>
      </c>
      <c r="E437" s="21" t="s">
        <v>214</v>
      </c>
      <c r="F437" s="21" t="s">
        <v>523</v>
      </c>
      <c r="G437" s="16">
        <v>1014</v>
      </c>
      <c r="H437" s="16">
        <v>394</v>
      </c>
      <c r="I437" s="16">
        <v>153</v>
      </c>
      <c r="J437" s="16">
        <v>80</v>
      </c>
      <c r="K437" s="16">
        <v>309</v>
      </c>
      <c r="L437" s="16">
        <v>78</v>
      </c>
    </row>
    <row r="438" spans="1:12">
      <c r="A438" s="21" t="s">
        <v>240</v>
      </c>
      <c r="B438" s="21" t="s">
        <v>237</v>
      </c>
      <c r="C438" s="21" t="s">
        <v>265</v>
      </c>
      <c r="D438" s="21" t="s">
        <v>536</v>
      </c>
      <c r="E438" s="21" t="s">
        <v>214</v>
      </c>
      <c r="F438" s="21" t="s">
        <v>524</v>
      </c>
      <c r="G438" s="16">
        <v>1199</v>
      </c>
      <c r="H438" s="16">
        <v>442</v>
      </c>
      <c r="I438" s="16">
        <v>96</v>
      </c>
      <c r="J438" s="16">
        <v>169</v>
      </c>
      <c r="K438" s="16">
        <v>409</v>
      </c>
      <c r="L438" s="16">
        <v>83</v>
      </c>
    </row>
    <row r="439" spans="1:12">
      <c r="A439" s="21" t="s">
        <v>240</v>
      </c>
      <c r="B439" s="21" t="s">
        <v>237</v>
      </c>
      <c r="C439" s="21" t="s">
        <v>265</v>
      </c>
      <c r="D439" s="21" t="s">
        <v>536</v>
      </c>
      <c r="E439" s="21" t="s">
        <v>214</v>
      </c>
      <c r="F439" s="21" t="s">
        <v>525</v>
      </c>
      <c r="G439" s="16">
        <v>1433</v>
      </c>
      <c r="H439" s="16">
        <v>431</v>
      </c>
      <c r="I439" s="16">
        <v>99</v>
      </c>
      <c r="J439" s="16">
        <v>327</v>
      </c>
      <c r="K439" s="16">
        <v>502</v>
      </c>
      <c r="L439" s="16">
        <v>74</v>
      </c>
    </row>
    <row r="440" spans="1:12">
      <c r="A440" s="21" t="s">
        <v>240</v>
      </c>
      <c r="B440" s="21" t="s">
        <v>237</v>
      </c>
      <c r="C440" s="21" t="s">
        <v>265</v>
      </c>
      <c r="D440" s="21" t="s">
        <v>536</v>
      </c>
      <c r="E440" s="21" t="s">
        <v>214</v>
      </c>
      <c r="F440" s="21" t="s">
        <v>526</v>
      </c>
      <c r="G440" s="16">
        <v>1521</v>
      </c>
      <c r="H440" s="16">
        <v>332</v>
      </c>
      <c r="I440" s="16">
        <v>95</v>
      </c>
      <c r="J440" s="16">
        <v>593</v>
      </c>
      <c r="K440" s="16">
        <v>458</v>
      </c>
      <c r="L440" s="16">
        <v>43</v>
      </c>
    </row>
    <row r="441" spans="1:12">
      <c r="A441" s="21" t="s">
        <v>240</v>
      </c>
      <c r="B441" s="21" t="s">
        <v>237</v>
      </c>
      <c r="C441" s="21" t="s">
        <v>265</v>
      </c>
      <c r="D441" s="21" t="s">
        <v>536</v>
      </c>
      <c r="E441" s="21" t="s">
        <v>214</v>
      </c>
      <c r="F441" s="21" t="s">
        <v>527</v>
      </c>
      <c r="G441" s="16">
        <v>1258</v>
      </c>
      <c r="H441" s="16">
        <v>175</v>
      </c>
      <c r="I441" s="16">
        <v>57</v>
      </c>
      <c r="J441" s="16">
        <v>796</v>
      </c>
      <c r="K441" s="16">
        <v>199</v>
      </c>
      <c r="L441" s="16">
        <v>31</v>
      </c>
    </row>
    <row r="442" spans="1:12">
      <c r="A442" s="21" t="s">
        <v>240</v>
      </c>
      <c r="B442" s="21" t="s">
        <v>237</v>
      </c>
      <c r="C442" s="21" t="s">
        <v>265</v>
      </c>
      <c r="D442" s="21" t="s">
        <v>536</v>
      </c>
      <c r="E442" s="21" t="s">
        <v>214</v>
      </c>
      <c r="F442" s="21" t="s">
        <v>528</v>
      </c>
      <c r="G442" s="16">
        <v>1171</v>
      </c>
      <c r="H442" s="16">
        <v>70</v>
      </c>
      <c r="I442" s="16">
        <v>59</v>
      </c>
      <c r="J442" s="16">
        <v>899</v>
      </c>
      <c r="K442" s="16">
        <v>120</v>
      </c>
      <c r="L442" s="16">
        <v>23</v>
      </c>
    </row>
    <row r="443" spans="1:12">
      <c r="A443" s="21" t="s">
        <v>240</v>
      </c>
      <c r="B443" s="21" t="s">
        <v>237</v>
      </c>
      <c r="C443" s="21" t="s">
        <v>265</v>
      </c>
      <c r="D443" s="21" t="s">
        <v>536</v>
      </c>
      <c r="E443" s="21" t="s">
        <v>214</v>
      </c>
      <c r="F443" s="21" t="s">
        <v>529</v>
      </c>
      <c r="G443" s="16">
        <v>941</v>
      </c>
      <c r="H443" s="16">
        <v>50</v>
      </c>
      <c r="I443" s="16">
        <v>40</v>
      </c>
      <c r="J443" s="16">
        <v>784</v>
      </c>
      <c r="K443" s="16">
        <v>48</v>
      </c>
      <c r="L443" s="16">
        <v>19</v>
      </c>
    </row>
    <row r="444" spans="1:12">
      <c r="A444" s="21" t="s">
        <v>240</v>
      </c>
      <c r="B444" s="21" t="s">
        <v>237</v>
      </c>
      <c r="C444" s="21" t="s">
        <v>265</v>
      </c>
      <c r="D444" s="21" t="s">
        <v>536</v>
      </c>
      <c r="E444" s="21" t="s">
        <v>214</v>
      </c>
      <c r="F444" s="21" t="s">
        <v>530</v>
      </c>
      <c r="G444" s="16">
        <v>355</v>
      </c>
      <c r="H444" s="16">
        <v>12</v>
      </c>
      <c r="I444" s="16">
        <v>12</v>
      </c>
      <c r="J444" s="16">
        <v>320</v>
      </c>
      <c r="K444" s="16">
        <v>8</v>
      </c>
      <c r="L444" s="16">
        <v>3</v>
      </c>
    </row>
    <row r="445" spans="1:12">
      <c r="A445" s="21" t="s">
        <v>240</v>
      </c>
      <c r="B445" s="21" t="s">
        <v>237</v>
      </c>
      <c r="C445" s="21" t="s">
        <v>265</v>
      </c>
      <c r="D445" s="21" t="s">
        <v>536</v>
      </c>
      <c r="E445" s="21" t="s">
        <v>214</v>
      </c>
      <c r="F445" s="21" t="s">
        <v>531</v>
      </c>
      <c r="G445" s="16">
        <v>56</v>
      </c>
      <c r="H445" s="16">
        <v>5</v>
      </c>
      <c r="I445" s="16">
        <v>4</v>
      </c>
      <c r="J445" s="16">
        <v>43</v>
      </c>
      <c r="K445" s="16">
        <v>3</v>
      </c>
      <c r="L445" s="16">
        <v>1</v>
      </c>
    </row>
    <row r="446" spans="1:12">
      <c r="A446" s="21" t="s">
        <v>240</v>
      </c>
      <c r="B446" s="21" t="s">
        <v>237</v>
      </c>
      <c r="C446" s="21" t="s">
        <v>265</v>
      </c>
      <c r="D446" s="21" t="s">
        <v>536</v>
      </c>
      <c r="E446" s="21" t="s">
        <v>214</v>
      </c>
      <c r="F446" s="21" t="s">
        <v>532</v>
      </c>
      <c r="G446" s="16">
        <v>4</v>
      </c>
      <c r="H446" s="22" t="s">
        <v>268</v>
      </c>
      <c r="I446" s="22" t="s">
        <v>268</v>
      </c>
      <c r="J446" s="16">
        <v>4</v>
      </c>
      <c r="K446" s="22" t="s">
        <v>268</v>
      </c>
      <c r="L446" s="22" t="s">
        <v>268</v>
      </c>
    </row>
    <row r="447" spans="1:12">
      <c r="A447" s="21" t="s">
        <v>240</v>
      </c>
      <c r="B447" s="21" t="s">
        <v>237</v>
      </c>
      <c r="C447" s="21" t="s">
        <v>265</v>
      </c>
      <c r="D447" s="21" t="s">
        <v>536</v>
      </c>
      <c r="E447" s="21" t="s">
        <v>214</v>
      </c>
      <c r="F447" s="21" t="s">
        <v>533</v>
      </c>
      <c r="G447" s="16">
        <v>1003</v>
      </c>
      <c r="H447" s="22" t="s">
        <v>268</v>
      </c>
      <c r="I447" s="22" t="s">
        <v>268</v>
      </c>
      <c r="J447" s="22" t="s">
        <v>268</v>
      </c>
      <c r="K447" s="22" t="s">
        <v>268</v>
      </c>
      <c r="L447" s="16">
        <v>1003</v>
      </c>
    </row>
    <row r="448" spans="1:12">
      <c r="A448" s="21" t="s">
        <v>240</v>
      </c>
      <c r="B448" s="21" t="s">
        <v>237</v>
      </c>
      <c r="C448" s="21" t="s">
        <v>265</v>
      </c>
      <c r="D448" s="21" t="s">
        <v>536</v>
      </c>
      <c r="E448" s="21" t="s">
        <v>214</v>
      </c>
      <c r="F448" s="21" t="s">
        <v>461</v>
      </c>
      <c r="G448" s="16">
        <v>8049</v>
      </c>
      <c r="H448" s="16">
        <v>4416</v>
      </c>
      <c r="I448" s="16">
        <v>994</v>
      </c>
      <c r="J448" s="16">
        <v>304</v>
      </c>
      <c r="K448" s="16">
        <v>1397</v>
      </c>
      <c r="L448" s="16">
        <v>938</v>
      </c>
    </row>
    <row r="449" spans="1:12">
      <c r="A449" s="21" t="s">
        <v>240</v>
      </c>
      <c r="B449" s="21" t="s">
        <v>237</v>
      </c>
      <c r="C449" s="21" t="s">
        <v>265</v>
      </c>
      <c r="D449" s="21" t="s">
        <v>536</v>
      </c>
      <c r="E449" s="21" t="s">
        <v>214</v>
      </c>
      <c r="F449" s="21" t="s">
        <v>462</v>
      </c>
      <c r="G449" s="16">
        <v>6739</v>
      </c>
      <c r="H449" s="16">
        <v>1075</v>
      </c>
      <c r="I449" s="16">
        <v>366</v>
      </c>
      <c r="J449" s="16">
        <v>3766</v>
      </c>
      <c r="K449" s="16">
        <v>1338</v>
      </c>
      <c r="L449" s="16">
        <v>194</v>
      </c>
    </row>
    <row r="450" spans="1:12">
      <c r="A450" s="21" t="s">
        <v>240</v>
      </c>
      <c r="B450" s="21" t="s">
        <v>237</v>
      </c>
      <c r="C450" s="21" t="s">
        <v>265</v>
      </c>
      <c r="D450" s="21" t="s">
        <v>536</v>
      </c>
      <c r="E450" s="21" t="s">
        <v>214</v>
      </c>
      <c r="F450" s="21" t="s">
        <v>463</v>
      </c>
      <c r="G450" s="16">
        <v>3785</v>
      </c>
      <c r="H450" s="16">
        <v>312</v>
      </c>
      <c r="I450" s="16">
        <v>172</v>
      </c>
      <c r="J450" s="16">
        <v>2846</v>
      </c>
      <c r="K450" s="16">
        <v>378</v>
      </c>
      <c r="L450" s="16">
        <v>77</v>
      </c>
    </row>
    <row r="451" spans="1:12">
      <c r="A451" s="21" t="s">
        <v>240</v>
      </c>
      <c r="B451" s="21" t="s">
        <v>237</v>
      </c>
      <c r="C451" s="21" t="s">
        <v>265</v>
      </c>
      <c r="D451" s="21" t="s">
        <v>536</v>
      </c>
      <c r="E451" s="21" t="s">
        <v>214</v>
      </c>
      <c r="F451" s="21" t="s">
        <v>464</v>
      </c>
      <c r="G451" s="16">
        <v>1356</v>
      </c>
      <c r="H451" s="16">
        <v>67</v>
      </c>
      <c r="I451" s="16">
        <v>56</v>
      </c>
      <c r="J451" s="16">
        <v>1151</v>
      </c>
      <c r="K451" s="16">
        <v>59</v>
      </c>
      <c r="L451" s="16">
        <v>23</v>
      </c>
    </row>
    <row r="452" spans="1:12">
      <c r="A452" s="21" t="s">
        <v>240</v>
      </c>
      <c r="B452" s="21" t="s">
        <v>237</v>
      </c>
      <c r="C452" s="21" t="s">
        <v>265</v>
      </c>
      <c r="D452" s="21" t="s">
        <v>536</v>
      </c>
      <c r="E452" s="21" t="s">
        <v>214</v>
      </c>
      <c r="F452" s="21" t="s">
        <v>431</v>
      </c>
      <c r="G452" s="16">
        <v>9378</v>
      </c>
      <c r="H452" s="16">
        <v>4753</v>
      </c>
      <c r="I452" s="16">
        <v>1092</v>
      </c>
      <c r="J452" s="16">
        <v>631</v>
      </c>
      <c r="K452" s="16">
        <v>1898</v>
      </c>
      <c r="L452" s="16">
        <v>1004</v>
      </c>
    </row>
    <row r="453" spans="1:12">
      <c r="A453" s="21" t="s">
        <v>240</v>
      </c>
      <c r="B453" s="21" t="s">
        <v>237</v>
      </c>
      <c r="C453" s="21" t="s">
        <v>265</v>
      </c>
      <c r="D453" s="21" t="s">
        <v>218</v>
      </c>
      <c r="E453" s="21" t="s">
        <v>214</v>
      </c>
      <c r="F453" s="21" t="s">
        <v>401</v>
      </c>
      <c r="G453" s="16">
        <v>5240</v>
      </c>
      <c r="H453" s="16">
        <v>1734</v>
      </c>
      <c r="I453" s="16">
        <v>774</v>
      </c>
      <c r="J453" s="16">
        <v>2030</v>
      </c>
      <c r="K453" s="16">
        <v>322</v>
      </c>
      <c r="L453" s="16">
        <v>380</v>
      </c>
    </row>
    <row r="454" spans="1:12">
      <c r="A454" s="21" t="s">
        <v>240</v>
      </c>
      <c r="B454" s="21" t="s">
        <v>237</v>
      </c>
      <c r="C454" s="21" t="s">
        <v>265</v>
      </c>
      <c r="D454" s="21" t="s">
        <v>218</v>
      </c>
      <c r="E454" s="21" t="s">
        <v>214</v>
      </c>
      <c r="F454" s="21" t="s">
        <v>514</v>
      </c>
      <c r="G454" s="16">
        <v>34</v>
      </c>
      <c r="H454" s="16">
        <v>34</v>
      </c>
      <c r="I454" s="22" t="s">
        <v>268</v>
      </c>
      <c r="J454" s="22" t="s">
        <v>268</v>
      </c>
      <c r="K454" s="22" t="s">
        <v>268</v>
      </c>
      <c r="L454" s="22" t="s">
        <v>268</v>
      </c>
    </row>
    <row r="455" spans="1:12">
      <c r="A455" s="21" t="s">
        <v>240</v>
      </c>
      <c r="B455" s="21" t="s">
        <v>237</v>
      </c>
      <c r="C455" s="21" t="s">
        <v>265</v>
      </c>
      <c r="D455" s="21" t="s">
        <v>218</v>
      </c>
      <c r="E455" s="21" t="s">
        <v>214</v>
      </c>
      <c r="F455" s="21" t="s">
        <v>515</v>
      </c>
      <c r="G455" s="16">
        <v>831</v>
      </c>
      <c r="H455" s="16">
        <v>831</v>
      </c>
      <c r="I455" s="22" t="s">
        <v>268</v>
      </c>
      <c r="J455" s="22" t="s">
        <v>268</v>
      </c>
      <c r="K455" s="22" t="s">
        <v>268</v>
      </c>
      <c r="L455" s="22" t="s">
        <v>268</v>
      </c>
    </row>
    <row r="456" spans="1:12">
      <c r="A456" s="21" t="s">
        <v>240</v>
      </c>
      <c r="B456" s="21" t="s">
        <v>237</v>
      </c>
      <c r="C456" s="21" t="s">
        <v>265</v>
      </c>
      <c r="D456" s="21" t="s">
        <v>218</v>
      </c>
      <c r="E456" s="21" t="s">
        <v>214</v>
      </c>
      <c r="F456" s="21" t="s">
        <v>516</v>
      </c>
      <c r="G456" s="16">
        <v>97</v>
      </c>
      <c r="H456" s="16">
        <v>97</v>
      </c>
      <c r="I456" s="22" t="s">
        <v>268</v>
      </c>
      <c r="J456" s="22" t="s">
        <v>268</v>
      </c>
      <c r="K456" s="22" t="s">
        <v>268</v>
      </c>
      <c r="L456" s="22" t="s">
        <v>268</v>
      </c>
    </row>
    <row r="457" spans="1:12">
      <c r="A457" s="21" t="s">
        <v>240</v>
      </c>
      <c r="B457" s="21" t="s">
        <v>237</v>
      </c>
      <c r="C457" s="21" t="s">
        <v>265</v>
      </c>
      <c r="D457" s="21" t="s">
        <v>218</v>
      </c>
      <c r="E457" s="21" t="s">
        <v>214</v>
      </c>
      <c r="F457" s="21" t="s">
        <v>517</v>
      </c>
      <c r="G457" s="16">
        <v>17</v>
      </c>
      <c r="H457" s="16">
        <v>12</v>
      </c>
      <c r="I457" s="16">
        <v>2</v>
      </c>
      <c r="J457" s="22" t="s">
        <v>268</v>
      </c>
      <c r="K457" s="16">
        <v>2</v>
      </c>
      <c r="L457" s="16">
        <v>1</v>
      </c>
    </row>
    <row r="458" spans="1:12">
      <c r="A458" s="21" t="s">
        <v>240</v>
      </c>
      <c r="B458" s="21" t="s">
        <v>237</v>
      </c>
      <c r="C458" s="21" t="s">
        <v>265</v>
      </c>
      <c r="D458" s="21" t="s">
        <v>218</v>
      </c>
      <c r="E458" s="21" t="s">
        <v>214</v>
      </c>
      <c r="F458" s="21" t="s">
        <v>518</v>
      </c>
      <c r="G458" s="16">
        <v>24</v>
      </c>
      <c r="H458" s="16">
        <v>20</v>
      </c>
      <c r="I458" s="16">
        <v>4</v>
      </c>
      <c r="J458" s="22" t="s">
        <v>268</v>
      </c>
      <c r="K458" s="22" t="s">
        <v>268</v>
      </c>
      <c r="L458" s="22" t="s">
        <v>268</v>
      </c>
    </row>
    <row r="459" spans="1:12">
      <c r="A459" s="21" t="s">
        <v>240</v>
      </c>
      <c r="B459" s="21" t="s">
        <v>237</v>
      </c>
      <c r="C459" s="21" t="s">
        <v>265</v>
      </c>
      <c r="D459" s="21" t="s">
        <v>218</v>
      </c>
      <c r="E459" s="21" t="s">
        <v>214</v>
      </c>
      <c r="F459" s="21" t="s">
        <v>519</v>
      </c>
      <c r="G459" s="16">
        <v>17</v>
      </c>
      <c r="H459" s="16">
        <v>16</v>
      </c>
      <c r="I459" s="22" t="s">
        <v>268</v>
      </c>
      <c r="J459" s="22" t="s">
        <v>268</v>
      </c>
      <c r="K459" s="16">
        <v>1</v>
      </c>
      <c r="L459" s="22" t="s">
        <v>268</v>
      </c>
    </row>
    <row r="460" spans="1:12">
      <c r="A460" s="21" t="s">
        <v>240</v>
      </c>
      <c r="B460" s="21" t="s">
        <v>237</v>
      </c>
      <c r="C460" s="21" t="s">
        <v>265</v>
      </c>
      <c r="D460" s="21" t="s">
        <v>218</v>
      </c>
      <c r="E460" s="21" t="s">
        <v>214</v>
      </c>
      <c r="F460" s="21" t="s">
        <v>520</v>
      </c>
      <c r="G460" s="16">
        <v>19</v>
      </c>
      <c r="H460" s="16">
        <v>17</v>
      </c>
      <c r="I460" s="16">
        <v>1</v>
      </c>
      <c r="J460" s="22" t="s">
        <v>268</v>
      </c>
      <c r="K460" s="16">
        <v>1</v>
      </c>
      <c r="L460" s="22" t="s">
        <v>268</v>
      </c>
    </row>
    <row r="461" spans="1:12">
      <c r="A461" s="21" t="s">
        <v>240</v>
      </c>
      <c r="B461" s="21" t="s">
        <v>237</v>
      </c>
      <c r="C461" s="21" t="s">
        <v>265</v>
      </c>
      <c r="D461" s="21" t="s">
        <v>218</v>
      </c>
      <c r="E461" s="21" t="s">
        <v>214</v>
      </c>
      <c r="F461" s="21" t="s">
        <v>521</v>
      </c>
      <c r="G461" s="16">
        <v>55</v>
      </c>
      <c r="H461" s="16">
        <v>48</v>
      </c>
      <c r="I461" s="16">
        <v>3</v>
      </c>
      <c r="J461" s="22" t="s">
        <v>268</v>
      </c>
      <c r="K461" s="16">
        <v>3</v>
      </c>
      <c r="L461" s="16">
        <v>1</v>
      </c>
    </row>
    <row r="462" spans="1:12">
      <c r="A462" s="21" t="s">
        <v>240</v>
      </c>
      <c r="B462" s="21" t="s">
        <v>237</v>
      </c>
      <c r="C462" s="21" t="s">
        <v>265</v>
      </c>
      <c r="D462" s="21" t="s">
        <v>218</v>
      </c>
      <c r="E462" s="21" t="s">
        <v>214</v>
      </c>
      <c r="F462" s="21" t="s">
        <v>522</v>
      </c>
      <c r="G462" s="16">
        <v>66</v>
      </c>
      <c r="H462" s="16">
        <v>50</v>
      </c>
      <c r="I462" s="16">
        <v>6</v>
      </c>
      <c r="J462" s="22" t="s">
        <v>268</v>
      </c>
      <c r="K462" s="16">
        <v>10</v>
      </c>
      <c r="L462" s="22" t="s">
        <v>268</v>
      </c>
    </row>
    <row r="463" spans="1:12">
      <c r="A463" s="21" t="s">
        <v>240</v>
      </c>
      <c r="B463" s="21" t="s">
        <v>237</v>
      </c>
      <c r="C463" s="21" t="s">
        <v>265</v>
      </c>
      <c r="D463" s="21" t="s">
        <v>218</v>
      </c>
      <c r="E463" s="21" t="s">
        <v>214</v>
      </c>
      <c r="F463" s="21" t="s">
        <v>523</v>
      </c>
      <c r="G463" s="16">
        <v>82</v>
      </c>
      <c r="H463" s="16">
        <v>56</v>
      </c>
      <c r="I463" s="16">
        <v>5</v>
      </c>
      <c r="J463" s="16">
        <v>4</v>
      </c>
      <c r="K463" s="16">
        <v>14</v>
      </c>
      <c r="L463" s="16">
        <v>3</v>
      </c>
    </row>
    <row r="464" spans="1:12">
      <c r="A464" s="21" t="s">
        <v>240</v>
      </c>
      <c r="B464" s="21" t="s">
        <v>237</v>
      </c>
      <c r="C464" s="21" t="s">
        <v>265</v>
      </c>
      <c r="D464" s="21" t="s">
        <v>218</v>
      </c>
      <c r="E464" s="21" t="s">
        <v>214</v>
      </c>
      <c r="F464" s="21" t="s">
        <v>524</v>
      </c>
      <c r="G464" s="16">
        <v>129</v>
      </c>
      <c r="H464" s="16">
        <v>80</v>
      </c>
      <c r="I464" s="16">
        <v>14</v>
      </c>
      <c r="J464" s="16">
        <v>5</v>
      </c>
      <c r="K464" s="16">
        <v>21</v>
      </c>
      <c r="L464" s="16">
        <v>9</v>
      </c>
    </row>
    <row r="465" spans="1:12">
      <c r="A465" s="21" t="s">
        <v>240</v>
      </c>
      <c r="B465" s="21" t="s">
        <v>237</v>
      </c>
      <c r="C465" s="21" t="s">
        <v>265</v>
      </c>
      <c r="D465" s="21" t="s">
        <v>218</v>
      </c>
      <c r="E465" s="21" t="s">
        <v>214</v>
      </c>
      <c r="F465" s="21" t="s">
        <v>525</v>
      </c>
      <c r="G465" s="16">
        <v>214</v>
      </c>
      <c r="H465" s="16">
        <v>111</v>
      </c>
      <c r="I465" s="16">
        <v>37</v>
      </c>
      <c r="J465" s="16">
        <v>18</v>
      </c>
      <c r="K465" s="16">
        <v>34</v>
      </c>
      <c r="L465" s="16">
        <v>14</v>
      </c>
    </row>
    <row r="466" spans="1:12">
      <c r="A466" s="21" t="s">
        <v>240</v>
      </c>
      <c r="B466" s="21" t="s">
        <v>237</v>
      </c>
      <c r="C466" s="21" t="s">
        <v>265</v>
      </c>
      <c r="D466" s="21" t="s">
        <v>218</v>
      </c>
      <c r="E466" s="21" t="s">
        <v>214</v>
      </c>
      <c r="F466" s="21" t="s">
        <v>526</v>
      </c>
      <c r="G466" s="16">
        <v>308</v>
      </c>
      <c r="H466" s="16">
        <v>99</v>
      </c>
      <c r="I466" s="16">
        <v>74</v>
      </c>
      <c r="J466" s="16">
        <v>39</v>
      </c>
      <c r="K466" s="16">
        <v>72</v>
      </c>
      <c r="L466" s="16">
        <v>24</v>
      </c>
    </row>
    <row r="467" spans="1:12">
      <c r="A467" s="21" t="s">
        <v>240</v>
      </c>
      <c r="B467" s="21" t="s">
        <v>237</v>
      </c>
      <c r="C467" s="21" t="s">
        <v>265</v>
      </c>
      <c r="D467" s="21" t="s">
        <v>218</v>
      </c>
      <c r="E467" s="21" t="s">
        <v>214</v>
      </c>
      <c r="F467" s="21" t="s">
        <v>527</v>
      </c>
      <c r="G467" s="16">
        <v>381</v>
      </c>
      <c r="H467" s="16">
        <v>78</v>
      </c>
      <c r="I467" s="16">
        <v>107</v>
      </c>
      <c r="J467" s="16">
        <v>114</v>
      </c>
      <c r="K467" s="16">
        <v>44</v>
      </c>
      <c r="L467" s="16">
        <v>38</v>
      </c>
    </row>
    <row r="468" spans="1:12">
      <c r="A468" s="21" t="s">
        <v>240</v>
      </c>
      <c r="B468" s="21" t="s">
        <v>237</v>
      </c>
      <c r="C468" s="21" t="s">
        <v>265</v>
      </c>
      <c r="D468" s="21" t="s">
        <v>218</v>
      </c>
      <c r="E468" s="21" t="s">
        <v>214</v>
      </c>
      <c r="F468" s="21" t="s">
        <v>528</v>
      </c>
      <c r="G468" s="16">
        <v>612</v>
      </c>
      <c r="H468" s="16">
        <v>69</v>
      </c>
      <c r="I468" s="16">
        <v>154</v>
      </c>
      <c r="J468" s="16">
        <v>262</v>
      </c>
      <c r="K468" s="16">
        <v>51</v>
      </c>
      <c r="L468" s="16">
        <v>76</v>
      </c>
    </row>
    <row r="469" spans="1:12">
      <c r="A469" s="21" t="s">
        <v>240</v>
      </c>
      <c r="B469" s="21" t="s">
        <v>237</v>
      </c>
      <c r="C469" s="21" t="s">
        <v>265</v>
      </c>
      <c r="D469" s="21" t="s">
        <v>218</v>
      </c>
      <c r="E469" s="21" t="s">
        <v>214</v>
      </c>
      <c r="F469" s="21" t="s">
        <v>529</v>
      </c>
      <c r="G469" s="16">
        <v>1043</v>
      </c>
      <c r="H469" s="16">
        <v>57</v>
      </c>
      <c r="I469" s="16">
        <v>234</v>
      </c>
      <c r="J469" s="16">
        <v>620</v>
      </c>
      <c r="K469" s="16">
        <v>41</v>
      </c>
      <c r="L469" s="16">
        <v>91</v>
      </c>
    </row>
    <row r="470" spans="1:12">
      <c r="A470" s="21" t="s">
        <v>240</v>
      </c>
      <c r="B470" s="21" t="s">
        <v>237</v>
      </c>
      <c r="C470" s="21" t="s">
        <v>265</v>
      </c>
      <c r="D470" s="21" t="s">
        <v>218</v>
      </c>
      <c r="E470" s="21" t="s">
        <v>214</v>
      </c>
      <c r="F470" s="21" t="s">
        <v>530</v>
      </c>
      <c r="G470" s="16">
        <v>873</v>
      </c>
      <c r="H470" s="16">
        <v>45</v>
      </c>
      <c r="I470" s="16">
        <v>114</v>
      </c>
      <c r="J470" s="16">
        <v>623</v>
      </c>
      <c r="K470" s="16">
        <v>22</v>
      </c>
      <c r="L470" s="16">
        <v>69</v>
      </c>
    </row>
    <row r="471" spans="1:12">
      <c r="A471" s="21" t="s">
        <v>240</v>
      </c>
      <c r="B471" s="21" t="s">
        <v>237</v>
      </c>
      <c r="C471" s="21" t="s">
        <v>265</v>
      </c>
      <c r="D471" s="21" t="s">
        <v>218</v>
      </c>
      <c r="E471" s="21" t="s">
        <v>214</v>
      </c>
      <c r="F471" s="21" t="s">
        <v>531</v>
      </c>
      <c r="G471" s="16">
        <v>359</v>
      </c>
      <c r="H471" s="16">
        <v>13</v>
      </c>
      <c r="I471" s="16">
        <v>18</v>
      </c>
      <c r="J471" s="16">
        <v>286</v>
      </c>
      <c r="K471" s="16">
        <v>6</v>
      </c>
      <c r="L471" s="16">
        <v>36</v>
      </c>
    </row>
    <row r="472" spans="1:12">
      <c r="A472" s="21" t="s">
        <v>240</v>
      </c>
      <c r="B472" s="21" t="s">
        <v>237</v>
      </c>
      <c r="C472" s="21" t="s">
        <v>265</v>
      </c>
      <c r="D472" s="21" t="s">
        <v>218</v>
      </c>
      <c r="E472" s="21" t="s">
        <v>214</v>
      </c>
      <c r="F472" s="21" t="s">
        <v>532</v>
      </c>
      <c r="G472" s="16">
        <v>65</v>
      </c>
      <c r="H472" s="16">
        <v>1</v>
      </c>
      <c r="I472" s="16">
        <v>1</v>
      </c>
      <c r="J472" s="16">
        <v>59</v>
      </c>
      <c r="K472" s="22" t="s">
        <v>268</v>
      </c>
      <c r="L472" s="16">
        <v>4</v>
      </c>
    </row>
    <row r="473" spans="1:12">
      <c r="A473" s="21" t="s">
        <v>240</v>
      </c>
      <c r="B473" s="21" t="s">
        <v>237</v>
      </c>
      <c r="C473" s="21" t="s">
        <v>265</v>
      </c>
      <c r="D473" s="21" t="s">
        <v>218</v>
      </c>
      <c r="E473" s="21" t="s">
        <v>214</v>
      </c>
      <c r="F473" s="21" t="s">
        <v>533</v>
      </c>
      <c r="G473" s="16">
        <v>14</v>
      </c>
      <c r="H473" s="22" t="s">
        <v>268</v>
      </c>
      <c r="I473" s="22" t="s">
        <v>268</v>
      </c>
      <c r="J473" s="22" t="s">
        <v>268</v>
      </c>
      <c r="K473" s="22" t="s">
        <v>268</v>
      </c>
      <c r="L473" s="16">
        <v>14</v>
      </c>
    </row>
    <row r="474" spans="1:12">
      <c r="A474" s="21" t="s">
        <v>240</v>
      </c>
      <c r="B474" s="21" t="s">
        <v>237</v>
      </c>
      <c r="C474" s="21" t="s">
        <v>265</v>
      </c>
      <c r="D474" s="21" t="s">
        <v>218</v>
      </c>
      <c r="E474" s="21" t="s">
        <v>214</v>
      </c>
      <c r="F474" s="21" t="s">
        <v>461</v>
      </c>
      <c r="G474" s="16">
        <v>1337</v>
      </c>
      <c r="H474" s="16">
        <v>1227</v>
      </c>
      <c r="I474" s="16">
        <v>35</v>
      </c>
      <c r="J474" s="16">
        <v>9</v>
      </c>
      <c r="K474" s="16">
        <v>52</v>
      </c>
      <c r="L474" s="16">
        <v>14</v>
      </c>
    </row>
    <row r="475" spans="1:12">
      <c r="A475" s="21" t="s">
        <v>240</v>
      </c>
      <c r="B475" s="21" t="s">
        <v>237</v>
      </c>
      <c r="C475" s="21" t="s">
        <v>265</v>
      </c>
      <c r="D475" s="21" t="s">
        <v>218</v>
      </c>
      <c r="E475" s="21" t="s">
        <v>214</v>
      </c>
      <c r="F475" s="21" t="s">
        <v>462</v>
      </c>
      <c r="G475" s="16">
        <v>3855</v>
      </c>
      <c r="H475" s="16">
        <v>473</v>
      </c>
      <c r="I475" s="16">
        <v>739</v>
      </c>
      <c r="J475" s="16">
        <v>2021</v>
      </c>
      <c r="K475" s="16">
        <v>270</v>
      </c>
      <c r="L475" s="16">
        <v>352</v>
      </c>
    </row>
    <row r="476" spans="1:12">
      <c r="A476" s="21" t="s">
        <v>240</v>
      </c>
      <c r="B476" s="21" t="s">
        <v>237</v>
      </c>
      <c r="C476" s="21" t="s">
        <v>265</v>
      </c>
      <c r="D476" s="21" t="s">
        <v>218</v>
      </c>
      <c r="E476" s="21" t="s">
        <v>214</v>
      </c>
      <c r="F476" s="21" t="s">
        <v>463</v>
      </c>
      <c r="G476" s="16">
        <v>3333</v>
      </c>
      <c r="H476" s="16">
        <v>263</v>
      </c>
      <c r="I476" s="16">
        <v>628</v>
      </c>
      <c r="J476" s="16">
        <v>1964</v>
      </c>
      <c r="K476" s="16">
        <v>164</v>
      </c>
      <c r="L476" s="16">
        <v>314</v>
      </c>
    </row>
    <row r="477" spans="1:12">
      <c r="A477" s="21" t="s">
        <v>240</v>
      </c>
      <c r="B477" s="21" t="s">
        <v>237</v>
      </c>
      <c r="C477" s="21" t="s">
        <v>265</v>
      </c>
      <c r="D477" s="21" t="s">
        <v>218</v>
      </c>
      <c r="E477" s="21" t="s">
        <v>214</v>
      </c>
      <c r="F477" s="21" t="s">
        <v>464</v>
      </c>
      <c r="G477" s="16">
        <v>2340</v>
      </c>
      <c r="H477" s="16">
        <v>116</v>
      </c>
      <c r="I477" s="16">
        <v>367</v>
      </c>
      <c r="J477" s="16">
        <v>1588</v>
      </c>
      <c r="K477" s="16">
        <v>69</v>
      </c>
      <c r="L477" s="16">
        <v>200</v>
      </c>
    </row>
    <row r="478" spans="1:12">
      <c r="A478" s="21" t="s">
        <v>240</v>
      </c>
      <c r="B478" s="21" t="s">
        <v>237</v>
      </c>
      <c r="C478" s="21" t="s">
        <v>265</v>
      </c>
      <c r="D478" s="21" t="s">
        <v>218</v>
      </c>
      <c r="E478" s="21" t="s">
        <v>214</v>
      </c>
      <c r="F478" s="21" t="s">
        <v>431</v>
      </c>
      <c r="G478" s="16">
        <v>720</v>
      </c>
      <c r="H478" s="16">
        <v>507</v>
      </c>
      <c r="I478" s="16">
        <v>72</v>
      </c>
      <c r="J478" s="16">
        <v>27</v>
      </c>
      <c r="K478" s="16">
        <v>86</v>
      </c>
      <c r="L478" s="16">
        <v>2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3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0F1E6BA-6FA0-41AA-BB2F-6BF282C54F0E}">
  <sheetPr>
    <pageSetUpPr fitToPage="1"/>
  </sheetPr>
  <dimension ref="A1:Y24"/>
  <sheetViews>
    <sheetView zoomScaleNormal="100" workbookViewId="0">
      <pane xSplit="7" ySplit="15" topLeftCell="H16" activePane="bottomRight" state="frozen"/>
      <selection pane="topRight" activeCell="V1" sqref="V1"/>
      <selection pane="bottomLeft" activeCell="A29" sqref="A29"/>
      <selection pane="bottomRight" activeCell="B10" sqref="B10"/>
    </sheetView>
  </sheetViews>
  <sheetFormatPr defaultColWidth="12.625" defaultRowHeight="12" outlineLevelRow="1"/>
  <cols>
    <col min="1" max="1" width="2.375" style="20" bestFit="1" customWidth="1"/>
    <col min="2" max="2" width="13.75" style="20" customWidth="1"/>
    <col min="3" max="3" width="5.875" style="20" bestFit="1" customWidth="1"/>
    <col min="4" max="4" width="5" style="20" bestFit="1" customWidth="1"/>
    <col min="5" max="5" width="13.75" style="20" customWidth="1"/>
    <col min="6" max="6" width="5.875" style="20" bestFit="1" customWidth="1"/>
    <col min="7" max="7" width="19" style="20" bestFit="1" customWidth="1"/>
    <col min="8" max="8" width="11.25" style="20" bestFit="1" customWidth="1"/>
    <col min="9" max="16384" width="12.625" style="20"/>
  </cols>
  <sheetData>
    <row r="1" spans="1:25" s="11" customFormat="1">
      <c r="A1" s="11" t="s">
        <v>192</v>
      </c>
    </row>
    <row r="2" spans="1:25" s="11" customFormat="1">
      <c r="A2" s="11" t="s">
        <v>193</v>
      </c>
    </row>
    <row r="3" spans="1:25" s="11" customFormat="1"/>
    <row r="4" spans="1:25" s="11" customFormat="1" outlineLevel="1">
      <c r="A4" s="11" t="s">
        <v>194</v>
      </c>
    </row>
    <row r="5" spans="1:25" s="11" customFormat="1" outlineLevel="1">
      <c r="A5" s="11" t="s">
        <v>195</v>
      </c>
    </row>
    <row r="6" spans="1:25" s="11" customFormat="1" outlineLevel="1">
      <c r="A6" s="11" t="s">
        <v>196</v>
      </c>
    </row>
    <row r="7" spans="1:25" s="11" customFormat="1" outlineLevel="1">
      <c r="A7" s="11" t="s">
        <v>197</v>
      </c>
    </row>
    <row r="8" spans="1:25" s="11" customFormat="1" outlineLevel="1">
      <c r="A8" s="11" t="s">
        <v>198</v>
      </c>
    </row>
    <row r="9" spans="1:25" s="11" customFormat="1" outlineLevel="1">
      <c r="A9" s="11" t="s">
        <v>199</v>
      </c>
    </row>
    <row r="10" spans="1:25" s="11" customFormat="1" ht="36">
      <c r="H10" s="12" t="s">
        <v>200</v>
      </c>
      <c r="I10" s="12" t="s">
        <v>200</v>
      </c>
      <c r="J10" s="12" t="s">
        <v>200</v>
      </c>
      <c r="K10" s="12" t="s">
        <v>201</v>
      </c>
      <c r="L10" s="12" t="s">
        <v>202</v>
      </c>
      <c r="M10" s="12" t="s">
        <v>203</v>
      </c>
      <c r="N10" s="12" t="s">
        <v>204</v>
      </c>
      <c r="O10" s="12" t="s">
        <v>205</v>
      </c>
      <c r="P10" s="12" t="s">
        <v>206</v>
      </c>
      <c r="Q10" s="12" t="s">
        <v>207</v>
      </c>
      <c r="R10" s="12" t="s">
        <v>207</v>
      </c>
      <c r="S10" s="12" t="s">
        <v>207</v>
      </c>
      <c r="T10" s="12" t="s">
        <v>208</v>
      </c>
      <c r="U10" s="12" t="s">
        <v>209</v>
      </c>
      <c r="V10" s="12" t="s">
        <v>210</v>
      </c>
      <c r="W10" s="12" t="s">
        <v>211</v>
      </c>
      <c r="X10" s="12" t="s">
        <v>211</v>
      </c>
      <c r="Y10" s="12" t="s">
        <v>211</v>
      </c>
    </row>
    <row r="11" spans="1:25" s="11" customFormat="1">
      <c r="H11" s="12" t="s">
        <v>212</v>
      </c>
      <c r="I11" s="12" t="s">
        <v>212</v>
      </c>
      <c r="J11" s="12" t="s">
        <v>212</v>
      </c>
      <c r="K11" s="12"/>
      <c r="L11" s="12"/>
      <c r="M11" s="12"/>
      <c r="N11" s="12"/>
      <c r="O11" s="12"/>
      <c r="P11" s="12"/>
      <c r="Q11" s="12" t="s">
        <v>213</v>
      </c>
      <c r="R11" s="12" t="s">
        <v>213</v>
      </c>
      <c r="S11" s="12" t="s">
        <v>213</v>
      </c>
      <c r="T11" s="12"/>
      <c r="U11" s="12"/>
      <c r="V11" s="12"/>
      <c r="W11" s="12" t="s">
        <v>213</v>
      </c>
      <c r="X11" s="12" t="s">
        <v>213</v>
      </c>
      <c r="Y11" s="12" t="s">
        <v>213</v>
      </c>
    </row>
    <row r="12" spans="1:25" s="11" customFormat="1">
      <c r="H12" s="12">
        <v>1</v>
      </c>
      <c r="I12" s="12">
        <v>1</v>
      </c>
      <c r="J12" s="12">
        <v>1</v>
      </c>
      <c r="K12" s="12"/>
      <c r="L12" s="12"/>
      <c r="M12" s="12"/>
      <c r="N12" s="12"/>
      <c r="O12" s="12"/>
      <c r="P12" s="12"/>
      <c r="Q12" s="12">
        <v>1</v>
      </c>
      <c r="R12" s="12">
        <v>1</v>
      </c>
      <c r="S12" s="12">
        <v>1</v>
      </c>
      <c r="T12" s="12"/>
      <c r="U12" s="12"/>
      <c r="V12" s="12"/>
      <c r="W12" s="12">
        <v>1</v>
      </c>
      <c r="X12" s="12">
        <v>1</v>
      </c>
      <c r="Y12" s="12">
        <v>1</v>
      </c>
    </row>
    <row r="13" spans="1:25" s="11" customFormat="1" ht="24">
      <c r="H13" s="12" t="s">
        <v>214</v>
      </c>
      <c r="I13" s="12" t="s">
        <v>215</v>
      </c>
      <c r="J13" s="12" t="s">
        <v>216</v>
      </c>
      <c r="K13" s="12"/>
      <c r="L13" s="12"/>
      <c r="M13" s="12"/>
      <c r="N13" s="12"/>
      <c r="O13" s="12"/>
      <c r="P13" s="12"/>
      <c r="Q13" s="12" t="s">
        <v>214</v>
      </c>
      <c r="R13" s="12" t="s">
        <v>217</v>
      </c>
      <c r="S13" s="12" t="s">
        <v>218</v>
      </c>
      <c r="T13" s="12"/>
      <c r="U13" s="12"/>
      <c r="V13" s="12"/>
      <c r="W13" s="12" t="s">
        <v>214</v>
      </c>
      <c r="X13" s="12" t="s">
        <v>217</v>
      </c>
      <c r="Y13" s="12" t="s">
        <v>218</v>
      </c>
    </row>
    <row r="14" spans="1:25" s="11" customFormat="1">
      <c r="H14" s="13" t="s">
        <v>219</v>
      </c>
      <c r="I14" s="13" t="s">
        <v>219</v>
      </c>
      <c r="J14" s="13" t="s">
        <v>219</v>
      </c>
      <c r="K14" s="13" t="s">
        <v>219</v>
      </c>
      <c r="L14" s="13" t="s">
        <v>219</v>
      </c>
      <c r="M14" s="13" t="s">
        <v>220</v>
      </c>
      <c r="N14" s="13"/>
      <c r="O14" s="13" t="s">
        <v>221</v>
      </c>
      <c r="P14" s="13" t="s">
        <v>222</v>
      </c>
      <c r="Q14" s="13" t="s">
        <v>223</v>
      </c>
      <c r="R14" s="13" t="s">
        <v>223</v>
      </c>
      <c r="S14" s="13" t="s">
        <v>223</v>
      </c>
      <c r="T14" s="13" t="s">
        <v>223</v>
      </c>
      <c r="U14" s="13" t="s">
        <v>223</v>
      </c>
      <c r="V14" s="13" t="s">
        <v>220</v>
      </c>
      <c r="W14" s="13" t="s">
        <v>219</v>
      </c>
      <c r="X14" s="13" t="s">
        <v>219</v>
      </c>
      <c r="Y14" s="13" t="s">
        <v>219</v>
      </c>
    </row>
    <row r="15" spans="1:25" s="11" customFormat="1">
      <c r="A15" s="14" t="s">
        <v>224</v>
      </c>
      <c r="B15" s="14" t="s">
        <v>225</v>
      </c>
      <c r="C15" s="14" t="s">
        <v>226</v>
      </c>
      <c r="D15" s="14" t="s">
        <v>227</v>
      </c>
      <c r="E15" s="14" t="s">
        <v>228</v>
      </c>
      <c r="F15" s="14" t="s">
        <v>229</v>
      </c>
      <c r="G15" s="14" t="s">
        <v>230</v>
      </c>
      <c r="H15" s="14" t="s">
        <v>231</v>
      </c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4"/>
      <c r="V15" s="14"/>
      <c r="W15" s="14"/>
      <c r="X15" s="14"/>
      <c r="Y15" s="14"/>
    </row>
    <row r="16" spans="1:25">
      <c r="A16" s="15" t="s">
        <v>232</v>
      </c>
      <c r="B16" s="15" t="s">
        <v>233</v>
      </c>
      <c r="C16" s="15" t="s">
        <v>234</v>
      </c>
      <c r="D16" s="15" t="s">
        <v>235</v>
      </c>
      <c r="E16" s="15" t="s">
        <v>233</v>
      </c>
      <c r="F16" s="15" t="s">
        <v>234</v>
      </c>
      <c r="G16" s="15" t="s">
        <v>236</v>
      </c>
      <c r="H16" s="16">
        <v>126146099</v>
      </c>
      <c r="I16" s="16">
        <v>61349581</v>
      </c>
      <c r="J16" s="16">
        <v>64796518</v>
      </c>
      <c r="K16" s="16">
        <v>127094745</v>
      </c>
      <c r="L16" s="16">
        <v>-948646</v>
      </c>
      <c r="M16" s="17">
        <v>-0.74641000000000002</v>
      </c>
      <c r="N16" s="17">
        <v>94.680369999999996</v>
      </c>
      <c r="O16" s="18">
        <v>377976.41</v>
      </c>
      <c r="P16" s="19">
        <v>338.2</v>
      </c>
      <c r="Q16" s="16">
        <v>55830154</v>
      </c>
      <c r="R16" s="16">
        <v>55704949</v>
      </c>
      <c r="S16" s="16">
        <v>125205</v>
      </c>
      <c r="T16" s="16">
        <v>53448685</v>
      </c>
      <c r="U16" s="16">
        <v>2381469</v>
      </c>
      <c r="V16" s="17">
        <v>4.4556199999999997</v>
      </c>
      <c r="W16" s="16">
        <v>126146099</v>
      </c>
      <c r="X16" s="16">
        <v>123162995</v>
      </c>
      <c r="Y16" s="16">
        <v>2983104</v>
      </c>
    </row>
    <row r="17" spans="1:25">
      <c r="A17" s="21" t="s">
        <v>232</v>
      </c>
      <c r="B17" s="21" t="s">
        <v>237</v>
      </c>
      <c r="C17" s="21" t="s">
        <v>238</v>
      </c>
      <c r="D17" s="21" t="s">
        <v>235</v>
      </c>
      <c r="E17" s="21" t="s">
        <v>237</v>
      </c>
      <c r="F17" s="21" t="s">
        <v>238</v>
      </c>
      <c r="G17" s="21" t="s">
        <v>239</v>
      </c>
      <c r="H17" s="16">
        <v>1738301</v>
      </c>
      <c r="I17" s="16">
        <v>822481</v>
      </c>
      <c r="J17" s="16">
        <v>915820</v>
      </c>
      <c r="K17" s="16">
        <v>1786170</v>
      </c>
      <c r="L17" s="16">
        <v>-47869</v>
      </c>
      <c r="M17" s="17">
        <v>-2.67998</v>
      </c>
      <c r="N17" s="17">
        <v>89.808149999999998</v>
      </c>
      <c r="O17" s="18">
        <v>7409.46</v>
      </c>
      <c r="P17" s="19">
        <v>234.6</v>
      </c>
      <c r="Q17" s="16">
        <v>719154</v>
      </c>
      <c r="R17" s="16">
        <v>716740</v>
      </c>
      <c r="S17" s="16">
        <v>2414</v>
      </c>
      <c r="T17" s="16">
        <v>704730</v>
      </c>
      <c r="U17" s="16">
        <v>14424</v>
      </c>
      <c r="V17" s="17">
        <v>2.0467399999999998</v>
      </c>
      <c r="W17" s="16">
        <v>1738301</v>
      </c>
      <c r="X17" s="16">
        <v>1678793</v>
      </c>
      <c r="Y17" s="16">
        <v>59508</v>
      </c>
    </row>
    <row r="18" spans="1:25">
      <c r="A18" s="21" t="s">
        <v>240</v>
      </c>
      <c r="B18" s="21" t="s">
        <v>237</v>
      </c>
      <c r="C18" s="21" t="s">
        <v>241</v>
      </c>
      <c r="D18" s="21"/>
      <c r="E18" s="21" t="s">
        <v>237</v>
      </c>
      <c r="F18" s="21" t="s">
        <v>241</v>
      </c>
      <c r="G18" s="21" t="s">
        <v>242</v>
      </c>
      <c r="H18" s="16">
        <v>123067</v>
      </c>
      <c r="I18" s="16">
        <v>57298</v>
      </c>
      <c r="J18" s="16">
        <v>65769</v>
      </c>
      <c r="K18" s="16">
        <v>127472</v>
      </c>
      <c r="L18" s="16">
        <v>-4405</v>
      </c>
      <c r="M18" s="17">
        <v>-3.45566</v>
      </c>
      <c r="N18" s="17">
        <v>87.120069999999998</v>
      </c>
      <c r="O18" s="18">
        <v>681.36</v>
      </c>
      <c r="P18" s="19">
        <v>180.6</v>
      </c>
      <c r="Q18" s="16">
        <v>49204</v>
      </c>
      <c r="R18" s="16">
        <v>48996</v>
      </c>
      <c r="S18" s="16">
        <v>208</v>
      </c>
      <c r="T18" s="16">
        <v>47972</v>
      </c>
      <c r="U18" s="16">
        <v>1232</v>
      </c>
      <c r="V18" s="17">
        <v>2.5681600000000002</v>
      </c>
      <c r="W18" s="16">
        <v>123067</v>
      </c>
      <c r="X18" s="16">
        <v>117827</v>
      </c>
      <c r="Y18" s="16">
        <v>5240</v>
      </c>
    </row>
    <row r="19" spans="1:25">
      <c r="A19" s="21" t="s">
        <v>243</v>
      </c>
      <c r="B19" s="21" t="s">
        <v>237</v>
      </c>
      <c r="C19" s="21" t="s">
        <v>241</v>
      </c>
      <c r="D19" s="21" t="s">
        <v>235</v>
      </c>
      <c r="E19" s="21" t="s">
        <v>237</v>
      </c>
      <c r="F19" s="21" t="s">
        <v>241</v>
      </c>
      <c r="G19" s="21" t="s">
        <v>244</v>
      </c>
      <c r="H19" s="16">
        <v>96597</v>
      </c>
      <c r="I19" s="16">
        <v>44897</v>
      </c>
      <c r="J19" s="16">
        <v>51700</v>
      </c>
      <c r="K19" s="16">
        <v>98326</v>
      </c>
      <c r="L19" s="16">
        <v>-1729</v>
      </c>
      <c r="M19" s="17">
        <v>-1.75844</v>
      </c>
      <c r="N19" s="17">
        <v>86.841390000000004</v>
      </c>
      <c r="O19" s="18">
        <v>146.71</v>
      </c>
      <c r="P19" s="19">
        <v>658.4</v>
      </c>
      <c r="Q19" s="16">
        <v>39293</v>
      </c>
      <c r="R19" s="16">
        <v>39123</v>
      </c>
      <c r="S19" s="16">
        <v>170</v>
      </c>
      <c r="T19" s="16">
        <v>37849</v>
      </c>
      <c r="U19" s="16">
        <v>1444</v>
      </c>
      <c r="V19" s="17">
        <v>3.8151600000000001</v>
      </c>
      <c r="W19" s="16">
        <v>96597</v>
      </c>
      <c r="X19" s="16">
        <v>92019</v>
      </c>
      <c r="Y19" s="16">
        <v>4578</v>
      </c>
    </row>
    <row r="20" spans="1:25">
      <c r="A20" s="21" t="s">
        <v>243</v>
      </c>
      <c r="B20" s="21" t="s">
        <v>237</v>
      </c>
      <c r="C20" s="21" t="s">
        <v>245</v>
      </c>
      <c r="D20" s="21" t="s">
        <v>235</v>
      </c>
      <c r="E20" s="21" t="s">
        <v>237</v>
      </c>
      <c r="F20" s="21" t="s">
        <v>241</v>
      </c>
      <c r="G20" s="21" t="s">
        <v>246</v>
      </c>
      <c r="H20" s="16">
        <v>2307</v>
      </c>
      <c r="I20" s="16">
        <v>1070</v>
      </c>
      <c r="J20" s="16">
        <v>1237</v>
      </c>
      <c r="K20" s="16">
        <v>3671</v>
      </c>
      <c r="L20" s="16">
        <v>-1364</v>
      </c>
      <c r="M20" s="17">
        <v>-37.156089999999999</v>
      </c>
      <c r="N20" s="17">
        <v>86.499600000000001</v>
      </c>
      <c r="O20" s="18">
        <v>162.82</v>
      </c>
      <c r="P20" s="19">
        <v>14.2</v>
      </c>
      <c r="Q20" s="16">
        <v>1041</v>
      </c>
      <c r="R20" s="16">
        <v>1038</v>
      </c>
      <c r="S20" s="16">
        <v>3</v>
      </c>
      <c r="T20" s="16">
        <v>1505</v>
      </c>
      <c r="U20" s="16">
        <v>-464</v>
      </c>
      <c r="V20" s="17">
        <v>-30.830559999999998</v>
      </c>
      <c r="W20" s="16">
        <v>2307</v>
      </c>
      <c r="X20" s="16">
        <v>2245</v>
      </c>
      <c r="Y20" s="16">
        <v>62</v>
      </c>
    </row>
    <row r="21" spans="1:25">
      <c r="A21" s="21" t="s">
        <v>243</v>
      </c>
      <c r="B21" s="21" t="s">
        <v>237</v>
      </c>
      <c r="C21" s="21" t="s">
        <v>247</v>
      </c>
      <c r="D21" s="21" t="s">
        <v>235</v>
      </c>
      <c r="E21" s="21" t="s">
        <v>237</v>
      </c>
      <c r="F21" s="21" t="s">
        <v>241</v>
      </c>
      <c r="G21" s="21" t="s">
        <v>248</v>
      </c>
      <c r="H21" s="16">
        <v>7157</v>
      </c>
      <c r="I21" s="16">
        <v>3349</v>
      </c>
      <c r="J21" s="16">
        <v>3808</v>
      </c>
      <c r="K21" s="16">
        <v>6927</v>
      </c>
      <c r="L21" s="16">
        <v>230</v>
      </c>
      <c r="M21" s="17">
        <v>3.3203399999999998</v>
      </c>
      <c r="N21" s="17">
        <v>87.946430000000007</v>
      </c>
      <c r="O21" s="18">
        <v>11.18</v>
      </c>
      <c r="P21" s="19">
        <v>640.20000000000005</v>
      </c>
      <c r="Q21" s="16">
        <v>2447</v>
      </c>
      <c r="R21" s="16">
        <v>2432</v>
      </c>
      <c r="S21" s="16">
        <v>15</v>
      </c>
      <c r="T21" s="16">
        <v>2198</v>
      </c>
      <c r="U21" s="16">
        <v>249</v>
      </c>
      <c r="V21" s="17">
        <v>11.328480000000001</v>
      </c>
      <c r="W21" s="16">
        <v>7157</v>
      </c>
      <c r="X21" s="16">
        <v>6911</v>
      </c>
      <c r="Y21" s="16">
        <v>246</v>
      </c>
    </row>
    <row r="22" spans="1:25">
      <c r="A22" s="21" t="s">
        <v>243</v>
      </c>
      <c r="B22" s="21" t="s">
        <v>237</v>
      </c>
      <c r="C22" s="21" t="s">
        <v>249</v>
      </c>
      <c r="D22" s="21" t="s">
        <v>235</v>
      </c>
      <c r="E22" s="21" t="s">
        <v>237</v>
      </c>
      <c r="F22" s="21" t="s">
        <v>241</v>
      </c>
      <c r="G22" s="21" t="s">
        <v>250</v>
      </c>
      <c r="H22" s="16">
        <v>13591</v>
      </c>
      <c r="I22" s="16">
        <v>6331</v>
      </c>
      <c r="J22" s="16">
        <v>7260</v>
      </c>
      <c r="K22" s="16">
        <v>14509</v>
      </c>
      <c r="L22" s="16">
        <v>-918</v>
      </c>
      <c r="M22" s="17">
        <v>-6.3271100000000002</v>
      </c>
      <c r="N22" s="17">
        <v>87.203860000000006</v>
      </c>
      <c r="O22" s="18">
        <v>28.24</v>
      </c>
      <c r="P22" s="19">
        <v>481.3</v>
      </c>
      <c r="Q22" s="16">
        <v>5051</v>
      </c>
      <c r="R22" s="16">
        <v>5038</v>
      </c>
      <c r="S22" s="16">
        <v>13</v>
      </c>
      <c r="T22" s="16">
        <v>4946</v>
      </c>
      <c r="U22" s="16">
        <v>105</v>
      </c>
      <c r="V22" s="17">
        <v>2.1229300000000002</v>
      </c>
      <c r="W22" s="16">
        <v>13591</v>
      </c>
      <c r="X22" s="16">
        <v>13309</v>
      </c>
      <c r="Y22" s="16">
        <v>282</v>
      </c>
    </row>
    <row r="23" spans="1:25">
      <c r="A23" s="21" t="s">
        <v>243</v>
      </c>
      <c r="B23" s="21" t="s">
        <v>237</v>
      </c>
      <c r="C23" s="21" t="s">
        <v>251</v>
      </c>
      <c r="D23" s="21" t="s">
        <v>235</v>
      </c>
      <c r="E23" s="21" t="s">
        <v>237</v>
      </c>
      <c r="F23" s="21" t="s">
        <v>241</v>
      </c>
      <c r="G23" s="21" t="s">
        <v>252</v>
      </c>
      <c r="H23" s="16">
        <v>1864</v>
      </c>
      <c r="I23" s="16">
        <v>887</v>
      </c>
      <c r="J23" s="16">
        <v>977</v>
      </c>
      <c r="K23" s="16">
        <v>2162</v>
      </c>
      <c r="L23" s="16">
        <v>-298</v>
      </c>
      <c r="M23" s="17">
        <v>-13.783530000000001</v>
      </c>
      <c r="N23" s="17">
        <v>90.788129999999995</v>
      </c>
      <c r="O23" s="18">
        <v>64.56</v>
      </c>
      <c r="P23" s="19">
        <v>28.9</v>
      </c>
      <c r="Q23" s="16">
        <v>708</v>
      </c>
      <c r="R23" s="16">
        <v>703</v>
      </c>
      <c r="S23" s="16">
        <v>5</v>
      </c>
      <c r="T23" s="16">
        <v>741</v>
      </c>
      <c r="U23" s="16">
        <v>-33</v>
      </c>
      <c r="V23" s="17">
        <v>-4.4534399999999996</v>
      </c>
      <c r="W23" s="16">
        <v>1864</v>
      </c>
      <c r="X23" s="16">
        <v>1800</v>
      </c>
      <c r="Y23" s="16">
        <v>64</v>
      </c>
    </row>
    <row r="24" spans="1:25">
      <c r="A24" s="21" t="s">
        <v>243</v>
      </c>
      <c r="B24" s="21" t="s">
        <v>237</v>
      </c>
      <c r="C24" s="21" t="s">
        <v>253</v>
      </c>
      <c r="D24" s="21" t="s">
        <v>235</v>
      </c>
      <c r="E24" s="21" t="s">
        <v>237</v>
      </c>
      <c r="F24" s="21" t="s">
        <v>241</v>
      </c>
      <c r="G24" s="21" t="s">
        <v>254</v>
      </c>
      <c r="H24" s="16">
        <v>1551</v>
      </c>
      <c r="I24" s="16">
        <v>764</v>
      </c>
      <c r="J24" s="16">
        <v>787</v>
      </c>
      <c r="K24" s="16">
        <v>1877</v>
      </c>
      <c r="L24" s="16">
        <v>-326</v>
      </c>
      <c r="M24" s="17">
        <v>-17.36814</v>
      </c>
      <c r="N24" s="17">
        <v>97.077510000000004</v>
      </c>
      <c r="O24" s="18">
        <v>266.58999999999997</v>
      </c>
      <c r="P24" s="19">
        <v>5.8</v>
      </c>
      <c r="Q24" s="16">
        <v>664</v>
      </c>
      <c r="R24" s="16">
        <v>662</v>
      </c>
      <c r="S24" s="16">
        <v>2</v>
      </c>
      <c r="T24" s="16">
        <v>733</v>
      </c>
      <c r="U24" s="16">
        <v>-69</v>
      </c>
      <c r="V24" s="17">
        <v>-9.4133700000000005</v>
      </c>
      <c r="W24" s="16">
        <v>1551</v>
      </c>
      <c r="X24" s="16">
        <v>1543</v>
      </c>
      <c r="Y24" s="16">
        <v>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5" orientation="portrait"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6EA71EF-0F52-47E1-AD73-EE4D69665A74}">
  <sheetPr>
    <pageSetUpPr fitToPage="1"/>
  </sheetPr>
  <dimension ref="A1:L478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23.875" style="20" bestFit="1" customWidth="1"/>
    <col min="5" max="5" width="12.625" style="20"/>
    <col min="6" max="6" width="19" style="20" bestFit="1" customWidth="1"/>
    <col min="7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537</v>
      </c>
    </row>
    <row r="3" spans="1:12" s="11" customFormat="1"/>
    <row r="4" spans="1:12" s="11" customFormat="1" hidden="1"/>
    <row r="5" spans="1:12" s="11" customFormat="1">
      <c r="G5" s="12" t="s">
        <v>211</v>
      </c>
      <c r="H5" s="12" t="s">
        <v>211</v>
      </c>
      <c r="I5" s="12" t="s">
        <v>211</v>
      </c>
      <c r="J5" s="12" t="s">
        <v>211</v>
      </c>
      <c r="K5" s="12" t="s">
        <v>211</v>
      </c>
      <c r="L5" s="12" t="s">
        <v>211</v>
      </c>
    </row>
    <row r="6" spans="1:12" s="11" customFormat="1">
      <c r="G6" s="12" t="s">
        <v>465</v>
      </c>
      <c r="H6" s="12" t="s">
        <v>465</v>
      </c>
      <c r="I6" s="12" t="s">
        <v>465</v>
      </c>
      <c r="J6" s="12" t="s">
        <v>465</v>
      </c>
      <c r="K6" s="12" t="s">
        <v>465</v>
      </c>
      <c r="L6" s="12" t="s">
        <v>465</v>
      </c>
    </row>
    <row r="7" spans="1:12" s="11" customFormat="1"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</row>
    <row r="8" spans="1:12" s="11" customFormat="1" ht="24">
      <c r="G8" s="12" t="s">
        <v>214</v>
      </c>
      <c r="H8" s="12" t="s">
        <v>466</v>
      </c>
      <c r="I8" s="12" t="s">
        <v>467</v>
      </c>
      <c r="J8" s="12" t="s">
        <v>468</v>
      </c>
      <c r="K8" s="12" t="s">
        <v>469</v>
      </c>
      <c r="L8" s="12" t="s">
        <v>470</v>
      </c>
    </row>
    <row r="9" spans="1:12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</row>
    <row r="10" spans="1:12" s="11" customFormat="1">
      <c r="A10" s="14" t="s">
        <v>224</v>
      </c>
      <c r="B10" s="14" t="s">
        <v>259</v>
      </c>
      <c r="C10" s="14" t="s">
        <v>230</v>
      </c>
      <c r="D10" s="14" t="s">
        <v>213</v>
      </c>
      <c r="E10" s="14" t="s">
        <v>212</v>
      </c>
      <c r="F10" s="14" t="s">
        <v>282</v>
      </c>
      <c r="G10" s="14" t="s">
        <v>231</v>
      </c>
      <c r="H10" s="14"/>
      <c r="I10" s="14"/>
      <c r="J10" s="14"/>
      <c r="K10" s="14"/>
      <c r="L10" s="14"/>
    </row>
    <row r="11" spans="1:12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215</v>
      </c>
      <c r="F11" s="15" t="s">
        <v>401</v>
      </c>
      <c r="G11" s="16">
        <v>61349581</v>
      </c>
      <c r="H11" s="16">
        <v>23495893</v>
      </c>
      <c r="I11" s="16">
        <v>30137936</v>
      </c>
      <c r="J11" s="16">
        <v>1574230</v>
      </c>
      <c r="K11" s="16">
        <v>2053934</v>
      </c>
      <c r="L11" s="16">
        <v>4087588</v>
      </c>
    </row>
    <row r="12" spans="1:12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215</v>
      </c>
      <c r="F12" s="21" t="s">
        <v>514</v>
      </c>
      <c r="G12" s="16">
        <v>7659971</v>
      </c>
      <c r="H12" s="16">
        <v>7659971</v>
      </c>
      <c r="I12" s="22" t="s">
        <v>268</v>
      </c>
      <c r="J12" s="22" t="s">
        <v>268</v>
      </c>
      <c r="K12" s="22" t="s">
        <v>268</v>
      </c>
      <c r="L12" s="22" t="s">
        <v>268</v>
      </c>
    </row>
    <row r="13" spans="1:12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215</v>
      </c>
      <c r="F13" s="21" t="s">
        <v>515</v>
      </c>
      <c r="G13" s="16">
        <v>2880029</v>
      </c>
      <c r="H13" s="16">
        <v>2855096</v>
      </c>
      <c r="I13" s="16">
        <v>6466</v>
      </c>
      <c r="J13" s="16">
        <v>159</v>
      </c>
      <c r="K13" s="16">
        <v>511</v>
      </c>
      <c r="L13" s="16">
        <v>17797</v>
      </c>
    </row>
    <row r="14" spans="1:12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215</v>
      </c>
      <c r="F14" s="21" t="s">
        <v>516</v>
      </c>
      <c r="G14" s="16">
        <v>3017869</v>
      </c>
      <c r="H14" s="16">
        <v>2669610</v>
      </c>
      <c r="I14" s="16">
        <v>127206</v>
      </c>
      <c r="J14" s="16">
        <v>392</v>
      </c>
      <c r="K14" s="16">
        <v>5746</v>
      </c>
      <c r="L14" s="16">
        <v>214915</v>
      </c>
    </row>
    <row r="15" spans="1:12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215</v>
      </c>
      <c r="F15" s="21" t="s">
        <v>517</v>
      </c>
      <c r="G15" s="16">
        <v>3074087</v>
      </c>
      <c r="H15" s="16">
        <v>2009359</v>
      </c>
      <c r="I15" s="16">
        <v>723766</v>
      </c>
      <c r="J15" s="16">
        <v>527</v>
      </c>
      <c r="K15" s="16">
        <v>23554</v>
      </c>
      <c r="L15" s="16">
        <v>316881</v>
      </c>
    </row>
    <row r="16" spans="1:12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215</v>
      </c>
      <c r="F16" s="21" t="s">
        <v>518</v>
      </c>
      <c r="G16" s="16">
        <v>3297031</v>
      </c>
      <c r="H16" s="16">
        <v>1440358</v>
      </c>
      <c r="I16" s="16">
        <v>1544254</v>
      </c>
      <c r="J16" s="16">
        <v>1097</v>
      </c>
      <c r="K16" s="16">
        <v>56010</v>
      </c>
      <c r="L16" s="16">
        <v>255312</v>
      </c>
    </row>
    <row r="17" spans="1:12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215</v>
      </c>
      <c r="F17" s="21" t="s">
        <v>519</v>
      </c>
      <c r="G17" s="16">
        <v>3696855</v>
      </c>
      <c r="H17" s="16">
        <v>1197991</v>
      </c>
      <c r="I17" s="16">
        <v>2167352</v>
      </c>
      <c r="J17" s="16">
        <v>2997</v>
      </c>
      <c r="K17" s="16">
        <v>99709</v>
      </c>
      <c r="L17" s="16">
        <v>228806</v>
      </c>
    </row>
    <row r="18" spans="1:12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215</v>
      </c>
      <c r="F18" s="21" t="s">
        <v>520</v>
      </c>
      <c r="G18" s="16">
        <v>4189446</v>
      </c>
      <c r="H18" s="16">
        <v>1154540</v>
      </c>
      <c r="I18" s="16">
        <v>2654875</v>
      </c>
      <c r="J18" s="16">
        <v>6926</v>
      </c>
      <c r="K18" s="16">
        <v>155184</v>
      </c>
      <c r="L18" s="16">
        <v>217921</v>
      </c>
    </row>
    <row r="19" spans="1:12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215</v>
      </c>
      <c r="F19" s="21" t="s">
        <v>521</v>
      </c>
      <c r="G19" s="16">
        <v>4862990</v>
      </c>
      <c r="H19" s="16">
        <v>1254286</v>
      </c>
      <c r="I19" s="16">
        <v>3113037</v>
      </c>
      <c r="J19" s="16">
        <v>15861</v>
      </c>
      <c r="K19" s="16">
        <v>236563</v>
      </c>
      <c r="L19" s="16">
        <v>243243</v>
      </c>
    </row>
    <row r="20" spans="1:12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215</v>
      </c>
      <c r="F20" s="21" t="s">
        <v>522</v>
      </c>
      <c r="G20" s="16">
        <v>4277003</v>
      </c>
      <c r="H20" s="16">
        <v>984378</v>
      </c>
      <c r="I20" s="16">
        <v>2792562</v>
      </c>
      <c r="J20" s="16">
        <v>25082</v>
      </c>
      <c r="K20" s="16">
        <v>261447</v>
      </c>
      <c r="L20" s="16">
        <v>213534</v>
      </c>
    </row>
    <row r="21" spans="1:12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215</v>
      </c>
      <c r="F21" s="21" t="s">
        <v>523</v>
      </c>
      <c r="G21" s="16">
        <v>3865303</v>
      </c>
      <c r="H21" s="16">
        <v>725910</v>
      </c>
      <c r="I21" s="16">
        <v>2668672</v>
      </c>
      <c r="J21" s="16">
        <v>41549</v>
      </c>
      <c r="K21" s="16">
        <v>265573</v>
      </c>
      <c r="L21" s="16">
        <v>163599</v>
      </c>
    </row>
    <row r="22" spans="1:12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215</v>
      </c>
      <c r="F22" s="21" t="s">
        <v>524</v>
      </c>
      <c r="G22" s="16">
        <v>3592903</v>
      </c>
      <c r="H22" s="16">
        <v>535989</v>
      </c>
      <c r="I22" s="16">
        <v>2613155</v>
      </c>
      <c r="J22" s="16">
        <v>68929</v>
      </c>
      <c r="K22" s="16">
        <v>248918</v>
      </c>
      <c r="L22" s="16">
        <v>125912</v>
      </c>
    </row>
    <row r="23" spans="1:12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215</v>
      </c>
      <c r="F23" s="21" t="s">
        <v>525</v>
      </c>
      <c r="G23" s="16">
        <v>3910060</v>
      </c>
      <c r="H23" s="16">
        <v>465528</v>
      </c>
      <c r="I23" s="16">
        <v>2937986</v>
      </c>
      <c r="J23" s="16">
        <v>130356</v>
      </c>
      <c r="K23" s="16">
        <v>249490</v>
      </c>
      <c r="L23" s="16">
        <v>126700</v>
      </c>
    </row>
    <row r="24" spans="1:12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215</v>
      </c>
      <c r="F24" s="21" t="s">
        <v>526</v>
      </c>
      <c r="G24" s="16">
        <v>4249286</v>
      </c>
      <c r="H24" s="16">
        <v>333926</v>
      </c>
      <c r="I24" s="16">
        <v>3322715</v>
      </c>
      <c r="J24" s="16">
        <v>224594</v>
      </c>
      <c r="K24" s="16">
        <v>235793</v>
      </c>
      <c r="L24" s="16">
        <v>132258</v>
      </c>
    </row>
    <row r="25" spans="1:12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215</v>
      </c>
      <c r="F25" s="21" t="s">
        <v>527</v>
      </c>
      <c r="G25" s="16">
        <v>3092860</v>
      </c>
      <c r="H25" s="16">
        <v>128977</v>
      </c>
      <c r="I25" s="16">
        <v>2489953</v>
      </c>
      <c r="J25" s="16">
        <v>256495</v>
      </c>
      <c r="K25" s="16">
        <v>125024</v>
      </c>
      <c r="L25" s="16">
        <v>92411</v>
      </c>
    </row>
    <row r="26" spans="1:12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215</v>
      </c>
      <c r="F26" s="21" t="s">
        <v>528</v>
      </c>
      <c r="G26" s="16">
        <v>2196093</v>
      </c>
      <c r="H26" s="16">
        <v>53308</v>
      </c>
      <c r="I26" s="16">
        <v>1726193</v>
      </c>
      <c r="J26" s="16">
        <v>286265</v>
      </c>
      <c r="K26" s="16">
        <v>61144</v>
      </c>
      <c r="L26" s="16">
        <v>69183</v>
      </c>
    </row>
    <row r="27" spans="1:12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215</v>
      </c>
      <c r="F27" s="21" t="s">
        <v>529</v>
      </c>
      <c r="G27" s="16">
        <v>1303473</v>
      </c>
      <c r="H27" s="16">
        <v>20196</v>
      </c>
      <c r="I27" s="16">
        <v>931058</v>
      </c>
      <c r="J27" s="16">
        <v>280883</v>
      </c>
      <c r="K27" s="16">
        <v>22912</v>
      </c>
      <c r="L27" s="16">
        <v>48424</v>
      </c>
    </row>
    <row r="28" spans="1:12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215</v>
      </c>
      <c r="F28" s="21" t="s">
        <v>530</v>
      </c>
      <c r="G28" s="16">
        <v>491303</v>
      </c>
      <c r="H28" s="16">
        <v>5491</v>
      </c>
      <c r="I28" s="16">
        <v>281089</v>
      </c>
      <c r="J28" s="16">
        <v>175742</v>
      </c>
      <c r="K28" s="16">
        <v>5486</v>
      </c>
      <c r="L28" s="16">
        <v>23495</v>
      </c>
    </row>
    <row r="29" spans="1:12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215</v>
      </c>
      <c r="F29" s="21" t="s">
        <v>531</v>
      </c>
      <c r="G29" s="16">
        <v>92110</v>
      </c>
      <c r="H29" s="16">
        <v>826</v>
      </c>
      <c r="I29" s="16">
        <v>35384</v>
      </c>
      <c r="J29" s="16">
        <v>49805</v>
      </c>
      <c r="K29" s="16">
        <v>788</v>
      </c>
      <c r="L29" s="16">
        <v>5307</v>
      </c>
    </row>
    <row r="30" spans="1:12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215</v>
      </c>
      <c r="F30" s="21" t="s">
        <v>532</v>
      </c>
      <c r="G30" s="16">
        <v>9766</v>
      </c>
      <c r="H30" s="16">
        <v>153</v>
      </c>
      <c r="I30" s="16">
        <v>2213</v>
      </c>
      <c r="J30" s="16">
        <v>6571</v>
      </c>
      <c r="K30" s="16">
        <v>82</v>
      </c>
      <c r="L30" s="16">
        <v>747</v>
      </c>
    </row>
    <row r="31" spans="1:12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215</v>
      </c>
      <c r="F31" s="21" t="s">
        <v>533</v>
      </c>
      <c r="G31" s="16">
        <v>1591143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16">
        <v>1591143</v>
      </c>
    </row>
    <row r="32" spans="1:12">
      <c r="A32" s="21" t="s">
        <v>232</v>
      </c>
      <c r="B32" s="21" t="s">
        <v>233</v>
      </c>
      <c r="C32" s="21" t="s">
        <v>262</v>
      </c>
      <c r="D32" s="21" t="s">
        <v>214</v>
      </c>
      <c r="E32" s="21" t="s">
        <v>215</v>
      </c>
      <c r="F32" s="21" t="s">
        <v>461</v>
      </c>
      <c r="G32" s="16">
        <v>36753516</v>
      </c>
      <c r="H32" s="16">
        <v>14827517</v>
      </c>
      <c r="I32" s="16">
        <v>18411345</v>
      </c>
      <c r="J32" s="16">
        <v>163519</v>
      </c>
      <c r="K32" s="16">
        <v>1353215</v>
      </c>
      <c r="L32" s="16">
        <v>1997920</v>
      </c>
    </row>
    <row r="33" spans="1:12">
      <c r="A33" s="21" t="s">
        <v>232</v>
      </c>
      <c r="B33" s="21" t="s">
        <v>233</v>
      </c>
      <c r="C33" s="21" t="s">
        <v>262</v>
      </c>
      <c r="D33" s="21" t="s">
        <v>214</v>
      </c>
      <c r="E33" s="21" t="s">
        <v>215</v>
      </c>
      <c r="F33" s="21" t="s">
        <v>462</v>
      </c>
      <c r="G33" s="16">
        <v>15344951</v>
      </c>
      <c r="H33" s="16">
        <v>1008405</v>
      </c>
      <c r="I33" s="16">
        <v>11726591</v>
      </c>
      <c r="J33" s="16">
        <v>1410711</v>
      </c>
      <c r="K33" s="16">
        <v>700719</v>
      </c>
      <c r="L33" s="16">
        <v>498525</v>
      </c>
    </row>
    <row r="34" spans="1:12">
      <c r="A34" s="21" t="s">
        <v>232</v>
      </c>
      <c r="B34" s="21" t="s">
        <v>233</v>
      </c>
      <c r="C34" s="21" t="s">
        <v>262</v>
      </c>
      <c r="D34" s="21" t="s">
        <v>214</v>
      </c>
      <c r="E34" s="21" t="s">
        <v>215</v>
      </c>
      <c r="F34" s="21" t="s">
        <v>463</v>
      </c>
      <c r="G34" s="16">
        <v>7185605</v>
      </c>
      <c r="H34" s="16">
        <v>208951</v>
      </c>
      <c r="I34" s="16">
        <v>5465890</v>
      </c>
      <c r="J34" s="16">
        <v>1055761</v>
      </c>
      <c r="K34" s="16">
        <v>215436</v>
      </c>
      <c r="L34" s="16">
        <v>239567</v>
      </c>
    </row>
    <row r="35" spans="1:12">
      <c r="A35" s="21" t="s">
        <v>232</v>
      </c>
      <c r="B35" s="21" t="s">
        <v>233</v>
      </c>
      <c r="C35" s="21" t="s">
        <v>262</v>
      </c>
      <c r="D35" s="21" t="s">
        <v>214</v>
      </c>
      <c r="E35" s="21" t="s">
        <v>215</v>
      </c>
      <c r="F35" s="21" t="s">
        <v>464</v>
      </c>
      <c r="G35" s="16">
        <v>1896652</v>
      </c>
      <c r="H35" s="16">
        <v>26666</v>
      </c>
      <c r="I35" s="16">
        <v>1249744</v>
      </c>
      <c r="J35" s="16">
        <v>513001</v>
      </c>
      <c r="K35" s="16">
        <v>29268</v>
      </c>
      <c r="L35" s="16">
        <v>77973</v>
      </c>
    </row>
    <row r="36" spans="1:12">
      <c r="A36" s="21" t="s">
        <v>232</v>
      </c>
      <c r="B36" s="21" t="s">
        <v>233</v>
      </c>
      <c r="C36" s="21" t="s">
        <v>262</v>
      </c>
      <c r="D36" s="21" t="s">
        <v>214</v>
      </c>
      <c r="E36" s="21" t="s">
        <v>215</v>
      </c>
      <c r="F36" s="21" t="s">
        <v>431</v>
      </c>
      <c r="G36" s="16">
        <v>37783547</v>
      </c>
      <c r="H36" s="16">
        <v>12437949</v>
      </c>
      <c r="I36" s="16">
        <v>21342865</v>
      </c>
      <c r="J36" s="16">
        <v>293716</v>
      </c>
      <c r="K36" s="16">
        <v>1602194</v>
      </c>
      <c r="L36" s="16">
        <v>2106823</v>
      </c>
    </row>
    <row r="37" spans="1:12">
      <c r="A37" s="21" t="s">
        <v>232</v>
      </c>
      <c r="B37" s="21" t="s">
        <v>233</v>
      </c>
      <c r="C37" s="21" t="s">
        <v>262</v>
      </c>
      <c r="D37" s="21" t="s">
        <v>217</v>
      </c>
      <c r="E37" s="21" t="s">
        <v>215</v>
      </c>
      <c r="F37" s="21" t="s">
        <v>401</v>
      </c>
      <c r="G37" s="16">
        <v>60220542</v>
      </c>
      <c r="H37" s="16">
        <v>22980471</v>
      </c>
      <c r="I37" s="16">
        <v>29907605</v>
      </c>
      <c r="J37" s="16">
        <v>1410380</v>
      </c>
      <c r="K37" s="16">
        <v>1968070</v>
      </c>
      <c r="L37" s="16">
        <v>3954016</v>
      </c>
    </row>
    <row r="38" spans="1:12">
      <c r="A38" s="21" t="s">
        <v>232</v>
      </c>
      <c r="B38" s="21" t="s">
        <v>233</v>
      </c>
      <c r="C38" s="21" t="s">
        <v>262</v>
      </c>
      <c r="D38" s="21" t="s">
        <v>217</v>
      </c>
      <c r="E38" s="21" t="s">
        <v>215</v>
      </c>
      <c r="F38" s="21" t="s">
        <v>514</v>
      </c>
      <c r="G38" s="16">
        <v>7639031</v>
      </c>
      <c r="H38" s="16">
        <v>7639031</v>
      </c>
      <c r="I38" s="22" t="s">
        <v>268</v>
      </c>
      <c r="J38" s="22" t="s">
        <v>268</v>
      </c>
      <c r="K38" s="22" t="s">
        <v>268</v>
      </c>
      <c r="L38" s="22" t="s">
        <v>268</v>
      </c>
    </row>
    <row r="39" spans="1:12">
      <c r="A39" s="21" t="s">
        <v>232</v>
      </c>
      <c r="B39" s="21" t="s">
        <v>233</v>
      </c>
      <c r="C39" s="21" t="s">
        <v>262</v>
      </c>
      <c r="D39" s="21" t="s">
        <v>217</v>
      </c>
      <c r="E39" s="21" t="s">
        <v>215</v>
      </c>
      <c r="F39" s="21" t="s">
        <v>515</v>
      </c>
      <c r="G39" s="16">
        <v>2781606</v>
      </c>
      <c r="H39" s="16">
        <v>2757418</v>
      </c>
      <c r="I39" s="16">
        <v>6222</v>
      </c>
      <c r="J39" s="16">
        <v>152</v>
      </c>
      <c r="K39" s="16">
        <v>494</v>
      </c>
      <c r="L39" s="16">
        <v>17320</v>
      </c>
    </row>
    <row r="40" spans="1:12">
      <c r="A40" s="21" t="s">
        <v>232</v>
      </c>
      <c r="B40" s="21" t="s">
        <v>233</v>
      </c>
      <c r="C40" s="21" t="s">
        <v>262</v>
      </c>
      <c r="D40" s="21" t="s">
        <v>217</v>
      </c>
      <c r="E40" s="21" t="s">
        <v>215</v>
      </c>
      <c r="F40" s="21" t="s">
        <v>516</v>
      </c>
      <c r="G40" s="16">
        <v>2948345</v>
      </c>
      <c r="H40" s="16">
        <v>2602395</v>
      </c>
      <c r="I40" s="16">
        <v>126302</v>
      </c>
      <c r="J40" s="16">
        <v>382</v>
      </c>
      <c r="K40" s="16">
        <v>5509</v>
      </c>
      <c r="L40" s="16">
        <v>213757</v>
      </c>
    </row>
    <row r="41" spans="1:12">
      <c r="A41" s="21" t="s">
        <v>232</v>
      </c>
      <c r="B41" s="21" t="s">
        <v>233</v>
      </c>
      <c r="C41" s="21" t="s">
        <v>262</v>
      </c>
      <c r="D41" s="21" t="s">
        <v>217</v>
      </c>
      <c r="E41" s="21" t="s">
        <v>215</v>
      </c>
      <c r="F41" s="21" t="s">
        <v>517</v>
      </c>
      <c r="G41" s="16">
        <v>3040167</v>
      </c>
      <c r="H41" s="16">
        <v>1979623</v>
      </c>
      <c r="I41" s="16">
        <v>721711</v>
      </c>
      <c r="J41" s="16">
        <v>512</v>
      </c>
      <c r="K41" s="16">
        <v>22642</v>
      </c>
      <c r="L41" s="16">
        <v>315679</v>
      </c>
    </row>
    <row r="42" spans="1:12">
      <c r="A42" s="21" t="s">
        <v>232</v>
      </c>
      <c r="B42" s="21" t="s">
        <v>233</v>
      </c>
      <c r="C42" s="21" t="s">
        <v>262</v>
      </c>
      <c r="D42" s="21" t="s">
        <v>217</v>
      </c>
      <c r="E42" s="21" t="s">
        <v>215</v>
      </c>
      <c r="F42" s="21" t="s">
        <v>518</v>
      </c>
      <c r="G42" s="16">
        <v>3269747</v>
      </c>
      <c r="H42" s="16">
        <v>1419307</v>
      </c>
      <c r="I42" s="16">
        <v>1540728</v>
      </c>
      <c r="J42" s="16">
        <v>1073</v>
      </c>
      <c r="K42" s="16">
        <v>54590</v>
      </c>
      <c r="L42" s="16">
        <v>254049</v>
      </c>
    </row>
    <row r="43" spans="1:12">
      <c r="A43" s="21" t="s">
        <v>232</v>
      </c>
      <c r="B43" s="21" t="s">
        <v>233</v>
      </c>
      <c r="C43" s="21" t="s">
        <v>262</v>
      </c>
      <c r="D43" s="21" t="s">
        <v>217</v>
      </c>
      <c r="E43" s="21" t="s">
        <v>215</v>
      </c>
      <c r="F43" s="21" t="s">
        <v>519</v>
      </c>
      <c r="G43" s="16">
        <v>3670006</v>
      </c>
      <c r="H43" s="16">
        <v>1179356</v>
      </c>
      <c r="I43" s="16">
        <v>2162783</v>
      </c>
      <c r="J43" s="16">
        <v>2975</v>
      </c>
      <c r="K43" s="16">
        <v>97689</v>
      </c>
      <c r="L43" s="16">
        <v>227203</v>
      </c>
    </row>
    <row r="44" spans="1:12">
      <c r="A44" s="21" t="s">
        <v>232</v>
      </c>
      <c r="B44" s="21" t="s">
        <v>233</v>
      </c>
      <c r="C44" s="21" t="s">
        <v>262</v>
      </c>
      <c r="D44" s="21" t="s">
        <v>217</v>
      </c>
      <c r="E44" s="21" t="s">
        <v>215</v>
      </c>
      <c r="F44" s="21" t="s">
        <v>520</v>
      </c>
      <c r="G44" s="16">
        <v>4158496</v>
      </c>
      <c r="H44" s="16">
        <v>1132809</v>
      </c>
      <c r="I44" s="16">
        <v>2650202</v>
      </c>
      <c r="J44" s="16">
        <v>6870</v>
      </c>
      <c r="K44" s="16">
        <v>152648</v>
      </c>
      <c r="L44" s="16">
        <v>215967</v>
      </c>
    </row>
    <row r="45" spans="1:12">
      <c r="A45" s="21" t="s">
        <v>232</v>
      </c>
      <c r="B45" s="21" t="s">
        <v>233</v>
      </c>
      <c r="C45" s="21" t="s">
        <v>262</v>
      </c>
      <c r="D45" s="21" t="s">
        <v>217</v>
      </c>
      <c r="E45" s="21" t="s">
        <v>215</v>
      </c>
      <c r="F45" s="21" t="s">
        <v>521</v>
      </c>
      <c r="G45" s="16">
        <v>4822475</v>
      </c>
      <c r="H45" s="16">
        <v>1224888</v>
      </c>
      <c r="I45" s="16">
        <v>3108615</v>
      </c>
      <c r="J45" s="16">
        <v>15743</v>
      </c>
      <c r="K45" s="16">
        <v>232965</v>
      </c>
      <c r="L45" s="16">
        <v>240264</v>
      </c>
    </row>
    <row r="46" spans="1:12">
      <c r="A46" s="21" t="s">
        <v>232</v>
      </c>
      <c r="B46" s="21" t="s">
        <v>233</v>
      </c>
      <c r="C46" s="21" t="s">
        <v>262</v>
      </c>
      <c r="D46" s="21" t="s">
        <v>217</v>
      </c>
      <c r="E46" s="21" t="s">
        <v>215</v>
      </c>
      <c r="F46" s="21" t="s">
        <v>522</v>
      </c>
      <c r="G46" s="16">
        <v>4236233</v>
      </c>
      <c r="H46" s="16">
        <v>955290</v>
      </c>
      <c r="I46" s="16">
        <v>2789186</v>
      </c>
      <c r="J46" s="16">
        <v>24875</v>
      </c>
      <c r="K46" s="16">
        <v>257049</v>
      </c>
      <c r="L46" s="16">
        <v>209833</v>
      </c>
    </row>
    <row r="47" spans="1:12">
      <c r="A47" s="21" t="s">
        <v>232</v>
      </c>
      <c r="B47" s="21" t="s">
        <v>233</v>
      </c>
      <c r="C47" s="21" t="s">
        <v>262</v>
      </c>
      <c r="D47" s="21" t="s">
        <v>217</v>
      </c>
      <c r="E47" s="21" t="s">
        <v>215</v>
      </c>
      <c r="F47" s="21" t="s">
        <v>523</v>
      </c>
      <c r="G47" s="16">
        <v>3823872</v>
      </c>
      <c r="H47" s="16">
        <v>697639</v>
      </c>
      <c r="I47" s="16">
        <v>2665611</v>
      </c>
      <c r="J47" s="16">
        <v>41144</v>
      </c>
      <c r="K47" s="16">
        <v>260227</v>
      </c>
      <c r="L47" s="16">
        <v>159251</v>
      </c>
    </row>
    <row r="48" spans="1:12">
      <c r="A48" s="21" t="s">
        <v>232</v>
      </c>
      <c r="B48" s="21" t="s">
        <v>233</v>
      </c>
      <c r="C48" s="21" t="s">
        <v>262</v>
      </c>
      <c r="D48" s="21" t="s">
        <v>217</v>
      </c>
      <c r="E48" s="21" t="s">
        <v>215</v>
      </c>
      <c r="F48" s="21" t="s">
        <v>524</v>
      </c>
      <c r="G48" s="16">
        <v>3543716</v>
      </c>
      <c r="H48" s="16">
        <v>505636</v>
      </c>
      <c r="I48" s="16">
        <v>2608088</v>
      </c>
      <c r="J48" s="16">
        <v>67964</v>
      </c>
      <c r="K48" s="16">
        <v>241781</v>
      </c>
      <c r="L48" s="16">
        <v>120247</v>
      </c>
    </row>
    <row r="49" spans="1:12">
      <c r="A49" s="21" t="s">
        <v>232</v>
      </c>
      <c r="B49" s="21" t="s">
        <v>233</v>
      </c>
      <c r="C49" s="21" t="s">
        <v>262</v>
      </c>
      <c r="D49" s="21" t="s">
        <v>217</v>
      </c>
      <c r="E49" s="21" t="s">
        <v>215</v>
      </c>
      <c r="F49" s="21" t="s">
        <v>525</v>
      </c>
      <c r="G49" s="16">
        <v>3840239</v>
      </c>
      <c r="H49" s="16">
        <v>428505</v>
      </c>
      <c r="I49" s="16">
        <v>2928168</v>
      </c>
      <c r="J49" s="16">
        <v>127502</v>
      </c>
      <c r="K49" s="16">
        <v>238437</v>
      </c>
      <c r="L49" s="16">
        <v>117627</v>
      </c>
    </row>
    <row r="50" spans="1:12">
      <c r="A50" s="21" t="s">
        <v>232</v>
      </c>
      <c r="B50" s="21" t="s">
        <v>233</v>
      </c>
      <c r="C50" s="21" t="s">
        <v>262</v>
      </c>
      <c r="D50" s="21" t="s">
        <v>217</v>
      </c>
      <c r="E50" s="21" t="s">
        <v>215</v>
      </c>
      <c r="F50" s="21" t="s">
        <v>526</v>
      </c>
      <c r="G50" s="16">
        <v>4156270</v>
      </c>
      <c r="H50" s="16">
        <v>297154</v>
      </c>
      <c r="I50" s="16">
        <v>3303017</v>
      </c>
      <c r="J50" s="16">
        <v>216886</v>
      </c>
      <c r="K50" s="16">
        <v>220218</v>
      </c>
      <c r="L50" s="16">
        <v>118995</v>
      </c>
    </row>
    <row r="51" spans="1:12">
      <c r="A51" s="21" t="s">
        <v>232</v>
      </c>
      <c r="B51" s="21" t="s">
        <v>233</v>
      </c>
      <c r="C51" s="21" t="s">
        <v>262</v>
      </c>
      <c r="D51" s="21" t="s">
        <v>217</v>
      </c>
      <c r="E51" s="21" t="s">
        <v>215</v>
      </c>
      <c r="F51" s="21" t="s">
        <v>527</v>
      </c>
      <c r="G51" s="16">
        <v>2996621</v>
      </c>
      <c r="H51" s="16">
        <v>105732</v>
      </c>
      <c r="I51" s="16">
        <v>2459947</v>
      </c>
      <c r="J51" s="16">
        <v>241165</v>
      </c>
      <c r="K51" s="16">
        <v>111456</v>
      </c>
      <c r="L51" s="16">
        <v>78321</v>
      </c>
    </row>
    <row r="52" spans="1:12">
      <c r="A52" s="21" t="s">
        <v>232</v>
      </c>
      <c r="B52" s="21" t="s">
        <v>233</v>
      </c>
      <c r="C52" s="21" t="s">
        <v>262</v>
      </c>
      <c r="D52" s="21" t="s">
        <v>217</v>
      </c>
      <c r="E52" s="21" t="s">
        <v>215</v>
      </c>
      <c r="F52" s="21" t="s">
        <v>528</v>
      </c>
      <c r="G52" s="16">
        <v>2080505</v>
      </c>
      <c r="H52" s="16">
        <v>39046</v>
      </c>
      <c r="I52" s="16">
        <v>1680662</v>
      </c>
      <c r="J52" s="16">
        <v>257116</v>
      </c>
      <c r="K52" s="16">
        <v>50892</v>
      </c>
      <c r="L52" s="16">
        <v>52789</v>
      </c>
    </row>
    <row r="53" spans="1:12">
      <c r="A53" s="21" t="s">
        <v>232</v>
      </c>
      <c r="B53" s="21" t="s">
        <v>233</v>
      </c>
      <c r="C53" s="21" t="s">
        <v>262</v>
      </c>
      <c r="D53" s="21" t="s">
        <v>217</v>
      </c>
      <c r="E53" s="21" t="s">
        <v>215</v>
      </c>
      <c r="F53" s="21" t="s">
        <v>529</v>
      </c>
      <c r="G53" s="16">
        <v>1173754</v>
      </c>
      <c r="H53" s="16">
        <v>13107</v>
      </c>
      <c r="I53" s="16">
        <v>877311</v>
      </c>
      <c r="J53" s="16">
        <v>235074</v>
      </c>
      <c r="K53" s="16">
        <v>17283</v>
      </c>
      <c r="L53" s="16">
        <v>30979</v>
      </c>
    </row>
    <row r="54" spans="1:12">
      <c r="A54" s="21" t="s">
        <v>232</v>
      </c>
      <c r="B54" s="21" t="s">
        <v>233</v>
      </c>
      <c r="C54" s="21" t="s">
        <v>262</v>
      </c>
      <c r="D54" s="21" t="s">
        <v>217</v>
      </c>
      <c r="E54" s="21" t="s">
        <v>215</v>
      </c>
      <c r="F54" s="21" t="s">
        <v>530</v>
      </c>
      <c r="G54" s="16">
        <v>401292</v>
      </c>
      <c r="H54" s="16">
        <v>3065</v>
      </c>
      <c r="I54" s="16">
        <v>249072</v>
      </c>
      <c r="J54" s="16">
        <v>133251</v>
      </c>
      <c r="K54" s="16">
        <v>3672</v>
      </c>
      <c r="L54" s="16">
        <v>12232</v>
      </c>
    </row>
    <row r="55" spans="1:12">
      <c r="A55" s="21" t="s">
        <v>232</v>
      </c>
      <c r="B55" s="21" t="s">
        <v>233</v>
      </c>
      <c r="C55" s="21" t="s">
        <v>262</v>
      </c>
      <c r="D55" s="21" t="s">
        <v>217</v>
      </c>
      <c r="E55" s="21" t="s">
        <v>215</v>
      </c>
      <c r="F55" s="21" t="s">
        <v>531</v>
      </c>
      <c r="G55" s="16">
        <v>65444</v>
      </c>
      <c r="H55" s="16">
        <v>390</v>
      </c>
      <c r="I55" s="16">
        <v>28425</v>
      </c>
      <c r="J55" s="16">
        <v>33833</v>
      </c>
      <c r="K55" s="16">
        <v>467</v>
      </c>
      <c r="L55" s="16">
        <v>2329</v>
      </c>
    </row>
    <row r="56" spans="1:12">
      <c r="A56" s="21" t="s">
        <v>232</v>
      </c>
      <c r="B56" s="21" t="s">
        <v>233</v>
      </c>
      <c r="C56" s="21" t="s">
        <v>262</v>
      </c>
      <c r="D56" s="21" t="s">
        <v>217</v>
      </c>
      <c r="E56" s="21" t="s">
        <v>215</v>
      </c>
      <c r="F56" s="21" t="s">
        <v>532</v>
      </c>
      <c r="G56" s="16">
        <v>5862</v>
      </c>
      <c r="H56" s="16">
        <v>80</v>
      </c>
      <c r="I56" s="16">
        <v>1555</v>
      </c>
      <c r="J56" s="16">
        <v>3863</v>
      </c>
      <c r="K56" s="16">
        <v>51</v>
      </c>
      <c r="L56" s="16">
        <v>313</v>
      </c>
    </row>
    <row r="57" spans="1:12">
      <c r="A57" s="21" t="s">
        <v>232</v>
      </c>
      <c r="B57" s="21" t="s">
        <v>233</v>
      </c>
      <c r="C57" s="21" t="s">
        <v>262</v>
      </c>
      <c r="D57" s="21" t="s">
        <v>217</v>
      </c>
      <c r="E57" s="21" t="s">
        <v>215</v>
      </c>
      <c r="F57" s="21" t="s">
        <v>533</v>
      </c>
      <c r="G57" s="16">
        <v>1566861</v>
      </c>
      <c r="H57" s="22" t="s">
        <v>268</v>
      </c>
      <c r="I57" s="22" t="s">
        <v>268</v>
      </c>
      <c r="J57" s="22" t="s">
        <v>268</v>
      </c>
      <c r="K57" s="22" t="s">
        <v>268</v>
      </c>
      <c r="L57" s="16">
        <v>1566861</v>
      </c>
    </row>
    <row r="58" spans="1:12">
      <c r="A58" s="21" t="s">
        <v>232</v>
      </c>
      <c r="B58" s="21" t="s">
        <v>233</v>
      </c>
      <c r="C58" s="21" t="s">
        <v>262</v>
      </c>
      <c r="D58" s="21" t="s">
        <v>217</v>
      </c>
      <c r="E58" s="21" t="s">
        <v>215</v>
      </c>
      <c r="F58" s="21" t="s">
        <v>461</v>
      </c>
      <c r="G58" s="16">
        <v>36294663</v>
      </c>
      <c r="H58" s="16">
        <v>14454361</v>
      </c>
      <c r="I58" s="16">
        <v>18379448</v>
      </c>
      <c r="J58" s="16">
        <v>161690</v>
      </c>
      <c r="K58" s="16">
        <v>1325594</v>
      </c>
      <c r="L58" s="16">
        <v>1973570</v>
      </c>
    </row>
    <row r="59" spans="1:12">
      <c r="A59" s="21" t="s">
        <v>232</v>
      </c>
      <c r="B59" s="21" t="s">
        <v>233</v>
      </c>
      <c r="C59" s="21" t="s">
        <v>262</v>
      </c>
      <c r="D59" s="21" t="s">
        <v>217</v>
      </c>
      <c r="E59" s="21" t="s">
        <v>215</v>
      </c>
      <c r="F59" s="21" t="s">
        <v>462</v>
      </c>
      <c r="G59" s="16">
        <v>14719987</v>
      </c>
      <c r="H59" s="16">
        <v>887079</v>
      </c>
      <c r="I59" s="16">
        <v>11528157</v>
      </c>
      <c r="J59" s="16">
        <v>1248690</v>
      </c>
      <c r="K59" s="16">
        <v>642476</v>
      </c>
      <c r="L59" s="16">
        <v>413585</v>
      </c>
    </row>
    <row r="60" spans="1:12">
      <c r="A60" s="21" t="s">
        <v>232</v>
      </c>
      <c r="B60" s="21" t="s">
        <v>233</v>
      </c>
      <c r="C60" s="21" t="s">
        <v>262</v>
      </c>
      <c r="D60" s="21" t="s">
        <v>217</v>
      </c>
      <c r="E60" s="21" t="s">
        <v>215</v>
      </c>
      <c r="F60" s="21" t="s">
        <v>463</v>
      </c>
      <c r="G60" s="16">
        <v>6723478</v>
      </c>
      <c r="H60" s="16">
        <v>161420</v>
      </c>
      <c r="I60" s="16">
        <v>5296972</v>
      </c>
      <c r="J60" s="16">
        <v>904302</v>
      </c>
      <c r="K60" s="16">
        <v>183821</v>
      </c>
      <c r="L60" s="16">
        <v>176963</v>
      </c>
    </row>
    <row r="61" spans="1:12">
      <c r="A61" s="21" t="s">
        <v>232</v>
      </c>
      <c r="B61" s="21" t="s">
        <v>233</v>
      </c>
      <c r="C61" s="21" t="s">
        <v>262</v>
      </c>
      <c r="D61" s="21" t="s">
        <v>217</v>
      </c>
      <c r="E61" s="21" t="s">
        <v>215</v>
      </c>
      <c r="F61" s="21" t="s">
        <v>464</v>
      </c>
      <c r="G61" s="16">
        <v>1646352</v>
      </c>
      <c r="H61" s="16">
        <v>16642</v>
      </c>
      <c r="I61" s="16">
        <v>1156363</v>
      </c>
      <c r="J61" s="16">
        <v>406021</v>
      </c>
      <c r="K61" s="16">
        <v>21473</v>
      </c>
      <c r="L61" s="16">
        <v>45853</v>
      </c>
    </row>
    <row r="62" spans="1:12">
      <c r="A62" s="21" t="s">
        <v>232</v>
      </c>
      <c r="B62" s="21" t="s">
        <v>233</v>
      </c>
      <c r="C62" s="21" t="s">
        <v>262</v>
      </c>
      <c r="D62" s="21" t="s">
        <v>217</v>
      </c>
      <c r="E62" s="21" t="s">
        <v>215</v>
      </c>
      <c r="F62" s="21" t="s">
        <v>431</v>
      </c>
      <c r="G62" s="16">
        <v>37353296</v>
      </c>
      <c r="H62" s="16">
        <v>12125448</v>
      </c>
      <c r="I62" s="16">
        <v>21301394</v>
      </c>
      <c r="J62" s="16">
        <v>289040</v>
      </c>
      <c r="K62" s="16">
        <v>1563537</v>
      </c>
      <c r="L62" s="16">
        <v>2073877</v>
      </c>
    </row>
    <row r="63" spans="1:12">
      <c r="A63" s="21" t="s">
        <v>232</v>
      </c>
      <c r="B63" s="21" t="s">
        <v>233</v>
      </c>
      <c r="C63" s="21" t="s">
        <v>262</v>
      </c>
      <c r="D63" s="21" t="s">
        <v>534</v>
      </c>
      <c r="E63" s="21" t="s">
        <v>215</v>
      </c>
      <c r="F63" s="21" t="s">
        <v>401</v>
      </c>
      <c r="G63" s="16">
        <v>49284296</v>
      </c>
      <c r="H63" s="16">
        <v>18200077</v>
      </c>
      <c r="I63" s="16">
        <v>29186045</v>
      </c>
      <c r="J63" s="16">
        <v>675406</v>
      </c>
      <c r="K63" s="16">
        <v>834225</v>
      </c>
      <c r="L63" s="16">
        <v>388543</v>
      </c>
    </row>
    <row r="64" spans="1:12">
      <c r="A64" s="21" t="s">
        <v>232</v>
      </c>
      <c r="B64" s="21" t="s">
        <v>233</v>
      </c>
      <c r="C64" s="21" t="s">
        <v>262</v>
      </c>
      <c r="D64" s="21" t="s">
        <v>534</v>
      </c>
      <c r="E64" s="21" t="s">
        <v>215</v>
      </c>
      <c r="F64" s="21" t="s">
        <v>514</v>
      </c>
      <c r="G64" s="16">
        <v>7638937</v>
      </c>
      <c r="H64" s="16">
        <v>7638937</v>
      </c>
      <c r="I64" s="22" t="s">
        <v>268</v>
      </c>
      <c r="J64" s="22" t="s">
        <v>268</v>
      </c>
      <c r="K64" s="22" t="s">
        <v>268</v>
      </c>
      <c r="L64" s="22" t="s">
        <v>268</v>
      </c>
    </row>
    <row r="65" spans="1:12">
      <c r="A65" s="21" t="s">
        <v>232</v>
      </c>
      <c r="B65" s="21" t="s">
        <v>233</v>
      </c>
      <c r="C65" s="21" t="s">
        <v>262</v>
      </c>
      <c r="D65" s="21" t="s">
        <v>534</v>
      </c>
      <c r="E65" s="21" t="s">
        <v>215</v>
      </c>
      <c r="F65" s="21" t="s">
        <v>515</v>
      </c>
      <c r="G65" s="16">
        <v>2620468</v>
      </c>
      <c r="H65" s="16">
        <v>2614382</v>
      </c>
      <c r="I65" s="16">
        <v>5109</v>
      </c>
      <c r="J65" s="16">
        <v>99</v>
      </c>
      <c r="K65" s="16">
        <v>370</v>
      </c>
      <c r="L65" s="16">
        <v>508</v>
      </c>
    </row>
    <row r="66" spans="1:12">
      <c r="A66" s="21" t="s">
        <v>232</v>
      </c>
      <c r="B66" s="21" t="s">
        <v>233</v>
      </c>
      <c r="C66" s="21" t="s">
        <v>262</v>
      </c>
      <c r="D66" s="21" t="s">
        <v>534</v>
      </c>
      <c r="E66" s="21" t="s">
        <v>215</v>
      </c>
      <c r="F66" s="21" t="s">
        <v>516</v>
      </c>
      <c r="G66" s="16">
        <v>2018688</v>
      </c>
      <c r="H66" s="16">
        <v>1889081</v>
      </c>
      <c r="I66" s="16">
        <v>122622</v>
      </c>
      <c r="J66" s="16">
        <v>217</v>
      </c>
      <c r="K66" s="16">
        <v>4060</v>
      </c>
      <c r="L66" s="16">
        <v>2708</v>
      </c>
    </row>
    <row r="67" spans="1:12">
      <c r="A67" s="21" t="s">
        <v>232</v>
      </c>
      <c r="B67" s="21" t="s">
        <v>233</v>
      </c>
      <c r="C67" s="21" t="s">
        <v>262</v>
      </c>
      <c r="D67" s="21" t="s">
        <v>534</v>
      </c>
      <c r="E67" s="21" t="s">
        <v>215</v>
      </c>
      <c r="F67" s="21" t="s">
        <v>517</v>
      </c>
      <c r="G67" s="16">
        <v>1985384</v>
      </c>
      <c r="H67" s="16">
        <v>1264438</v>
      </c>
      <c r="I67" s="16">
        <v>702340</v>
      </c>
      <c r="J67" s="16">
        <v>297</v>
      </c>
      <c r="K67" s="16">
        <v>14293</v>
      </c>
      <c r="L67" s="16">
        <v>4016</v>
      </c>
    </row>
    <row r="68" spans="1:12">
      <c r="A68" s="21" t="s">
        <v>232</v>
      </c>
      <c r="B68" s="21" t="s">
        <v>233</v>
      </c>
      <c r="C68" s="21" t="s">
        <v>262</v>
      </c>
      <c r="D68" s="21" t="s">
        <v>534</v>
      </c>
      <c r="E68" s="21" t="s">
        <v>215</v>
      </c>
      <c r="F68" s="21" t="s">
        <v>518</v>
      </c>
      <c r="G68" s="16">
        <v>2491819</v>
      </c>
      <c r="H68" s="16">
        <v>948648</v>
      </c>
      <c r="I68" s="16">
        <v>1506419</v>
      </c>
      <c r="J68" s="16">
        <v>700</v>
      </c>
      <c r="K68" s="16">
        <v>31071</v>
      </c>
      <c r="L68" s="16">
        <v>4981</v>
      </c>
    </row>
    <row r="69" spans="1:12">
      <c r="A69" s="21" t="s">
        <v>232</v>
      </c>
      <c r="B69" s="21" t="s">
        <v>233</v>
      </c>
      <c r="C69" s="21" t="s">
        <v>262</v>
      </c>
      <c r="D69" s="21" t="s">
        <v>534</v>
      </c>
      <c r="E69" s="21" t="s">
        <v>215</v>
      </c>
      <c r="F69" s="21" t="s">
        <v>519</v>
      </c>
      <c r="G69" s="16">
        <v>3003987</v>
      </c>
      <c r="H69" s="16">
        <v>814253</v>
      </c>
      <c r="I69" s="16">
        <v>2124570</v>
      </c>
      <c r="J69" s="16">
        <v>2166</v>
      </c>
      <c r="K69" s="16">
        <v>55615</v>
      </c>
      <c r="L69" s="16">
        <v>7383</v>
      </c>
    </row>
    <row r="70" spans="1:12">
      <c r="A70" s="21" t="s">
        <v>232</v>
      </c>
      <c r="B70" s="21" t="s">
        <v>233</v>
      </c>
      <c r="C70" s="21" t="s">
        <v>262</v>
      </c>
      <c r="D70" s="21" t="s">
        <v>534</v>
      </c>
      <c r="E70" s="21" t="s">
        <v>215</v>
      </c>
      <c r="F70" s="21" t="s">
        <v>520</v>
      </c>
      <c r="G70" s="16">
        <v>3484156</v>
      </c>
      <c r="H70" s="16">
        <v>785525</v>
      </c>
      <c r="I70" s="16">
        <v>2595132</v>
      </c>
      <c r="J70" s="16">
        <v>5101</v>
      </c>
      <c r="K70" s="16">
        <v>87229</v>
      </c>
      <c r="L70" s="16">
        <v>11169</v>
      </c>
    </row>
    <row r="71" spans="1:12">
      <c r="A71" s="21" t="s">
        <v>232</v>
      </c>
      <c r="B71" s="21" t="s">
        <v>233</v>
      </c>
      <c r="C71" s="21" t="s">
        <v>262</v>
      </c>
      <c r="D71" s="21" t="s">
        <v>534</v>
      </c>
      <c r="E71" s="21" t="s">
        <v>215</v>
      </c>
      <c r="F71" s="21" t="s">
        <v>521</v>
      </c>
      <c r="G71" s="16">
        <v>3991735</v>
      </c>
      <c r="H71" s="16">
        <v>820766</v>
      </c>
      <c r="I71" s="16">
        <v>3014616</v>
      </c>
      <c r="J71" s="16">
        <v>11289</v>
      </c>
      <c r="K71" s="16">
        <v>127748</v>
      </c>
      <c r="L71" s="16">
        <v>17316</v>
      </c>
    </row>
    <row r="72" spans="1:12">
      <c r="A72" s="21" t="s">
        <v>232</v>
      </c>
      <c r="B72" s="21" t="s">
        <v>233</v>
      </c>
      <c r="C72" s="21" t="s">
        <v>262</v>
      </c>
      <c r="D72" s="21" t="s">
        <v>534</v>
      </c>
      <c r="E72" s="21" t="s">
        <v>215</v>
      </c>
      <c r="F72" s="21" t="s">
        <v>522</v>
      </c>
      <c r="G72" s="16">
        <v>3428795</v>
      </c>
      <c r="H72" s="16">
        <v>590279</v>
      </c>
      <c r="I72" s="16">
        <v>2670519</v>
      </c>
      <c r="J72" s="16">
        <v>16460</v>
      </c>
      <c r="K72" s="16">
        <v>132737</v>
      </c>
      <c r="L72" s="16">
        <v>18800</v>
      </c>
    </row>
    <row r="73" spans="1:12">
      <c r="A73" s="21" t="s">
        <v>232</v>
      </c>
      <c r="B73" s="21" t="s">
        <v>233</v>
      </c>
      <c r="C73" s="21" t="s">
        <v>262</v>
      </c>
      <c r="D73" s="21" t="s">
        <v>534</v>
      </c>
      <c r="E73" s="21" t="s">
        <v>215</v>
      </c>
      <c r="F73" s="21" t="s">
        <v>523</v>
      </c>
      <c r="G73" s="16">
        <v>3083519</v>
      </c>
      <c r="H73" s="16">
        <v>374957</v>
      </c>
      <c r="I73" s="16">
        <v>2548316</v>
      </c>
      <c r="J73" s="16">
        <v>24446</v>
      </c>
      <c r="K73" s="16">
        <v>119961</v>
      </c>
      <c r="L73" s="16">
        <v>15839</v>
      </c>
    </row>
    <row r="74" spans="1:12">
      <c r="A74" s="21" t="s">
        <v>232</v>
      </c>
      <c r="B74" s="21" t="s">
        <v>233</v>
      </c>
      <c r="C74" s="21" t="s">
        <v>262</v>
      </c>
      <c r="D74" s="21" t="s">
        <v>534</v>
      </c>
      <c r="E74" s="21" t="s">
        <v>215</v>
      </c>
      <c r="F74" s="21" t="s">
        <v>524</v>
      </c>
      <c r="G74" s="16">
        <v>2892709</v>
      </c>
      <c r="H74" s="16">
        <v>215971</v>
      </c>
      <c r="I74" s="16">
        <v>2535297</v>
      </c>
      <c r="J74" s="16">
        <v>35746</v>
      </c>
      <c r="K74" s="16">
        <v>93489</v>
      </c>
      <c r="L74" s="16">
        <v>12206</v>
      </c>
    </row>
    <row r="75" spans="1:12">
      <c r="A75" s="21" t="s">
        <v>232</v>
      </c>
      <c r="B75" s="21" t="s">
        <v>233</v>
      </c>
      <c r="C75" s="21" t="s">
        <v>262</v>
      </c>
      <c r="D75" s="21" t="s">
        <v>534</v>
      </c>
      <c r="E75" s="21" t="s">
        <v>215</v>
      </c>
      <c r="F75" s="21" t="s">
        <v>525</v>
      </c>
      <c r="G75" s="16">
        <v>3149280</v>
      </c>
      <c r="H75" s="16">
        <v>131835</v>
      </c>
      <c r="I75" s="16">
        <v>2877910</v>
      </c>
      <c r="J75" s="16">
        <v>58031</v>
      </c>
      <c r="K75" s="16">
        <v>69840</v>
      </c>
      <c r="L75" s="16">
        <v>11664</v>
      </c>
    </row>
    <row r="76" spans="1:12">
      <c r="A76" s="21" t="s">
        <v>232</v>
      </c>
      <c r="B76" s="21" t="s">
        <v>233</v>
      </c>
      <c r="C76" s="21" t="s">
        <v>262</v>
      </c>
      <c r="D76" s="21" t="s">
        <v>534</v>
      </c>
      <c r="E76" s="21" t="s">
        <v>215</v>
      </c>
      <c r="F76" s="21" t="s">
        <v>526</v>
      </c>
      <c r="G76" s="16">
        <v>3486560</v>
      </c>
      <c r="H76" s="16">
        <v>71355</v>
      </c>
      <c r="I76" s="16">
        <v>3259261</v>
      </c>
      <c r="J76" s="16">
        <v>90067</v>
      </c>
      <c r="K76" s="16">
        <v>52349</v>
      </c>
      <c r="L76" s="16">
        <v>13528</v>
      </c>
    </row>
    <row r="77" spans="1:12">
      <c r="A77" s="21" t="s">
        <v>232</v>
      </c>
      <c r="B77" s="21" t="s">
        <v>233</v>
      </c>
      <c r="C77" s="21" t="s">
        <v>262</v>
      </c>
      <c r="D77" s="21" t="s">
        <v>534</v>
      </c>
      <c r="E77" s="21" t="s">
        <v>215</v>
      </c>
      <c r="F77" s="21" t="s">
        <v>527</v>
      </c>
      <c r="G77" s="16">
        <v>2597385</v>
      </c>
      <c r="H77" s="16">
        <v>24459</v>
      </c>
      <c r="I77" s="16">
        <v>2434038</v>
      </c>
      <c r="J77" s="16">
        <v>100782</v>
      </c>
      <c r="K77" s="16">
        <v>25919</v>
      </c>
      <c r="L77" s="16">
        <v>12187</v>
      </c>
    </row>
    <row r="78" spans="1:12">
      <c r="A78" s="21" t="s">
        <v>232</v>
      </c>
      <c r="B78" s="21" t="s">
        <v>233</v>
      </c>
      <c r="C78" s="21" t="s">
        <v>262</v>
      </c>
      <c r="D78" s="21" t="s">
        <v>534</v>
      </c>
      <c r="E78" s="21" t="s">
        <v>215</v>
      </c>
      <c r="F78" s="21" t="s">
        <v>528</v>
      </c>
      <c r="G78" s="16">
        <v>1809670</v>
      </c>
      <c r="H78" s="16">
        <v>10161</v>
      </c>
      <c r="I78" s="16">
        <v>1660248</v>
      </c>
      <c r="J78" s="16">
        <v>115331</v>
      </c>
      <c r="K78" s="16">
        <v>12888</v>
      </c>
      <c r="L78" s="16">
        <v>11042</v>
      </c>
    </row>
    <row r="79" spans="1:12">
      <c r="A79" s="21" t="s">
        <v>232</v>
      </c>
      <c r="B79" s="21" t="s">
        <v>233</v>
      </c>
      <c r="C79" s="21" t="s">
        <v>262</v>
      </c>
      <c r="D79" s="21" t="s">
        <v>534</v>
      </c>
      <c r="E79" s="21" t="s">
        <v>215</v>
      </c>
      <c r="F79" s="21" t="s">
        <v>529</v>
      </c>
      <c r="G79" s="16">
        <v>993257</v>
      </c>
      <c r="H79" s="16">
        <v>3965</v>
      </c>
      <c r="I79" s="16">
        <v>860326</v>
      </c>
      <c r="J79" s="16">
        <v>116079</v>
      </c>
      <c r="K79" s="16">
        <v>5060</v>
      </c>
      <c r="L79" s="16">
        <v>7827</v>
      </c>
    </row>
    <row r="80" spans="1:12">
      <c r="A80" s="21" t="s">
        <v>232</v>
      </c>
      <c r="B80" s="21" t="s">
        <v>233</v>
      </c>
      <c r="C80" s="21" t="s">
        <v>262</v>
      </c>
      <c r="D80" s="21" t="s">
        <v>534</v>
      </c>
      <c r="E80" s="21" t="s">
        <v>215</v>
      </c>
      <c r="F80" s="21" t="s">
        <v>530</v>
      </c>
      <c r="G80" s="16">
        <v>321817</v>
      </c>
      <c r="H80" s="16">
        <v>906</v>
      </c>
      <c r="I80" s="16">
        <v>240989</v>
      </c>
      <c r="J80" s="16">
        <v>74636</v>
      </c>
      <c r="K80" s="16">
        <v>1337</v>
      </c>
      <c r="L80" s="16">
        <v>3949</v>
      </c>
    </row>
    <row r="81" spans="1:12">
      <c r="A81" s="21" t="s">
        <v>232</v>
      </c>
      <c r="B81" s="21" t="s">
        <v>233</v>
      </c>
      <c r="C81" s="21" t="s">
        <v>262</v>
      </c>
      <c r="D81" s="21" t="s">
        <v>534</v>
      </c>
      <c r="E81" s="21" t="s">
        <v>215</v>
      </c>
      <c r="F81" s="21" t="s">
        <v>531</v>
      </c>
      <c r="G81" s="16">
        <v>49542</v>
      </c>
      <c r="H81" s="16">
        <v>131</v>
      </c>
      <c r="I81" s="16">
        <v>26886</v>
      </c>
      <c r="J81" s="16">
        <v>21303</v>
      </c>
      <c r="K81" s="16">
        <v>232</v>
      </c>
      <c r="L81" s="16">
        <v>990</v>
      </c>
    </row>
    <row r="82" spans="1:12">
      <c r="A82" s="21" t="s">
        <v>232</v>
      </c>
      <c r="B82" s="21" t="s">
        <v>233</v>
      </c>
      <c r="C82" s="21" t="s">
        <v>262</v>
      </c>
      <c r="D82" s="21" t="s">
        <v>534</v>
      </c>
      <c r="E82" s="21" t="s">
        <v>215</v>
      </c>
      <c r="F82" s="21" t="s">
        <v>532</v>
      </c>
      <c r="G82" s="16">
        <v>4305</v>
      </c>
      <c r="H82" s="16">
        <v>28</v>
      </c>
      <c r="I82" s="16">
        <v>1447</v>
      </c>
      <c r="J82" s="16">
        <v>2656</v>
      </c>
      <c r="K82" s="16">
        <v>27</v>
      </c>
      <c r="L82" s="16">
        <v>147</v>
      </c>
    </row>
    <row r="83" spans="1:12">
      <c r="A83" s="21" t="s">
        <v>232</v>
      </c>
      <c r="B83" s="21" t="s">
        <v>233</v>
      </c>
      <c r="C83" s="21" t="s">
        <v>262</v>
      </c>
      <c r="D83" s="21" t="s">
        <v>534</v>
      </c>
      <c r="E83" s="21" t="s">
        <v>215</v>
      </c>
      <c r="F83" s="21" t="s">
        <v>533</v>
      </c>
      <c r="G83" s="16">
        <v>232283</v>
      </c>
      <c r="H83" s="22" t="s">
        <v>268</v>
      </c>
      <c r="I83" s="22" t="s">
        <v>268</v>
      </c>
      <c r="J83" s="22" t="s">
        <v>268</v>
      </c>
      <c r="K83" s="22" t="s">
        <v>268</v>
      </c>
      <c r="L83" s="16">
        <v>232283</v>
      </c>
    </row>
    <row r="84" spans="1:12">
      <c r="A84" s="21" t="s">
        <v>232</v>
      </c>
      <c r="B84" s="21" t="s">
        <v>233</v>
      </c>
      <c r="C84" s="21" t="s">
        <v>262</v>
      </c>
      <c r="D84" s="21" t="s">
        <v>534</v>
      </c>
      <c r="E84" s="21" t="s">
        <v>215</v>
      </c>
      <c r="F84" s="21" t="s">
        <v>461</v>
      </c>
      <c r="G84" s="16">
        <v>29001260</v>
      </c>
      <c r="H84" s="16">
        <v>10318300</v>
      </c>
      <c r="I84" s="16">
        <v>17824940</v>
      </c>
      <c r="J84" s="16">
        <v>96521</v>
      </c>
      <c r="K84" s="16">
        <v>666573</v>
      </c>
      <c r="L84" s="16">
        <v>94926</v>
      </c>
    </row>
    <row r="85" spans="1:12">
      <c r="A85" s="21" t="s">
        <v>232</v>
      </c>
      <c r="B85" s="21" t="s">
        <v>233</v>
      </c>
      <c r="C85" s="21" t="s">
        <v>262</v>
      </c>
      <c r="D85" s="21" t="s">
        <v>534</v>
      </c>
      <c r="E85" s="21" t="s">
        <v>215</v>
      </c>
      <c r="F85" s="21" t="s">
        <v>462</v>
      </c>
      <c r="G85" s="16">
        <v>12411816</v>
      </c>
      <c r="H85" s="16">
        <v>242840</v>
      </c>
      <c r="I85" s="16">
        <v>11361105</v>
      </c>
      <c r="J85" s="16">
        <v>578885</v>
      </c>
      <c r="K85" s="16">
        <v>167652</v>
      </c>
      <c r="L85" s="16">
        <v>61334</v>
      </c>
    </row>
    <row r="86" spans="1:12">
      <c r="A86" s="21" t="s">
        <v>232</v>
      </c>
      <c r="B86" s="21" t="s">
        <v>233</v>
      </c>
      <c r="C86" s="21" t="s">
        <v>262</v>
      </c>
      <c r="D86" s="21" t="s">
        <v>534</v>
      </c>
      <c r="E86" s="21" t="s">
        <v>215</v>
      </c>
      <c r="F86" s="21" t="s">
        <v>463</v>
      </c>
      <c r="G86" s="16">
        <v>5775976</v>
      </c>
      <c r="H86" s="16">
        <v>39650</v>
      </c>
      <c r="I86" s="16">
        <v>5223934</v>
      </c>
      <c r="J86" s="16">
        <v>430787</v>
      </c>
      <c r="K86" s="16">
        <v>45463</v>
      </c>
      <c r="L86" s="16">
        <v>36142</v>
      </c>
    </row>
    <row r="87" spans="1:12">
      <c r="A87" s="21" t="s">
        <v>232</v>
      </c>
      <c r="B87" s="21" t="s">
        <v>233</v>
      </c>
      <c r="C87" s="21" t="s">
        <v>262</v>
      </c>
      <c r="D87" s="21" t="s">
        <v>534</v>
      </c>
      <c r="E87" s="21" t="s">
        <v>215</v>
      </c>
      <c r="F87" s="21" t="s">
        <v>464</v>
      </c>
      <c r="G87" s="16">
        <v>1368921</v>
      </c>
      <c r="H87" s="16">
        <v>5030</v>
      </c>
      <c r="I87" s="16">
        <v>1129648</v>
      </c>
      <c r="J87" s="16">
        <v>214674</v>
      </c>
      <c r="K87" s="16">
        <v>6656</v>
      </c>
      <c r="L87" s="16">
        <v>12913</v>
      </c>
    </row>
    <row r="88" spans="1:12">
      <c r="A88" s="21" t="s">
        <v>232</v>
      </c>
      <c r="B88" s="21" t="s">
        <v>233</v>
      </c>
      <c r="C88" s="21" t="s">
        <v>262</v>
      </c>
      <c r="D88" s="21" t="s">
        <v>534</v>
      </c>
      <c r="E88" s="21" t="s">
        <v>215</v>
      </c>
      <c r="F88" s="21" t="s">
        <v>431</v>
      </c>
      <c r="G88" s="16">
        <v>29530072</v>
      </c>
      <c r="H88" s="16">
        <v>7835753</v>
      </c>
      <c r="I88" s="16">
        <v>20697741</v>
      </c>
      <c r="J88" s="16">
        <v>154453</v>
      </c>
      <c r="K88" s="16">
        <v>736043</v>
      </c>
      <c r="L88" s="16">
        <v>106082</v>
      </c>
    </row>
    <row r="89" spans="1:12">
      <c r="A89" s="21" t="s">
        <v>232</v>
      </c>
      <c r="B89" s="21" t="s">
        <v>233</v>
      </c>
      <c r="C89" s="21" t="s">
        <v>262</v>
      </c>
      <c r="D89" s="21" t="s">
        <v>535</v>
      </c>
      <c r="E89" s="21" t="s">
        <v>215</v>
      </c>
      <c r="F89" s="21" t="s">
        <v>401</v>
      </c>
      <c r="G89" s="16">
        <v>29581978</v>
      </c>
      <c r="H89" s="16">
        <v>975067</v>
      </c>
      <c r="I89" s="16">
        <v>27410892</v>
      </c>
      <c r="J89" s="16">
        <v>517583</v>
      </c>
      <c r="K89" s="16">
        <v>430506</v>
      </c>
      <c r="L89" s="16">
        <v>247930</v>
      </c>
    </row>
    <row r="90" spans="1:12">
      <c r="A90" s="21" t="s">
        <v>232</v>
      </c>
      <c r="B90" s="21" t="s">
        <v>233</v>
      </c>
      <c r="C90" s="21" t="s">
        <v>262</v>
      </c>
      <c r="D90" s="21" t="s">
        <v>535</v>
      </c>
      <c r="E90" s="21" t="s">
        <v>215</v>
      </c>
      <c r="F90" s="21" t="s">
        <v>514</v>
      </c>
      <c r="G90" s="16">
        <v>56</v>
      </c>
      <c r="H90" s="16">
        <v>56</v>
      </c>
      <c r="I90" s="22" t="s">
        <v>268</v>
      </c>
      <c r="J90" s="22" t="s">
        <v>268</v>
      </c>
      <c r="K90" s="22" t="s">
        <v>268</v>
      </c>
      <c r="L90" s="22" t="s">
        <v>268</v>
      </c>
    </row>
    <row r="91" spans="1:12">
      <c r="A91" s="21" t="s">
        <v>232</v>
      </c>
      <c r="B91" s="21" t="s">
        <v>233</v>
      </c>
      <c r="C91" s="21" t="s">
        <v>262</v>
      </c>
      <c r="D91" s="21" t="s">
        <v>535</v>
      </c>
      <c r="E91" s="21" t="s">
        <v>215</v>
      </c>
      <c r="F91" s="21" t="s">
        <v>515</v>
      </c>
      <c r="G91" s="16">
        <v>3991</v>
      </c>
      <c r="H91" s="16">
        <v>2155</v>
      </c>
      <c r="I91" s="16">
        <v>1824</v>
      </c>
      <c r="J91" s="16">
        <v>5</v>
      </c>
      <c r="K91" s="16">
        <v>3</v>
      </c>
      <c r="L91" s="16">
        <v>4</v>
      </c>
    </row>
    <row r="92" spans="1:12">
      <c r="A92" s="21" t="s">
        <v>232</v>
      </c>
      <c r="B92" s="21" t="s">
        <v>233</v>
      </c>
      <c r="C92" s="21" t="s">
        <v>262</v>
      </c>
      <c r="D92" s="21" t="s">
        <v>535</v>
      </c>
      <c r="E92" s="21" t="s">
        <v>215</v>
      </c>
      <c r="F92" s="21" t="s">
        <v>516</v>
      </c>
      <c r="G92" s="16">
        <v>141137</v>
      </c>
      <c r="H92" s="16">
        <v>44250</v>
      </c>
      <c r="I92" s="16">
        <v>95648</v>
      </c>
      <c r="J92" s="16">
        <v>23</v>
      </c>
      <c r="K92" s="16">
        <v>415</v>
      </c>
      <c r="L92" s="16">
        <v>801</v>
      </c>
    </row>
    <row r="93" spans="1:12">
      <c r="A93" s="21" t="s">
        <v>232</v>
      </c>
      <c r="B93" s="21" t="s">
        <v>233</v>
      </c>
      <c r="C93" s="21" t="s">
        <v>262</v>
      </c>
      <c r="D93" s="21" t="s">
        <v>535</v>
      </c>
      <c r="E93" s="21" t="s">
        <v>215</v>
      </c>
      <c r="F93" s="21" t="s">
        <v>517</v>
      </c>
      <c r="G93" s="16">
        <v>712632</v>
      </c>
      <c r="H93" s="16">
        <v>84161</v>
      </c>
      <c r="I93" s="16">
        <v>624105</v>
      </c>
      <c r="J93" s="16">
        <v>64</v>
      </c>
      <c r="K93" s="16">
        <v>2292</v>
      </c>
      <c r="L93" s="16">
        <v>2010</v>
      </c>
    </row>
    <row r="94" spans="1:12">
      <c r="A94" s="21" t="s">
        <v>232</v>
      </c>
      <c r="B94" s="21" t="s">
        <v>233</v>
      </c>
      <c r="C94" s="21" t="s">
        <v>262</v>
      </c>
      <c r="D94" s="21" t="s">
        <v>535</v>
      </c>
      <c r="E94" s="21" t="s">
        <v>215</v>
      </c>
      <c r="F94" s="21" t="s">
        <v>518</v>
      </c>
      <c r="G94" s="16">
        <v>1451604</v>
      </c>
      <c r="H94" s="16">
        <v>66892</v>
      </c>
      <c r="I94" s="16">
        <v>1374461</v>
      </c>
      <c r="J94" s="16">
        <v>323</v>
      </c>
      <c r="K94" s="16">
        <v>6846</v>
      </c>
      <c r="L94" s="16">
        <v>3082</v>
      </c>
    </row>
    <row r="95" spans="1:12">
      <c r="A95" s="21" t="s">
        <v>232</v>
      </c>
      <c r="B95" s="21" t="s">
        <v>233</v>
      </c>
      <c r="C95" s="21" t="s">
        <v>262</v>
      </c>
      <c r="D95" s="21" t="s">
        <v>535</v>
      </c>
      <c r="E95" s="21" t="s">
        <v>215</v>
      </c>
      <c r="F95" s="21" t="s">
        <v>519</v>
      </c>
      <c r="G95" s="16">
        <v>2035146</v>
      </c>
      <c r="H95" s="16">
        <v>65634</v>
      </c>
      <c r="I95" s="16">
        <v>1947313</v>
      </c>
      <c r="J95" s="16">
        <v>1347</v>
      </c>
      <c r="K95" s="16">
        <v>15489</v>
      </c>
      <c r="L95" s="16">
        <v>5363</v>
      </c>
    </row>
    <row r="96" spans="1:12">
      <c r="A96" s="21" t="s">
        <v>232</v>
      </c>
      <c r="B96" s="21" t="s">
        <v>233</v>
      </c>
      <c r="C96" s="21" t="s">
        <v>262</v>
      </c>
      <c r="D96" s="21" t="s">
        <v>535</v>
      </c>
      <c r="E96" s="21" t="s">
        <v>215</v>
      </c>
      <c r="F96" s="21" t="s">
        <v>520</v>
      </c>
      <c r="G96" s="16">
        <v>2511390</v>
      </c>
      <c r="H96" s="16">
        <v>83661</v>
      </c>
      <c r="I96" s="16">
        <v>2384395</v>
      </c>
      <c r="J96" s="16">
        <v>3690</v>
      </c>
      <c r="K96" s="16">
        <v>30961</v>
      </c>
      <c r="L96" s="16">
        <v>8683</v>
      </c>
    </row>
    <row r="97" spans="1:12">
      <c r="A97" s="21" t="s">
        <v>232</v>
      </c>
      <c r="B97" s="21" t="s">
        <v>233</v>
      </c>
      <c r="C97" s="21" t="s">
        <v>262</v>
      </c>
      <c r="D97" s="21" t="s">
        <v>535</v>
      </c>
      <c r="E97" s="21" t="s">
        <v>215</v>
      </c>
      <c r="F97" s="21" t="s">
        <v>521</v>
      </c>
      <c r="G97" s="16">
        <v>2991645</v>
      </c>
      <c r="H97" s="16">
        <v>128238</v>
      </c>
      <c r="I97" s="16">
        <v>2785439</v>
      </c>
      <c r="J97" s="16">
        <v>8709</v>
      </c>
      <c r="K97" s="16">
        <v>55109</v>
      </c>
      <c r="L97" s="16">
        <v>14150</v>
      </c>
    </row>
    <row r="98" spans="1:12">
      <c r="A98" s="21" t="s">
        <v>232</v>
      </c>
      <c r="B98" s="21" t="s">
        <v>233</v>
      </c>
      <c r="C98" s="21" t="s">
        <v>262</v>
      </c>
      <c r="D98" s="21" t="s">
        <v>535</v>
      </c>
      <c r="E98" s="21" t="s">
        <v>215</v>
      </c>
      <c r="F98" s="21" t="s">
        <v>522</v>
      </c>
      <c r="G98" s="16">
        <v>2719029</v>
      </c>
      <c r="H98" s="16">
        <v>139693</v>
      </c>
      <c r="I98" s="16">
        <v>2482398</v>
      </c>
      <c r="J98" s="16">
        <v>13503</v>
      </c>
      <c r="K98" s="16">
        <v>67653</v>
      </c>
      <c r="L98" s="16">
        <v>15782</v>
      </c>
    </row>
    <row r="99" spans="1:12">
      <c r="A99" s="21" t="s">
        <v>232</v>
      </c>
      <c r="B99" s="21" t="s">
        <v>233</v>
      </c>
      <c r="C99" s="21" t="s">
        <v>262</v>
      </c>
      <c r="D99" s="21" t="s">
        <v>535</v>
      </c>
      <c r="E99" s="21" t="s">
        <v>215</v>
      </c>
      <c r="F99" s="21" t="s">
        <v>523</v>
      </c>
      <c r="G99" s="16">
        <v>2627598</v>
      </c>
      <c r="H99" s="16">
        <v>131177</v>
      </c>
      <c r="I99" s="16">
        <v>2390396</v>
      </c>
      <c r="J99" s="16">
        <v>20747</v>
      </c>
      <c r="K99" s="16">
        <v>71637</v>
      </c>
      <c r="L99" s="16">
        <v>13641</v>
      </c>
    </row>
    <row r="100" spans="1:12">
      <c r="A100" s="21" t="s">
        <v>232</v>
      </c>
      <c r="B100" s="21" t="s">
        <v>233</v>
      </c>
      <c r="C100" s="21" t="s">
        <v>262</v>
      </c>
      <c r="D100" s="21" t="s">
        <v>535</v>
      </c>
      <c r="E100" s="21" t="s">
        <v>215</v>
      </c>
      <c r="F100" s="21" t="s">
        <v>524</v>
      </c>
      <c r="G100" s="16">
        <v>2617212</v>
      </c>
      <c r="H100" s="16">
        <v>97905</v>
      </c>
      <c r="I100" s="16">
        <v>2414907</v>
      </c>
      <c r="J100" s="16">
        <v>31323</v>
      </c>
      <c r="K100" s="16">
        <v>62746</v>
      </c>
      <c r="L100" s="16">
        <v>10331</v>
      </c>
    </row>
    <row r="101" spans="1:12">
      <c r="A101" s="21" t="s">
        <v>232</v>
      </c>
      <c r="B101" s="21" t="s">
        <v>233</v>
      </c>
      <c r="C101" s="21" t="s">
        <v>262</v>
      </c>
      <c r="D101" s="21" t="s">
        <v>535</v>
      </c>
      <c r="E101" s="21" t="s">
        <v>215</v>
      </c>
      <c r="F101" s="21" t="s">
        <v>525</v>
      </c>
      <c r="G101" s="16">
        <v>2965742</v>
      </c>
      <c r="H101" s="16">
        <v>68496</v>
      </c>
      <c r="I101" s="16">
        <v>2786176</v>
      </c>
      <c r="J101" s="16">
        <v>51342</v>
      </c>
      <c r="K101" s="16">
        <v>50139</v>
      </c>
      <c r="L101" s="16">
        <v>9589</v>
      </c>
    </row>
    <row r="102" spans="1:12">
      <c r="A102" s="21" t="s">
        <v>232</v>
      </c>
      <c r="B102" s="21" t="s">
        <v>233</v>
      </c>
      <c r="C102" s="21" t="s">
        <v>262</v>
      </c>
      <c r="D102" s="21" t="s">
        <v>535</v>
      </c>
      <c r="E102" s="21" t="s">
        <v>215</v>
      </c>
      <c r="F102" s="21" t="s">
        <v>526</v>
      </c>
      <c r="G102" s="16">
        <v>3336870</v>
      </c>
      <c r="H102" s="16">
        <v>40787</v>
      </c>
      <c r="I102" s="16">
        <v>3169298</v>
      </c>
      <c r="J102" s="16">
        <v>78251</v>
      </c>
      <c r="K102" s="16">
        <v>37829</v>
      </c>
      <c r="L102" s="16">
        <v>10705</v>
      </c>
    </row>
    <row r="103" spans="1:12">
      <c r="A103" s="21" t="s">
        <v>232</v>
      </c>
      <c r="B103" s="21" t="s">
        <v>233</v>
      </c>
      <c r="C103" s="21" t="s">
        <v>262</v>
      </c>
      <c r="D103" s="21" t="s">
        <v>535</v>
      </c>
      <c r="E103" s="21" t="s">
        <v>215</v>
      </c>
      <c r="F103" s="21" t="s">
        <v>527</v>
      </c>
      <c r="G103" s="16">
        <v>2476547</v>
      </c>
      <c r="H103" s="16">
        <v>13895</v>
      </c>
      <c r="I103" s="16">
        <v>2352471</v>
      </c>
      <c r="J103" s="16">
        <v>83026</v>
      </c>
      <c r="K103" s="16">
        <v>17528</v>
      </c>
      <c r="L103" s="16">
        <v>9627</v>
      </c>
    </row>
    <row r="104" spans="1:12">
      <c r="A104" s="21" t="s">
        <v>232</v>
      </c>
      <c r="B104" s="21" t="s">
        <v>233</v>
      </c>
      <c r="C104" s="21" t="s">
        <v>262</v>
      </c>
      <c r="D104" s="21" t="s">
        <v>535</v>
      </c>
      <c r="E104" s="21" t="s">
        <v>215</v>
      </c>
      <c r="F104" s="21" t="s">
        <v>528</v>
      </c>
      <c r="G104" s="16">
        <v>1687279</v>
      </c>
      <c r="H104" s="16">
        <v>5528</v>
      </c>
      <c r="I104" s="16">
        <v>1576712</v>
      </c>
      <c r="J104" s="16">
        <v>88568</v>
      </c>
      <c r="K104" s="16">
        <v>8133</v>
      </c>
      <c r="L104" s="16">
        <v>8338</v>
      </c>
    </row>
    <row r="105" spans="1:12">
      <c r="A105" s="21" t="s">
        <v>232</v>
      </c>
      <c r="B105" s="21" t="s">
        <v>233</v>
      </c>
      <c r="C105" s="21" t="s">
        <v>262</v>
      </c>
      <c r="D105" s="21" t="s">
        <v>535</v>
      </c>
      <c r="E105" s="21" t="s">
        <v>215</v>
      </c>
      <c r="F105" s="21" t="s">
        <v>529</v>
      </c>
      <c r="G105" s="16">
        <v>881142</v>
      </c>
      <c r="H105" s="16">
        <v>2077</v>
      </c>
      <c r="I105" s="16">
        <v>790925</v>
      </c>
      <c r="J105" s="16">
        <v>79590</v>
      </c>
      <c r="K105" s="16">
        <v>2914</v>
      </c>
      <c r="L105" s="16">
        <v>5636</v>
      </c>
    </row>
    <row r="106" spans="1:12">
      <c r="A106" s="21" t="s">
        <v>232</v>
      </c>
      <c r="B106" s="21" t="s">
        <v>233</v>
      </c>
      <c r="C106" s="21" t="s">
        <v>262</v>
      </c>
      <c r="D106" s="21" t="s">
        <v>535</v>
      </c>
      <c r="E106" s="21" t="s">
        <v>215</v>
      </c>
      <c r="F106" s="21" t="s">
        <v>530</v>
      </c>
      <c r="G106" s="16">
        <v>259218</v>
      </c>
      <c r="H106" s="16">
        <v>398</v>
      </c>
      <c r="I106" s="16">
        <v>211135</v>
      </c>
      <c r="J106" s="16">
        <v>44543</v>
      </c>
      <c r="K106" s="16">
        <v>682</v>
      </c>
      <c r="L106" s="16">
        <v>2460</v>
      </c>
    </row>
    <row r="107" spans="1:12">
      <c r="A107" s="21" t="s">
        <v>232</v>
      </c>
      <c r="B107" s="21" t="s">
        <v>233</v>
      </c>
      <c r="C107" s="21" t="s">
        <v>262</v>
      </c>
      <c r="D107" s="21" t="s">
        <v>535</v>
      </c>
      <c r="E107" s="21" t="s">
        <v>215</v>
      </c>
      <c r="F107" s="21" t="s">
        <v>531</v>
      </c>
      <c r="G107" s="16">
        <v>34069</v>
      </c>
      <c r="H107" s="16">
        <v>54</v>
      </c>
      <c r="I107" s="16">
        <v>22159</v>
      </c>
      <c r="J107" s="16">
        <v>11238</v>
      </c>
      <c r="K107" s="16">
        <v>116</v>
      </c>
      <c r="L107" s="16">
        <v>502</v>
      </c>
    </row>
    <row r="108" spans="1:12">
      <c r="A108" s="21" t="s">
        <v>232</v>
      </c>
      <c r="B108" s="21" t="s">
        <v>233</v>
      </c>
      <c r="C108" s="21" t="s">
        <v>262</v>
      </c>
      <c r="D108" s="21" t="s">
        <v>535</v>
      </c>
      <c r="E108" s="21" t="s">
        <v>215</v>
      </c>
      <c r="F108" s="21" t="s">
        <v>532</v>
      </c>
      <c r="G108" s="16">
        <v>2515</v>
      </c>
      <c r="H108" s="16">
        <v>10</v>
      </c>
      <c r="I108" s="16">
        <v>1130</v>
      </c>
      <c r="J108" s="16">
        <v>1291</v>
      </c>
      <c r="K108" s="16">
        <v>14</v>
      </c>
      <c r="L108" s="16">
        <v>70</v>
      </c>
    </row>
    <row r="109" spans="1:12">
      <c r="A109" s="21" t="s">
        <v>232</v>
      </c>
      <c r="B109" s="21" t="s">
        <v>233</v>
      </c>
      <c r="C109" s="21" t="s">
        <v>262</v>
      </c>
      <c r="D109" s="21" t="s">
        <v>535</v>
      </c>
      <c r="E109" s="21" t="s">
        <v>215</v>
      </c>
      <c r="F109" s="21" t="s">
        <v>533</v>
      </c>
      <c r="G109" s="16">
        <v>127156</v>
      </c>
      <c r="H109" s="22" t="s">
        <v>268</v>
      </c>
      <c r="I109" s="22" t="s">
        <v>268</v>
      </c>
      <c r="J109" s="22" t="s">
        <v>268</v>
      </c>
      <c r="K109" s="22" t="s">
        <v>268</v>
      </c>
      <c r="L109" s="16">
        <v>127156</v>
      </c>
    </row>
    <row r="110" spans="1:12">
      <c r="A110" s="21" t="s">
        <v>232</v>
      </c>
      <c r="B110" s="21" t="s">
        <v>233</v>
      </c>
      <c r="C110" s="21" t="s">
        <v>262</v>
      </c>
      <c r="D110" s="21" t="s">
        <v>535</v>
      </c>
      <c r="E110" s="21" t="s">
        <v>215</v>
      </c>
      <c r="F110" s="21" t="s">
        <v>461</v>
      </c>
      <c r="G110" s="16">
        <v>17811384</v>
      </c>
      <c r="H110" s="16">
        <v>843766</v>
      </c>
      <c r="I110" s="16">
        <v>16500886</v>
      </c>
      <c r="J110" s="16">
        <v>79734</v>
      </c>
      <c r="K110" s="16">
        <v>313151</v>
      </c>
      <c r="L110" s="16">
        <v>73847</v>
      </c>
    </row>
    <row r="111" spans="1:12">
      <c r="A111" s="21" t="s">
        <v>232</v>
      </c>
      <c r="B111" s="21" t="s">
        <v>233</v>
      </c>
      <c r="C111" s="21" t="s">
        <v>262</v>
      </c>
      <c r="D111" s="21" t="s">
        <v>535</v>
      </c>
      <c r="E111" s="21" t="s">
        <v>215</v>
      </c>
      <c r="F111" s="21" t="s">
        <v>462</v>
      </c>
      <c r="G111" s="16">
        <v>11643382</v>
      </c>
      <c r="H111" s="16">
        <v>131245</v>
      </c>
      <c r="I111" s="16">
        <v>10910006</v>
      </c>
      <c r="J111" s="16">
        <v>437849</v>
      </c>
      <c r="K111" s="16">
        <v>117355</v>
      </c>
      <c r="L111" s="16">
        <v>46927</v>
      </c>
    </row>
    <row r="112" spans="1:12">
      <c r="A112" s="21" t="s">
        <v>232</v>
      </c>
      <c r="B112" s="21" t="s">
        <v>233</v>
      </c>
      <c r="C112" s="21" t="s">
        <v>262</v>
      </c>
      <c r="D112" s="21" t="s">
        <v>535</v>
      </c>
      <c r="E112" s="21" t="s">
        <v>215</v>
      </c>
      <c r="F112" s="21" t="s">
        <v>463</v>
      </c>
      <c r="G112" s="16">
        <v>5340770</v>
      </c>
      <c r="H112" s="16">
        <v>21962</v>
      </c>
      <c r="I112" s="16">
        <v>4954532</v>
      </c>
      <c r="J112" s="16">
        <v>308256</v>
      </c>
      <c r="K112" s="16">
        <v>29387</v>
      </c>
      <c r="L112" s="16">
        <v>26633</v>
      </c>
    </row>
    <row r="113" spans="1:12">
      <c r="A113" s="21" t="s">
        <v>232</v>
      </c>
      <c r="B113" s="21" t="s">
        <v>233</v>
      </c>
      <c r="C113" s="21" t="s">
        <v>262</v>
      </c>
      <c r="D113" s="21" t="s">
        <v>535</v>
      </c>
      <c r="E113" s="21" t="s">
        <v>215</v>
      </c>
      <c r="F113" s="21" t="s">
        <v>464</v>
      </c>
      <c r="G113" s="16">
        <v>1176944</v>
      </c>
      <c r="H113" s="16">
        <v>2539</v>
      </c>
      <c r="I113" s="16">
        <v>1025349</v>
      </c>
      <c r="J113" s="16">
        <v>136662</v>
      </c>
      <c r="K113" s="16">
        <v>3726</v>
      </c>
      <c r="L113" s="16">
        <v>8668</v>
      </c>
    </row>
    <row r="114" spans="1:12">
      <c r="A114" s="21" t="s">
        <v>232</v>
      </c>
      <c r="B114" s="21" t="s">
        <v>233</v>
      </c>
      <c r="C114" s="21" t="s">
        <v>262</v>
      </c>
      <c r="D114" s="21" t="s">
        <v>535</v>
      </c>
      <c r="E114" s="21" t="s">
        <v>215</v>
      </c>
      <c r="F114" s="21" t="s">
        <v>431</v>
      </c>
      <c r="G114" s="16">
        <v>20773135</v>
      </c>
      <c r="H114" s="16">
        <v>910107</v>
      </c>
      <c r="I114" s="16">
        <v>19285238</v>
      </c>
      <c r="J114" s="16">
        <v>131071</v>
      </c>
      <c r="K114" s="16">
        <v>363287</v>
      </c>
      <c r="L114" s="16">
        <v>83432</v>
      </c>
    </row>
    <row r="115" spans="1:12">
      <c r="A115" s="21" t="s">
        <v>232</v>
      </c>
      <c r="B115" s="21" t="s">
        <v>233</v>
      </c>
      <c r="C115" s="21" t="s">
        <v>262</v>
      </c>
      <c r="D115" s="21" t="s">
        <v>536</v>
      </c>
      <c r="E115" s="21" t="s">
        <v>215</v>
      </c>
      <c r="F115" s="21" t="s">
        <v>401</v>
      </c>
      <c r="G115" s="16">
        <v>10936246</v>
      </c>
      <c r="H115" s="16">
        <v>4780394</v>
      </c>
      <c r="I115" s="16">
        <v>721560</v>
      </c>
      <c r="J115" s="16">
        <v>734974</v>
      </c>
      <c r="K115" s="16">
        <v>1133845</v>
      </c>
      <c r="L115" s="16">
        <v>3565473</v>
      </c>
    </row>
    <row r="116" spans="1:12">
      <c r="A116" s="21" t="s">
        <v>232</v>
      </c>
      <c r="B116" s="21" t="s">
        <v>233</v>
      </c>
      <c r="C116" s="21" t="s">
        <v>262</v>
      </c>
      <c r="D116" s="21" t="s">
        <v>536</v>
      </c>
      <c r="E116" s="21" t="s">
        <v>215</v>
      </c>
      <c r="F116" s="21" t="s">
        <v>514</v>
      </c>
      <c r="G116" s="16">
        <v>94</v>
      </c>
      <c r="H116" s="16">
        <v>94</v>
      </c>
      <c r="I116" s="22" t="s">
        <v>268</v>
      </c>
      <c r="J116" s="22" t="s">
        <v>268</v>
      </c>
      <c r="K116" s="22" t="s">
        <v>268</v>
      </c>
      <c r="L116" s="22" t="s">
        <v>268</v>
      </c>
    </row>
    <row r="117" spans="1:12">
      <c r="A117" s="21" t="s">
        <v>232</v>
      </c>
      <c r="B117" s="21" t="s">
        <v>233</v>
      </c>
      <c r="C117" s="21" t="s">
        <v>262</v>
      </c>
      <c r="D117" s="21" t="s">
        <v>536</v>
      </c>
      <c r="E117" s="21" t="s">
        <v>215</v>
      </c>
      <c r="F117" s="21" t="s">
        <v>515</v>
      </c>
      <c r="G117" s="16">
        <v>161138</v>
      </c>
      <c r="H117" s="16">
        <v>143036</v>
      </c>
      <c r="I117" s="16">
        <v>1113</v>
      </c>
      <c r="J117" s="16">
        <v>53</v>
      </c>
      <c r="K117" s="16">
        <v>124</v>
      </c>
      <c r="L117" s="16">
        <v>16812</v>
      </c>
    </row>
    <row r="118" spans="1:12">
      <c r="A118" s="21" t="s">
        <v>232</v>
      </c>
      <c r="B118" s="21" t="s">
        <v>233</v>
      </c>
      <c r="C118" s="21" t="s">
        <v>262</v>
      </c>
      <c r="D118" s="21" t="s">
        <v>536</v>
      </c>
      <c r="E118" s="21" t="s">
        <v>215</v>
      </c>
      <c r="F118" s="21" t="s">
        <v>516</v>
      </c>
      <c r="G118" s="16">
        <v>929657</v>
      </c>
      <c r="H118" s="16">
        <v>713314</v>
      </c>
      <c r="I118" s="16">
        <v>3680</v>
      </c>
      <c r="J118" s="16">
        <v>165</v>
      </c>
      <c r="K118" s="16">
        <v>1449</v>
      </c>
      <c r="L118" s="16">
        <v>211049</v>
      </c>
    </row>
    <row r="119" spans="1:12">
      <c r="A119" s="21" t="s">
        <v>232</v>
      </c>
      <c r="B119" s="21" t="s">
        <v>233</v>
      </c>
      <c r="C119" s="21" t="s">
        <v>262</v>
      </c>
      <c r="D119" s="21" t="s">
        <v>536</v>
      </c>
      <c r="E119" s="21" t="s">
        <v>215</v>
      </c>
      <c r="F119" s="21" t="s">
        <v>517</v>
      </c>
      <c r="G119" s="16">
        <v>1054783</v>
      </c>
      <c r="H119" s="16">
        <v>715185</v>
      </c>
      <c r="I119" s="16">
        <v>19371</v>
      </c>
      <c r="J119" s="16">
        <v>215</v>
      </c>
      <c r="K119" s="16">
        <v>8349</v>
      </c>
      <c r="L119" s="16">
        <v>311663</v>
      </c>
    </row>
    <row r="120" spans="1:12">
      <c r="A120" s="21" t="s">
        <v>232</v>
      </c>
      <c r="B120" s="21" t="s">
        <v>233</v>
      </c>
      <c r="C120" s="21" t="s">
        <v>262</v>
      </c>
      <c r="D120" s="21" t="s">
        <v>536</v>
      </c>
      <c r="E120" s="21" t="s">
        <v>215</v>
      </c>
      <c r="F120" s="21" t="s">
        <v>518</v>
      </c>
      <c r="G120" s="16">
        <v>777928</v>
      </c>
      <c r="H120" s="16">
        <v>470659</v>
      </c>
      <c r="I120" s="16">
        <v>34309</v>
      </c>
      <c r="J120" s="16">
        <v>373</v>
      </c>
      <c r="K120" s="16">
        <v>23519</v>
      </c>
      <c r="L120" s="16">
        <v>249068</v>
      </c>
    </row>
    <row r="121" spans="1:12">
      <c r="A121" s="21" t="s">
        <v>232</v>
      </c>
      <c r="B121" s="21" t="s">
        <v>233</v>
      </c>
      <c r="C121" s="21" t="s">
        <v>262</v>
      </c>
      <c r="D121" s="21" t="s">
        <v>536</v>
      </c>
      <c r="E121" s="21" t="s">
        <v>215</v>
      </c>
      <c r="F121" s="21" t="s">
        <v>519</v>
      </c>
      <c r="G121" s="16">
        <v>666019</v>
      </c>
      <c r="H121" s="16">
        <v>365103</v>
      </c>
      <c r="I121" s="16">
        <v>38213</v>
      </c>
      <c r="J121" s="16">
        <v>809</v>
      </c>
      <c r="K121" s="16">
        <v>42074</v>
      </c>
      <c r="L121" s="16">
        <v>219820</v>
      </c>
    </row>
    <row r="122" spans="1:12">
      <c r="A122" s="21" t="s">
        <v>232</v>
      </c>
      <c r="B122" s="21" t="s">
        <v>233</v>
      </c>
      <c r="C122" s="21" t="s">
        <v>262</v>
      </c>
      <c r="D122" s="21" t="s">
        <v>536</v>
      </c>
      <c r="E122" s="21" t="s">
        <v>215</v>
      </c>
      <c r="F122" s="21" t="s">
        <v>520</v>
      </c>
      <c r="G122" s="16">
        <v>674340</v>
      </c>
      <c r="H122" s="16">
        <v>347284</v>
      </c>
      <c r="I122" s="16">
        <v>55070</v>
      </c>
      <c r="J122" s="16">
        <v>1769</v>
      </c>
      <c r="K122" s="16">
        <v>65419</v>
      </c>
      <c r="L122" s="16">
        <v>204798</v>
      </c>
    </row>
    <row r="123" spans="1:12">
      <c r="A123" s="21" t="s">
        <v>232</v>
      </c>
      <c r="B123" s="21" t="s">
        <v>233</v>
      </c>
      <c r="C123" s="21" t="s">
        <v>262</v>
      </c>
      <c r="D123" s="21" t="s">
        <v>536</v>
      </c>
      <c r="E123" s="21" t="s">
        <v>215</v>
      </c>
      <c r="F123" s="21" t="s">
        <v>521</v>
      </c>
      <c r="G123" s="16">
        <v>830740</v>
      </c>
      <c r="H123" s="16">
        <v>404122</v>
      </c>
      <c r="I123" s="16">
        <v>93999</v>
      </c>
      <c r="J123" s="16">
        <v>4454</v>
      </c>
      <c r="K123" s="16">
        <v>105217</v>
      </c>
      <c r="L123" s="16">
        <v>222948</v>
      </c>
    </row>
    <row r="124" spans="1:12">
      <c r="A124" s="21" t="s">
        <v>232</v>
      </c>
      <c r="B124" s="21" t="s">
        <v>233</v>
      </c>
      <c r="C124" s="21" t="s">
        <v>262</v>
      </c>
      <c r="D124" s="21" t="s">
        <v>536</v>
      </c>
      <c r="E124" s="21" t="s">
        <v>215</v>
      </c>
      <c r="F124" s="21" t="s">
        <v>522</v>
      </c>
      <c r="G124" s="16">
        <v>807438</v>
      </c>
      <c r="H124" s="16">
        <v>365011</v>
      </c>
      <c r="I124" s="16">
        <v>118667</v>
      </c>
      <c r="J124" s="16">
        <v>8415</v>
      </c>
      <c r="K124" s="16">
        <v>124312</v>
      </c>
      <c r="L124" s="16">
        <v>191033</v>
      </c>
    </row>
    <row r="125" spans="1:12">
      <c r="A125" s="21" t="s">
        <v>232</v>
      </c>
      <c r="B125" s="21" t="s">
        <v>233</v>
      </c>
      <c r="C125" s="21" t="s">
        <v>262</v>
      </c>
      <c r="D125" s="21" t="s">
        <v>536</v>
      </c>
      <c r="E125" s="21" t="s">
        <v>215</v>
      </c>
      <c r="F125" s="21" t="s">
        <v>523</v>
      </c>
      <c r="G125" s="16">
        <v>740353</v>
      </c>
      <c r="H125" s="16">
        <v>322682</v>
      </c>
      <c r="I125" s="16">
        <v>117295</v>
      </c>
      <c r="J125" s="16">
        <v>16698</v>
      </c>
      <c r="K125" s="16">
        <v>140266</v>
      </c>
      <c r="L125" s="16">
        <v>143412</v>
      </c>
    </row>
    <row r="126" spans="1:12">
      <c r="A126" s="21" t="s">
        <v>232</v>
      </c>
      <c r="B126" s="21" t="s">
        <v>233</v>
      </c>
      <c r="C126" s="21" t="s">
        <v>262</v>
      </c>
      <c r="D126" s="21" t="s">
        <v>536</v>
      </c>
      <c r="E126" s="21" t="s">
        <v>215</v>
      </c>
      <c r="F126" s="21" t="s">
        <v>524</v>
      </c>
      <c r="G126" s="16">
        <v>651007</v>
      </c>
      <c r="H126" s="16">
        <v>289665</v>
      </c>
      <c r="I126" s="16">
        <v>72791</v>
      </c>
      <c r="J126" s="16">
        <v>32218</v>
      </c>
      <c r="K126" s="16">
        <v>148292</v>
      </c>
      <c r="L126" s="16">
        <v>108041</v>
      </c>
    </row>
    <row r="127" spans="1:12">
      <c r="A127" s="21" t="s">
        <v>232</v>
      </c>
      <c r="B127" s="21" t="s">
        <v>233</v>
      </c>
      <c r="C127" s="21" t="s">
        <v>262</v>
      </c>
      <c r="D127" s="21" t="s">
        <v>536</v>
      </c>
      <c r="E127" s="21" t="s">
        <v>215</v>
      </c>
      <c r="F127" s="21" t="s">
        <v>525</v>
      </c>
      <c r="G127" s="16">
        <v>690959</v>
      </c>
      <c r="H127" s="16">
        <v>296670</v>
      </c>
      <c r="I127" s="16">
        <v>50258</v>
      </c>
      <c r="J127" s="16">
        <v>69471</v>
      </c>
      <c r="K127" s="16">
        <v>168597</v>
      </c>
      <c r="L127" s="16">
        <v>105963</v>
      </c>
    </row>
    <row r="128" spans="1:12">
      <c r="A128" s="21" t="s">
        <v>232</v>
      </c>
      <c r="B128" s="21" t="s">
        <v>233</v>
      </c>
      <c r="C128" s="21" t="s">
        <v>262</v>
      </c>
      <c r="D128" s="21" t="s">
        <v>536</v>
      </c>
      <c r="E128" s="21" t="s">
        <v>215</v>
      </c>
      <c r="F128" s="21" t="s">
        <v>526</v>
      </c>
      <c r="G128" s="16">
        <v>669710</v>
      </c>
      <c r="H128" s="16">
        <v>225799</v>
      </c>
      <c r="I128" s="16">
        <v>43756</v>
      </c>
      <c r="J128" s="16">
        <v>126819</v>
      </c>
      <c r="K128" s="16">
        <v>167869</v>
      </c>
      <c r="L128" s="16">
        <v>105467</v>
      </c>
    </row>
    <row r="129" spans="1:12">
      <c r="A129" s="21" t="s">
        <v>232</v>
      </c>
      <c r="B129" s="21" t="s">
        <v>233</v>
      </c>
      <c r="C129" s="21" t="s">
        <v>262</v>
      </c>
      <c r="D129" s="21" t="s">
        <v>536</v>
      </c>
      <c r="E129" s="21" t="s">
        <v>215</v>
      </c>
      <c r="F129" s="21" t="s">
        <v>527</v>
      </c>
      <c r="G129" s="16">
        <v>399236</v>
      </c>
      <c r="H129" s="16">
        <v>81273</v>
      </c>
      <c r="I129" s="16">
        <v>25909</v>
      </c>
      <c r="J129" s="16">
        <v>140383</v>
      </c>
      <c r="K129" s="16">
        <v>85537</v>
      </c>
      <c r="L129" s="16">
        <v>66134</v>
      </c>
    </row>
    <row r="130" spans="1:12">
      <c r="A130" s="21" t="s">
        <v>232</v>
      </c>
      <c r="B130" s="21" t="s">
        <v>233</v>
      </c>
      <c r="C130" s="21" t="s">
        <v>262</v>
      </c>
      <c r="D130" s="21" t="s">
        <v>536</v>
      </c>
      <c r="E130" s="21" t="s">
        <v>215</v>
      </c>
      <c r="F130" s="21" t="s">
        <v>528</v>
      </c>
      <c r="G130" s="16">
        <v>270835</v>
      </c>
      <c r="H130" s="16">
        <v>28885</v>
      </c>
      <c r="I130" s="16">
        <v>20414</v>
      </c>
      <c r="J130" s="16">
        <v>141785</v>
      </c>
      <c r="K130" s="16">
        <v>38004</v>
      </c>
      <c r="L130" s="16">
        <v>41747</v>
      </c>
    </row>
    <row r="131" spans="1:12">
      <c r="A131" s="21" t="s">
        <v>232</v>
      </c>
      <c r="B131" s="21" t="s">
        <v>233</v>
      </c>
      <c r="C131" s="21" t="s">
        <v>262</v>
      </c>
      <c r="D131" s="21" t="s">
        <v>536</v>
      </c>
      <c r="E131" s="21" t="s">
        <v>215</v>
      </c>
      <c r="F131" s="21" t="s">
        <v>529</v>
      </c>
      <c r="G131" s="16">
        <v>180497</v>
      </c>
      <c r="H131" s="16">
        <v>9142</v>
      </c>
      <c r="I131" s="16">
        <v>16985</v>
      </c>
      <c r="J131" s="16">
        <v>118995</v>
      </c>
      <c r="K131" s="16">
        <v>12223</v>
      </c>
      <c r="L131" s="16">
        <v>23152</v>
      </c>
    </row>
    <row r="132" spans="1:12">
      <c r="A132" s="21" t="s">
        <v>232</v>
      </c>
      <c r="B132" s="21" t="s">
        <v>233</v>
      </c>
      <c r="C132" s="21" t="s">
        <v>262</v>
      </c>
      <c r="D132" s="21" t="s">
        <v>536</v>
      </c>
      <c r="E132" s="21" t="s">
        <v>215</v>
      </c>
      <c r="F132" s="21" t="s">
        <v>530</v>
      </c>
      <c r="G132" s="16">
        <v>79475</v>
      </c>
      <c r="H132" s="16">
        <v>2159</v>
      </c>
      <c r="I132" s="16">
        <v>8083</v>
      </c>
      <c r="J132" s="16">
        <v>58615</v>
      </c>
      <c r="K132" s="16">
        <v>2335</v>
      </c>
      <c r="L132" s="16">
        <v>8283</v>
      </c>
    </row>
    <row r="133" spans="1:12">
      <c r="A133" s="21" t="s">
        <v>232</v>
      </c>
      <c r="B133" s="21" t="s">
        <v>233</v>
      </c>
      <c r="C133" s="21" t="s">
        <v>262</v>
      </c>
      <c r="D133" s="21" t="s">
        <v>536</v>
      </c>
      <c r="E133" s="21" t="s">
        <v>215</v>
      </c>
      <c r="F133" s="21" t="s">
        <v>531</v>
      </c>
      <c r="G133" s="16">
        <v>15902</v>
      </c>
      <c r="H133" s="16">
        <v>259</v>
      </c>
      <c r="I133" s="16">
        <v>1539</v>
      </c>
      <c r="J133" s="16">
        <v>12530</v>
      </c>
      <c r="K133" s="16">
        <v>235</v>
      </c>
      <c r="L133" s="16">
        <v>1339</v>
      </c>
    </row>
    <row r="134" spans="1:12">
      <c r="A134" s="21" t="s">
        <v>232</v>
      </c>
      <c r="B134" s="21" t="s">
        <v>233</v>
      </c>
      <c r="C134" s="21" t="s">
        <v>262</v>
      </c>
      <c r="D134" s="21" t="s">
        <v>536</v>
      </c>
      <c r="E134" s="21" t="s">
        <v>215</v>
      </c>
      <c r="F134" s="21" t="s">
        <v>532</v>
      </c>
      <c r="G134" s="16">
        <v>1557</v>
      </c>
      <c r="H134" s="16">
        <v>52</v>
      </c>
      <c r="I134" s="16">
        <v>108</v>
      </c>
      <c r="J134" s="16">
        <v>1207</v>
      </c>
      <c r="K134" s="16">
        <v>24</v>
      </c>
      <c r="L134" s="16">
        <v>166</v>
      </c>
    </row>
    <row r="135" spans="1:12">
      <c r="A135" s="21" t="s">
        <v>232</v>
      </c>
      <c r="B135" s="21" t="s">
        <v>233</v>
      </c>
      <c r="C135" s="21" t="s">
        <v>262</v>
      </c>
      <c r="D135" s="21" t="s">
        <v>536</v>
      </c>
      <c r="E135" s="21" t="s">
        <v>215</v>
      </c>
      <c r="F135" s="21" t="s">
        <v>533</v>
      </c>
      <c r="G135" s="16">
        <v>1334578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16">
        <v>1334578</v>
      </c>
    </row>
    <row r="136" spans="1:12">
      <c r="A136" s="21" t="s">
        <v>232</v>
      </c>
      <c r="B136" s="21" t="s">
        <v>233</v>
      </c>
      <c r="C136" s="21" t="s">
        <v>262</v>
      </c>
      <c r="D136" s="21" t="s">
        <v>536</v>
      </c>
      <c r="E136" s="21" t="s">
        <v>215</v>
      </c>
      <c r="F136" s="21" t="s">
        <v>461</v>
      </c>
      <c r="G136" s="16">
        <v>7293403</v>
      </c>
      <c r="H136" s="16">
        <v>4136061</v>
      </c>
      <c r="I136" s="16">
        <v>554508</v>
      </c>
      <c r="J136" s="16">
        <v>65169</v>
      </c>
      <c r="K136" s="16">
        <v>659021</v>
      </c>
      <c r="L136" s="16">
        <v>1878644</v>
      </c>
    </row>
    <row r="137" spans="1:12">
      <c r="A137" s="21" t="s">
        <v>232</v>
      </c>
      <c r="B137" s="21" t="s">
        <v>233</v>
      </c>
      <c r="C137" s="21" t="s">
        <v>262</v>
      </c>
      <c r="D137" s="21" t="s">
        <v>536</v>
      </c>
      <c r="E137" s="21" t="s">
        <v>215</v>
      </c>
      <c r="F137" s="21" t="s">
        <v>462</v>
      </c>
      <c r="G137" s="16">
        <v>2308171</v>
      </c>
      <c r="H137" s="16">
        <v>644239</v>
      </c>
      <c r="I137" s="16">
        <v>167052</v>
      </c>
      <c r="J137" s="16">
        <v>669805</v>
      </c>
      <c r="K137" s="16">
        <v>474824</v>
      </c>
      <c r="L137" s="16">
        <v>352251</v>
      </c>
    </row>
    <row r="138" spans="1:12">
      <c r="A138" s="21" t="s">
        <v>232</v>
      </c>
      <c r="B138" s="21" t="s">
        <v>233</v>
      </c>
      <c r="C138" s="21" t="s">
        <v>262</v>
      </c>
      <c r="D138" s="21" t="s">
        <v>536</v>
      </c>
      <c r="E138" s="21" t="s">
        <v>215</v>
      </c>
      <c r="F138" s="21" t="s">
        <v>463</v>
      </c>
      <c r="G138" s="16">
        <v>947502</v>
      </c>
      <c r="H138" s="16">
        <v>121770</v>
      </c>
      <c r="I138" s="16">
        <v>73038</v>
      </c>
      <c r="J138" s="16">
        <v>473515</v>
      </c>
      <c r="K138" s="16">
        <v>138358</v>
      </c>
      <c r="L138" s="16">
        <v>140821</v>
      </c>
    </row>
    <row r="139" spans="1:12">
      <c r="A139" s="21" t="s">
        <v>232</v>
      </c>
      <c r="B139" s="21" t="s">
        <v>233</v>
      </c>
      <c r="C139" s="21" t="s">
        <v>262</v>
      </c>
      <c r="D139" s="21" t="s">
        <v>536</v>
      </c>
      <c r="E139" s="21" t="s">
        <v>215</v>
      </c>
      <c r="F139" s="21" t="s">
        <v>464</v>
      </c>
      <c r="G139" s="16">
        <v>277431</v>
      </c>
      <c r="H139" s="16">
        <v>11612</v>
      </c>
      <c r="I139" s="16">
        <v>26715</v>
      </c>
      <c r="J139" s="16">
        <v>191347</v>
      </c>
      <c r="K139" s="16">
        <v>14817</v>
      </c>
      <c r="L139" s="16">
        <v>32940</v>
      </c>
    </row>
    <row r="140" spans="1:12">
      <c r="A140" s="21" t="s">
        <v>232</v>
      </c>
      <c r="B140" s="21" t="s">
        <v>233</v>
      </c>
      <c r="C140" s="21" t="s">
        <v>262</v>
      </c>
      <c r="D140" s="21" t="s">
        <v>536</v>
      </c>
      <c r="E140" s="21" t="s">
        <v>215</v>
      </c>
      <c r="F140" s="21" t="s">
        <v>431</v>
      </c>
      <c r="G140" s="16">
        <v>7823224</v>
      </c>
      <c r="H140" s="16">
        <v>4289695</v>
      </c>
      <c r="I140" s="16">
        <v>603653</v>
      </c>
      <c r="J140" s="16">
        <v>134587</v>
      </c>
      <c r="K140" s="16">
        <v>827494</v>
      </c>
      <c r="L140" s="16">
        <v>1967795</v>
      </c>
    </row>
    <row r="141" spans="1:12">
      <c r="A141" s="21" t="s">
        <v>232</v>
      </c>
      <c r="B141" s="21" t="s">
        <v>233</v>
      </c>
      <c r="C141" s="21" t="s">
        <v>262</v>
      </c>
      <c r="D141" s="21" t="s">
        <v>218</v>
      </c>
      <c r="E141" s="21" t="s">
        <v>215</v>
      </c>
      <c r="F141" s="21" t="s">
        <v>401</v>
      </c>
      <c r="G141" s="16">
        <v>1129039</v>
      </c>
      <c r="H141" s="16">
        <v>515422</v>
      </c>
      <c r="I141" s="16">
        <v>230331</v>
      </c>
      <c r="J141" s="16">
        <v>163850</v>
      </c>
      <c r="K141" s="16">
        <v>85864</v>
      </c>
      <c r="L141" s="16">
        <v>133572</v>
      </c>
    </row>
    <row r="142" spans="1:12">
      <c r="A142" s="21" t="s">
        <v>232</v>
      </c>
      <c r="B142" s="21" t="s">
        <v>233</v>
      </c>
      <c r="C142" s="21" t="s">
        <v>262</v>
      </c>
      <c r="D142" s="21" t="s">
        <v>218</v>
      </c>
      <c r="E142" s="21" t="s">
        <v>215</v>
      </c>
      <c r="F142" s="21" t="s">
        <v>514</v>
      </c>
      <c r="G142" s="16">
        <v>20940</v>
      </c>
      <c r="H142" s="16">
        <v>20940</v>
      </c>
      <c r="I142" s="22" t="s">
        <v>268</v>
      </c>
      <c r="J142" s="22" t="s">
        <v>268</v>
      </c>
      <c r="K142" s="22" t="s">
        <v>268</v>
      </c>
      <c r="L142" s="22" t="s">
        <v>268</v>
      </c>
    </row>
    <row r="143" spans="1:12">
      <c r="A143" s="21" t="s">
        <v>232</v>
      </c>
      <c r="B143" s="21" t="s">
        <v>233</v>
      </c>
      <c r="C143" s="21" t="s">
        <v>262</v>
      </c>
      <c r="D143" s="21" t="s">
        <v>218</v>
      </c>
      <c r="E143" s="21" t="s">
        <v>215</v>
      </c>
      <c r="F143" s="21" t="s">
        <v>515</v>
      </c>
      <c r="G143" s="16">
        <v>98423</v>
      </c>
      <c r="H143" s="16">
        <v>97678</v>
      </c>
      <c r="I143" s="16">
        <v>244</v>
      </c>
      <c r="J143" s="16">
        <v>7</v>
      </c>
      <c r="K143" s="16">
        <v>17</v>
      </c>
      <c r="L143" s="16">
        <v>477</v>
      </c>
    </row>
    <row r="144" spans="1:12">
      <c r="A144" s="21" t="s">
        <v>232</v>
      </c>
      <c r="B144" s="21" t="s">
        <v>233</v>
      </c>
      <c r="C144" s="21" t="s">
        <v>262</v>
      </c>
      <c r="D144" s="21" t="s">
        <v>218</v>
      </c>
      <c r="E144" s="21" t="s">
        <v>215</v>
      </c>
      <c r="F144" s="21" t="s">
        <v>516</v>
      </c>
      <c r="G144" s="16">
        <v>69524</v>
      </c>
      <c r="H144" s="16">
        <v>67215</v>
      </c>
      <c r="I144" s="16">
        <v>904</v>
      </c>
      <c r="J144" s="16">
        <v>10</v>
      </c>
      <c r="K144" s="16">
        <v>237</v>
      </c>
      <c r="L144" s="16">
        <v>1158</v>
      </c>
    </row>
    <row r="145" spans="1:12">
      <c r="A145" s="21" t="s">
        <v>232</v>
      </c>
      <c r="B145" s="21" t="s">
        <v>233</v>
      </c>
      <c r="C145" s="21" t="s">
        <v>262</v>
      </c>
      <c r="D145" s="21" t="s">
        <v>218</v>
      </c>
      <c r="E145" s="21" t="s">
        <v>215</v>
      </c>
      <c r="F145" s="21" t="s">
        <v>517</v>
      </c>
      <c r="G145" s="16">
        <v>33920</v>
      </c>
      <c r="H145" s="16">
        <v>29736</v>
      </c>
      <c r="I145" s="16">
        <v>2055</v>
      </c>
      <c r="J145" s="16">
        <v>15</v>
      </c>
      <c r="K145" s="16">
        <v>912</v>
      </c>
      <c r="L145" s="16">
        <v>1202</v>
      </c>
    </row>
    <row r="146" spans="1:12">
      <c r="A146" s="21" t="s">
        <v>232</v>
      </c>
      <c r="B146" s="21" t="s">
        <v>233</v>
      </c>
      <c r="C146" s="21" t="s">
        <v>262</v>
      </c>
      <c r="D146" s="21" t="s">
        <v>218</v>
      </c>
      <c r="E146" s="21" t="s">
        <v>215</v>
      </c>
      <c r="F146" s="21" t="s">
        <v>518</v>
      </c>
      <c r="G146" s="16">
        <v>27284</v>
      </c>
      <c r="H146" s="16">
        <v>21051</v>
      </c>
      <c r="I146" s="16">
        <v>3526</v>
      </c>
      <c r="J146" s="16">
        <v>24</v>
      </c>
      <c r="K146" s="16">
        <v>1420</v>
      </c>
      <c r="L146" s="16">
        <v>1263</v>
      </c>
    </row>
    <row r="147" spans="1:12">
      <c r="A147" s="21" t="s">
        <v>232</v>
      </c>
      <c r="B147" s="21" t="s">
        <v>233</v>
      </c>
      <c r="C147" s="21" t="s">
        <v>262</v>
      </c>
      <c r="D147" s="21" t="s">
        <v>218</v>
      </c>
      <c r="E147" s="21" t="s">
        <v>215</v>
      </c>
      <c r="F147" s="21" t="s">
        <v>519</v>
      </c>
      <c r="G147" s="16">
        <v>26849</v>
      </c>
      <c r="H147" s="16">
        <v>18635</v>
      </c>
      <c r="I147" s="16">
        <v>4569</v>
      </c>
      <c r="J147" s="16">
        <v>22</v>
      </c>
      <c r="K147" s="16">
        <v>2020</v>
      </c>
      <c r="L147" s="16">
        <v>1603</v>
      </c>
    </row>
    <row r="148" spans="1:12">
      <c r="A148" s="21" t="s">
        <v>232</v>
      </c>
      <c r="B148" s="21" t="s">
        <v>233</v>
      </c>
      <c r="C148" s="21" t="s">
        <v>262</v>
      </c>
      <c r="D148" s="21" t="s">
        <v>218</v>
      </c>
      <c r="E148" s="21" t="s">
        <v>215</v>
      </c>
      <c r="F148" s="21" t="s">
        <v>520</v>
      </c>
      <c r="G148" s="16">
        <v>30950</v>
      </c>
      <c r="H148" s="16">
        <v>21731</v>
      </c>
      <c r="I148" s="16">
        <v>4673</v>
      </c>
      <c r="J148" s="16">
        <v>56</v>
      </c>
      <c r="K148" s="16">
        <v>2536</v>
      </c>
      <c r="L148" s="16">
        <v>1954</v>
      </c>
    </row>
    <row r="149" spans="1:12">
      <c r="A149" s="21" t="s">
        <v>232</v>
      </c>
      <c r="B149" s="21" t="s">
        <v>233</v>
      </c>
      <c r="C149" s="21" t="s">
        <v>262</v>
      </c>
      <c r="D149" s="21" t="s">
        <v>218</v>
      </c>
      <c r="E149" s="21" t="s">
        <v>215</v>
      </c>
      <c r="F149" s="21" t="s">
        <v>521</v>
      </c>
      <c r="G149" s="16">
        <v>40515</v>
      </c>
      <c r="H149" s="16">
        <v>29398</v>
      </c>
      <c r="I149" s="16">
        <v>4422</v>
      </c>
      <c r="J149" s="16">
        <v>118</v>
      </c>
      <c r="K149" s="16">
        <v>3598</v>
      </c>
      <c r="L149" s="16">
        <v>2979</v>
      </c>
    </row>
    <row r="150" spans="1:12">
      <c r="A150" s="21" t="s">
        <v>232</v>
      </c>
      <c r="B150" s="21" t="s">
        <v>233</v>
      </c>
      <c r="C150" s="21" t="s">
        <v>262</v>
      </c>
      <c r="D150" s="21" t="s">
        <v>218</v>
      </c>
      <c r="E150" s="21" t="s">
        <v>215</v>
      </c>
      <c r="F150" s="21" t="s">
        <v>522</v>
      </c>
      <c r="G150" s="16">
        <v>40770</v>
      </c>
      <c r="H150" s="16">
        <v>29088</v>
      </c>
      <c r="I150" s="16">
        <v>3376</v>
      </c>
      <c r="J150" s="16">
        <v>207</v>
      </c>
      <c r="K150" s="16">
        <v>4398</v>
      </c>
      <c r="L150" s="16">
        <v>3701</v>
      </c>
    </row>
    <row r="151" spans="1:12">
      <c r="A151" s="21" t="s">
        <v>232</v>
      </c>
      <c r="B151" s="21" t="s">
        <v>233</v>
      </c>
      <c r="C151" s="21" t="s">
        <v>262</v>
      </c>
      <c r="D151" s="21" t="s">
        <v>218</v>
      </c>
      <c r="E151" s="21" t="s">
        <v>215</v>
      </c>
      <c r="F151" s="21" t="s">
        <v>523</v>
      </c>
      <c r="G151" s="16">
        <v>41431</v>
      </c>
      <c r="H151" s="16">
        <v>28271</v>
      </c>
      <c r="I151" s="16">
        <v>3061</v>
      </c>
      <c r="J151" s="16">
        <v>405</v>
      </c>
      <c r="K151" s="16">
        <v>5346</v>
      </c>
      <c r="L151" s="16">
        <v>4348</v>
      </c>
    </row>
    <row r="152" spans="1:12">
      <c r="A152" s="21" t="s">
        <v>232</v>
      </c>
      <c r="B152" s="21" t="s">
        <v>233</v>
      </c>
      <c r="C152" s="21" t="s">
        <v>262</v>
      </c>
      <c r="D152" s="21" t="s">
        <v>218</v>
      </c>
      <c r="E152" s="21" t="s">
        <v>215</v>
      </c>
      <c r="F152" s="21" t="s">
        <v>524</v>
      </c>
      <c r="G152" s="16">
        <v>49187</v>
      </c>
      <c r="H152" s="16">
        <v>30353</v>
      </c>
      <c r="I152" s="16">
        <v>5067</v>
      </c>
      <c r="J152" s="16">
        <v>965</v>
      </c>
      <c r="K152" s="16">
        <v>7137</v>
      </c>
      <c r="L152" s="16">
        <v>5665</v>
      </c>
    </row>
    <row r="153" spans="1:12">
      <c r="A153" s="21" t="s">
        <v>232</v>
      </c>
      <c r="B153" s="21" t="s">
        <v>233</v>
      </c>
      <c r="C153" s="21" t="s">
        <v>262</v>
      </c>
      <c r="D153" s="21" t="s">
        <v>218</v>
      </c>
      <c r="E153" s="21" t="s">
        <v>215</v>
      </c>
      <c r="F153" s="21" t="s">
        <v>525</v>
      </c>
      <c r="G153" s="16">
        <v>69821</v>
      </c>
      <c r="H153" s="16">
        <v>37023</v>
      </c>
      <c r="I153" s="16">
        <v>9818</v>
      </c>
      <c r="J153" s="16">
        <v>2854</v>
      </c>
      <c r="K153" s="16">
        <v>11053</v>
      </c>
      <c r="L153" s="16">
        <v>9073</v>
      </c>
    </row>
    <row r="154" spans="1:12">
      <c r="A154" s="21" t="s">
        <v>232</v>
      </c>
      <c r="B154" s="21" t="s">
        <v>233</v>
      </c>
      <c r="C154" s="21" t="s">
        <v>262</v>
      </c>
      <c r="D154" s="21" t="s">
        <v>218</v>
      </c>
      <c r="E154" s="21" t="s">
        <v>215</v>
      </c>
      <c r="F154" s="21" t="s">
        <v>526</v>
      </c>
      <c r="G154" s="16">
        <v>93016</v>
      </c>
      <c r="H154" s="16">
        <v>36772</v>
      </c>
      <c r="I154" s="16">
        <v>19698</v>
      </c>
      <c r="J154" s="16">
        <v>7708</v>
      </c>
      <c r="K154" s="16">
        <v>15575</v>
      </c>
      <c r="L154" s="16">
        <v>13263</v>
      </c>
    </row>
    <row r="155" spans="1:12">
      <c r="A155" s="21" t="s">
        <v>232</v>
      </c>
      <c r="B155" s="21" t="s">
        <v>233</v>
      </c>
      <c r="C155" s="21" t="s">
        <v>262</v>
      </c>
      <c r="D155" s="21" t="s">
        <v>218</v>
      </c>
      <c r="E155" s="21" t="s">
        <v>215</v>
      </c>
      <c r="F155" s="21" t="s">
        <v>527</v>
      </c>
      <c r="G155" s="16">
        <v>96239</v>
      </c>
      <c r="H155" s="16">
        <v>23245</v>
      </c>
      <c r="I155" s="16">
        <v>30006</v>
      </c>
      <c r="J155" s="16">
        <v>15330</v>
      </c>
      <c r="K155" s="16">
        <v>13568</v>
      </c>
      <c r="L155" s="16">
        <v>14090</v>
      </c>
    </row>
    <row r="156" spans="1:12">
      <c r="A156" s="21" t="s">
        <v>232</v>
      </c>
      <c r="B156" s="21" t="s">
        <v>233</v>
      </c>
      <c r="C156" s="21" t="s">
        <v>262</v>
      </c>
      <c r="D156" s="21" t="s">
        <v>218</v>
      </c>
      <c r="E156" s="21" t="s">
        <v>215</v>
      </c>
      <c r="F156" s="21" t="s">
        <v>528</v>
      </c>
      <c r="G156" s="16">
        <v>115588</v>
      </c>
      <c r="H156" s="16">
        <v>14262</v>
      </c>
      <c r="I156" s="16">
        <v>45531</v>
      </c>
      <c r="J156" s="16">
        <v>29149</v>
      </c>
      <c r="K156" s="16">
        <v>10252</v>
      </c>
      <c r="L156" s="16">
        <v>16394</v>
      </c>
    </row>
    <row r="157" spans="1:12">
      <c r="A157" s="21" t="s">
        <v>232</v>
      </c>
      <c r="B157" s="21" t="s">
        <v>233</v>
      </c>
      <c r="C157" s="21" t="s">
        <v>262</v>
      </c>
      <c r="D157" s="21" t="s">
        <v>218</v>
      </c>
      <c r="E157" s="21" t="s">
        <v>215</v>
      </c>
      <c r="F157" s="21" t="s">
        <v>529</v>
      </c>
      <c r="G157" s="16">
        <v>129719</v>
      </c>
      <c r="H157" s="16">
        <v>7089</v>
      </c>
      <c r="I157" s="16">
        <v>53747</v>
      </c>
      <c r="J157" s="16">
        <v>45809</v>
      </c>
      <c r="K157" s="16">
        <v>5629</v>
      </c>
      <c r="L157" s="16">
        <v>17445</v>
      </c>
    </row>
    <row r="158" spans="1:12">
      <c r="A158" s="21" t="s">
        <v>232</v>
      </c>
      <c r="B158" s="21" t="s">
        <v>233</v>
      </c>
      <c r="C158" s="21" t="s">
        <v>262</v>
      </c>
      <c r="D158" s="21" t="s">
        <v>218</v>
      </c>
      <c r="E158" s="21" t="s">
        <v>215</v>
      </c>
      <c r="F158" s="21" t="s">
        <v>530</v>
      </c>
      <c r="G158" s="16">
        <v>90011</v>
      </c>
      <c r="H158" s="16">
        <v>2426</v>
      </c>
      <c r="I158" s="16">
        <v>32017</v>
      </c>
      <c r="J158" s="16">
        <v>42491</v>
      </c>
      <c r="K158" s="16">
        <v>1814</v>
      </c>
      <c r="L158" s="16">
        <v>11263</v>
      </c>
    </row>
    <row r="159" spans="1:12">
      <c r="A159" s="21" t="s">
        <v>232</v>
      </c>
      <c r="B159" s="21" t="s">
        <v>233</v>
      </c>
      <c r="C159" s="21" t="s">
        <v>262</v>
      </c>
      <c r="D159" s="21" t="s">
        <v>218</v>
      </c>
      <c r="E159" s="21" t="s">
        <v>215</v>
      </c>
      <c r="F159" s="21" t="s">
        <v>531</v>
      </c>
      <c r="G159" s="16">
        <v>26666</v>
      </c>
      <c r="H159" s="16">
        <v>436</v>
      </c>
      <c r="I159" s="16">
        <v>6959</v>
      </c>
      <c r="J159" s="16">
        <v>15972</v>
      </c>
      <c r="K159" s="16">
        <v>321</v>
      </c>
      <c r="L159" s="16">
        <v>2978</v>
      </c>
    </row>
    <row r="160" spans="1:12">
      <c r="A160" s="21" t="s">
        <v>232</v>
      </c>
      <c r="B160" s="21" t="s">
        <v>233</v>
      </c>
      <c r="C160" s="21" t="s">
        <v>262</v>
      </c>
      <c r="D160" s="21" t="s">
        <v>218</v>
      </c>
      <c r="E160" s="21" t="s">
        <v>215</v>
      </c>
      <c r="F160" s="21" t="s">
        <v>532</v>
      </c>
      <c r="G160" s="16">
        <v>3904</v>
      </c>
      <c r="H160" s="16">
        <v>73</v>
      </c>
      <c r="I160" s="16">
        <v>658</v>
      </c>
      <c r="J160" s="16">
        <v>2708</v>
      </c>
      <c r="K160" s="16">
        <v>31</v>
      </c>
      <c r="L160" s="16">
        <v>434</v>
      </c>
    </row>
    <row r="161" spans="1:12">
      <c r="A161" s="21" t="s">
        <v>232</v>
      </c>
      <c r="B161" s="21" t="s">
        <v>233</v>
      </c>
      <c r="C161" s="21" t="s">
        <v>262</v>
      </c>
      <c r="D161" s="21" t="s">
        <v>218</v>
      </c>
      <c r="E161" s="21" t="s">
        <v>215</v>
      </c>
      <c r="F161" s="21" t="s">
        <v>533</v>
      </c>
      <c r="G161" s="16">
        <v>24282</v>
      </c>
      <c r="H161" s="22" t="s">
        <v>268</v>
      </c>
      <c r="I161" s="22" t="s">
        <v>268</v>
      </c>
      <c r="J161" s="22" t="s">
        <v>268</v>
      </c>
      <c r="K161" s="22" t="s">
        <v>268</v>
      </c>
      <c r="L161" s="16">
        <v>24282</v>
      </c>
    </row>
    <row r="162" spans="1:12">
      <c r="A162" s="21" t="s">
        <v>232</v>
      </c>
      <c r="B162" s="21" t="s">
        <v>233</v>
      </c>
      <c r="C162" s="21" t="s">
        <v>262</v>
      </c>
      <c r="D162" s="21" t="s">
        <v>218</v>
      </c>
      <c r="E162" s="21" t="s">
        <v>215</v>
      </c>
      <c r="F162" s="21" t="s">
        <v>461</v>
      </c>
      <c r="G162" s="16">
        <v>458853</v>
      </c>
      <c r="H162" s="16">
        <v>373156</v>
      </c>
      <c r="I162" s="16">
        <v>31897</v>
      </c>
      <c r="J162" s="16">
        <v>1829</v>
      </c>
      <c r="K162" s="16">
        <v>27621</v>
      </c>
      <c r="L162" s="16">
        <v>24350</v>
      </c>
    </row>
    <row r="163" spans="1:12">
      <c r="A163" s="21" t="s">
        <v>232</v>
      </c>
      <c r="B163" s="21" t="s">
        <v>233</v>
      </c>
      <c r="C163" s="21" t="s">
        <v>262</v>
      </c>
      <c r="D163" s="21" t="s">
        <v>218</v>
      </c>
      <c r="E163" s="21" t="s">
        <v>215</v>
      </c>
      <c r="F163" s="21" t="s">
        <v>462</v>
      </c>
      <c r="G163" s="16">
        <v>624964</v>
      </c>
      <c r="H163" s="16">
        <v>121326</v>
      </c>
      <c r="I163" s="16">
        <v>198434</v>
      </c>
      <c r="J163" s="16">
        <v>162021</v>
      </c>
      <c r="K163" s="16">
        <v>58243</v>
      </c>
      <c r="L163" s="16">
        <v>84940</v>
      </c>
    </row>
    <row r="164" spans="1:12">
      <c r="A164" s="21" t="s">
        <v>232</v>
      </c>
      <c r="B164" s="21" t="s">
        <v>233</v>
      </c>
      <c r="C164" s="21" t="s">
        <v>262</v>
      </c>
      <c r="D164" s="21" t="s">
        <v>218</v>
      </c>
      <c r="E164" s="21" t="s">
        <v>215</v>
      </c>
      <c r="F164" s="21" t="s">
        <v>463</v>
      </c>
      <c r="G164" s="16">
        <v>462127</v>
      </c>
      <c r="H164" s="16">
        <v>47531</v>
      </c>
      <c r="I164" s="16">
        <v>168918</v>
      </c>
      <c r="J164" s="16">
        <v>151459</v>
      </c>
      <c r="K164" s="16">
        <v>31615</v>
      </c>
      <c r="L164" s="16">
        <v>62604</v>
      </c>
    </row>
    <row r="165" spans="1:12">
      <c r="A165" s="21" t="s">
        <v>232</v>
      </c>
      <c r="B165" s="21" t="s">
        <v>233</v>
      </c>
      <c r="C165" s="21" t="s">
        <v>262</v>
      </c>
      <c r="D165" s="21" t="s">
        <v>218</v>
      </c>
      <c r="E165" s="21" t="s">
        <v>215</v>
      </c>
      <c r="F165" s="21" t="s">
        <v>464</v>
      </c>
      <c r="G165" s="16">
        <v>250300</v>
      </c>
      <c r="H165" s="16">
        <v>10024</v>
      </c>
      <c r="I165" s="16">
        <v>93381</v>
      </c>
      <c r="J165" s="16">
        <v>106980</v>
      </c>
      <c r="K165" s="16">
        <v>7795</v>
      </c>
      <c r="L165" s="16">
        <v>32120</v>
      </c>
    </row>
    <row r="166" spans="1:12">
      <c r="A166" s="21" t="s">
        <v>232</v>
      </c>
      <c r="B166" s="21" t="s">
        <v>233</v>
      </c>
      <c r="C166" s="21" t="s">
        <v>262</v>
      </c>
      <c r="D166" s="21" t="s">
        <v>218</v>
      </c>
      <c r="E166" s="21" t="s">
        <v>215</v>
      </c>
      <c r="F166" s="21" t="s">
        <v>431</v>
      </c>
      <c r="G166" s="16">
        <v>430251</v>
      </c>
      <c r="H166" s="16">
        <v>312501</v>
      </c>
      <c r="I166" s="16">
        <v>41471</v>
      </c>
      <c r="J166" s="16">
        <v>4676</v>
      </c>
      <c r="K166" s="16">
        <v>38657</v>
      </c>
      <c r="L166" s="16">
        <v>32946</v>
      </c>
    </row>
    <row r="167" spans="1:12">
      <c r="A167" s="21" t="s">
        <v>232</v>
      </c>
      <c r="B167" s="21" t="s">
        <v>237</v>
      </c>
      <c r="C167" s="21" t="s">
        <v>264</v>
      </c>
      <c r="D167" s="21" t="s">
        <v>214</v>
      </c>
      <c r="E167" s="21" t="s">
        <v>215</v>
      </c>
      <c r="F167" s="21" t="s">
        <v>401</v>
      </c>
      <c r="G167" s="16">
        <v>822481</v>
      </c>
      <c r="H167" s="16">
        <v>313046</v>
      </c>
      <c r="I167" s="16">
        <v>419854</v>
      </c>
      <c r="J167" s="16">
        <v>24012</v>
      </c>
      <c r="K167" s="16">
        <v>34999</v>
      </c>
      <c r="L167" s="16">
        <v>30570</v>
      </c>
    </row>
    <row r="168" spans="1:12">
      <c r="A168" s="21" t="s">
        <v>232</v>
      </c>
      <c r="B168" s="21" t="s">
        <v>237</v>
      </c>
      <c r="C168" s="21" t="s">
        <v>264</v>
      </c>
      <c r="D168" s="21" t="s">
        <v>214</v>
      </c>
      <c r="E168" s="21" t="s">
        <v>215</v>
      </c>
      <c r="F168" s="21" t="s">
        <v>514</v>
      </c>
      <c r="G168" s="16">
        <v>116839</v>
      </c>
      <c r="H168" s="16">
        <v>116839</v>
      </c>
      <c r="I168" s="22" t="s">
        <v>268</v>
      </c>
      <c r="J168" s="22" t="s">
        <v>268</v>
      </c>
      <c r="K168" s="22" t="s">
        <v>268</v>
      </c>
      <c r="L168" s="22" t="s">
        <v>268</v>
      </c>
    </row>
    <row r="169" spans="1:12">
      <c r="A169" s="21" t="s">
        <v>232</v>
      </c>
      <c r="B169" s="21" t="s">
        <v>237</v>
      </c>
      <c r="C169" s="21" t="s">
        <v>264</v>
      </c>
      <c r="D169" s="21" t="s">
        <v>214</v>
      </c>
      <c r="E169" s="21" t="s">
        <v>215</v>
      </c>
      <c r="F169" s="21" t="s">
        <v>515</v>
      </c>
      <c r="G169" s="16">
        <v>40826</v>
      </c>
      <c r="H169" s="16">
        <v>40594</v>
      </c>
      <c r="I169" s="16">
        <v>100</v>
      </c>
      <c r="J169" s="16">
        <v>3</v>
      </c>
      <c r="K169" s="16">
        <v>6</v>
      </c>
      <c r="L169" s="16">
        <v>123</v>
      </c>
    </row>
    <row r="170" spans="1:12">
      <c r="A170" s="21" t="s">
        <v>232</v>
      </c>
      <c r="B170" s="21" t="s">
        <v>237</v>
      </c>
      <c r="C170" s="21" t="s">
        <v>264</v>
      </c>
      <c r="D170" s="21" t="s">
        <v>214</v>
      </c>
      <c r="E170" s="21" t="s">
        <v>215</v>
      </c>
      <c r="F170" s="21" t="s">
        <v>516</v>
      </c>
      <c r="G170" s="16">
        <v>34749</v>
      </c>
      <c r="H170" s="16">
        <v>31184</v>
      </c>
      <c r="I170" s="16">
        <v>2160</v>
      </c>
      <c r="J170" s="16">
        <v>6</v>
      </c>
      <c r="K170" s="16">
        <v>98</v>
      </c>
      <c r="L170" s="16">
        <v>1301</v>
      </c>
    </row>
    <row r="171" spans="1:12">
      <c r="A171" s="21" t="s">
        <v>232</v>
      </c>
      <c r="B171" s="21" t="s">
        <v>237</v>
      </c>
      <c r="C171" s="21" t="s">
        <v>264</v>
      </c>
      <c r="D171" s="21" t="s">
        <v>214</v>
      </c>
      <c r="E171" s="21" t="s">
        <v>215</v>
      </c>
      <c r="F171" s="21" t="s">
        <v>517</v>
      </c>
      <c r="G171" s="16">
        <v>35403</v>
      </c>
      <c r="H171" s="16">
        <v>22875</v>
      </c>
      <c r="I171" s="16">
        <v>10390</v>
      </c>
      <c r="J171" s="16">
        <v>7</v>
      </c>
      <c r="K171" s="16">
        <v>428</v>
      </c>
      <c r="L171" s="16">
        <v>1703</v>
      </c>
    </row>
    <row r="172" spans="1:12">
      <c r="A172" s="21" t="s">
        <v>232</v>
      </c>
      <c r="B172" s="21" t="s">
        <v>237</v>
      </c>
      <c r="C172" s="21" t="s">
        <v>264</v>
      </c>
      <c r="D172" s="21" t="s">
        <v>214</v>
      </c>
      <c r="E172" s="21" t="s">
        <v>215</v>
      </c>
      <c r="F172" s="21" t="s">
        <v>518</v>
      </c>
      <c r="G172" s="16">
        <v>40814</v>
      </c>
      <c r="H172" s="16">
        <v>17098</v>
      </c>
      <c r="I172" s="16">
        <v>21192</v>
      </c>
      <c r="J172" s="16">
        <v>15</v>
      </c>
      <c r="K172" s="16">
        <v>1084</v>
      </c>
      <c r="L172" s="16">
        <v>1425</v>
      </c>
    </row>
    <row r="173" spans="1:12">
      <c r="A173" s="21" t="s">
        <v>232</v>
      </c>
      <c r="B173" s="21" t="s">
        <v>237</v>
      </c>
      <c r="C173" s="21" t="s">
        <v>264</v>
      </c>
      <c r="D173" s="21" t="s">
        <v>214</v>
      </c>
      <c r="E173" s="21" t="s">
        <v>215</v>
      </c>
      <c r="F173" s="21" t="s">
        <v>519</v>
      </c>
      <c r="G173" s="16">
        <v>47873</v>
      </c>
      <c r="H173" s="16">
        <v>14837</v>
      </c>
      <c r="I173" s="16">
        <v>29690</v>
      </c>
      <c r="J173" s="16">
        <v>49</v>
      </c>
      <c r="K173" s="16">
        <v>1892</v>
      </c>
      <c r="L173" s="16">
        <v>1405</v>
      </c>
    </row>
    <row r="174" spans="1:12">
      <c r="A174" s="21" t="s">
        <v>232</v>
      </c>
      <c r="B174" s="21" t="s">
        <v>237</v>
      </c>
      <c r="C174" s="21" t="s">
        <v>264</v>
      </c>
      <c r="D174" s="21" t="s">
        <v>214</v>
      </c>
      <c r="E174" s="21" t="s">
        <v>215</v>
      </c>
      <c r="F174" s="21" t="s">
        <v>520</v>
      </c>
      <c r="G174" s="16">
        <v>52642</v>
      </c>
      <c r="H174" s="16">
        <v>13630</v>
      </c>
      <c r="I174" s="16">
        <v>34717</v>
      </c>
      <c r="J174" s="16">
        <v>103</v>
      </c>
      <c r="K174" s="16">
        <v>2776</v>
      </c>
      <c r="L174" s="16">
        <v>1416</v>
      </c>
    </row>
    <row r="175" spans="1:12">
      <c r="A175" s="21" t="s">
        <v>232</v>
      </c>
      <c r="B175" s="21" t="s">
        <v>237</v>
      </c>
      <c r="C175" s="21" t="s">
        <v>264</v>
      </c>
      <c r="D175" s="21" t="s">
        <v>214</v>
      </c>
      <c r="E175" s="21" t="s">
        <v>215</v>
      </c>
      <c r="F175" s="21" t="s">
        <v>521</v>
      </c>
      <c r="G175" s="16">
        <v>55101</v>
      </c>
      <c r="H175" s="16">
        <v>13358</v>
      </c>
      <c r="I175" s="16">
        <v>36500</v>
      </c>
      <c r="J175" s="16">
        <v>182</v>
      </c>
      <c r="K175" s="16">
        <v>3567</v>
      </c>
      <c r="L175" s="16">
        <v>1494</v>
      </c>
    </row>
    <row r="176" spans="1:12">
      <c r="A176" s="21" t="s">
        <v>232</v>
      </c>
      <c r="B176" s="21" t="s">
        <v>237</v>
      </c>
      <c r="C176" s="21" t="s">
        <v>264</v>
      </c>
      <c r="D176" s="21" t="s">
        <v>214</v>
      </c>
      <c r="E176" s="21" t="s">
        <v>215</v>
      </c>
      <c r="F176" s="21" t="s">
        <v>522</v>
      </c>
      <c r="G176" s="16">
        <v>48527</v>
      </c>
      <c r="H176" s="16">
        <v>10805</v>
      </c>
      <c r="I176" s="16">
        <v>32105</v>
      </c>
      <c r="J176" s="16">
        <v>304</v>
      </c>
      <c r="K176" s="16">
        <v>3982</v>
      </c>
      <c r="L176" s="16">
        <v>1331</v>
      </c>
    </row>
    <row r="177" spans="1:12">
      <c r="A177" s="21" t="s">
        <v>232</v>
      </c>
      <c r="B177" s="21" t="s">
        <v>237</v>
      </c>
      <c r="C177" s="21" t="s">
        <v>264</v>
      </c>
      <c r="D177" s="21" t="s">
        <v>214</v>
      </c>
      <c r="E177" s="21" t="s">
        <v>215</v>
      </c>
      <c r="F177" s="21" t="s">
        <v>523</v>
      </c>
      <c r="G177" s="16">
        <v>50787</v>
      </c>
      <c r="H177" s="16">
        <v>9305</v>
      </c>
      <c r="I177" s="16">
        <v>35476</v>
      </c>
      <c r="J177" s="16">
        <v>554</v>
      </c>
      <c r="K177" s="16">
        <v>4374</v>
      </c>
      <c r="L177" s="16">
        <v>1078</v>
      </c>
    </row>
    <row r="178" spans="1:12">
      <c r="A178" s="21" t="s">
        <v>232</v>
      </c>
      <c r="B178" s="21" t="s">
        <v>237</v>
      </c>
      <c r="C178" s="21" t="s">
        <v>264</v>
      </c>
      <c r="D178" s="21" t="s">
        <v>214</v>
      </c>
      <c r="E178" s="21" t="s">
        <v>215</v>
      </c>
      <c r="F178" s="21" t="s">
        <v>524</v>
      </c>
      <c r="G178" s="16">
        <v>55927</v>
      </c>
      <c r="H178" s="16">
        <v>8382</v>
      </c>
      <c r="I178" s="16">
        <v>40706</v>
      </c>
      <c r="J178" s="16">
        <v>1140</v>
      </c>
      <c r="K178" s="16">
        <v>4623</v>
      </c>
      <c r="L178" s="16">
        <v>1076</v>
      </c>
    </row>
    <row r="179" spans="1:12">
      <c r="A179" s="21" t="s">
        <v>232</v>
      </c>
      <c r="B179" s="21" t="s">
        <v>237</v>
      </c>
      <c r="C179" s="21" t="s">
        <v>264</v>
      </c>
      <c r="D179" s="21" t="s">
        <v>214</v>
      </c>
      <c r="E179" s="21" t="s">
        <v>215</v>
      </c>
      <c r="F179" s="21" t="s">
        <v>525</v>
      </c>
      <c r="G179" s="16">
        <v>62734</v>
      </c>
      <c r="H179" s="16">
        <v>7140</v>
      </c>
      <c r="I179" s="16">
        <v>47472</v>
      </c>
      <c r="J179" s="16">
        <v>2073</v>
      </c>
      <c r="K179" s="16">
        <v>4944</v>
      </c>
      <c r="L179" s="16">
        <v>1105</v>
      </c>
    </row>
    <row r="180" spans="1:12">
      <c r="A180" s="21" t="s">
        <v>232</v>
      </c>
      <c r="B180" s="21" t="s">
        <v>237</v>
      </c>
      <c r="C180" s="21" t="s">
        <v>264</v>
      </c>
      <c r="D180" s="21" t="s">
        <v>214</v>
      </c>
      <c r="E180" s="21" t="s">
        <v>215</v>
      </c>
      <c r="F180" s="21" t="s">
        <v>526</v>
      </c>
      <c r="G180" s="16">
        <v>60885</v>
      </c>
      <c r="H180" s="16">
        <v>4312</v>
      </c>
      <c r="I180" s="16">
        <v>48510</v>
      </c>
      <c r="J180" s="16">
        <v>3076</v>
      </c>
      <c r="K180" s="16">
        <v>3955</v>
      </c>
      <c r="L180" s="16">
        <v>1032</v>
      </c>
    </row>
    <row r="181" spans="1:12">
      <c r="A181" s="21" t="s">
        <v>232</v>
      </c>
      <c r="B181" s="21" t="s">
        <v>237</v>
      </c>
      <c r="C181" s="21" t="s">
        <v>264</v>
      </c>
      <c r="D181" s="21" t="s">
        <v>214</v>
      </c>
      <c r="E181" s="21" t="s">
        <v>215</v>
      </c>
      <c r="F181" s="21" t="s">
        <v>527</v>
      </c>
      <c r="G181" s="16">
        <v>40059</v>
      </c>
      <c r="H181" s="16">
        <v>1574</v>
      </c>
      <c r="I181" s="16">
        <v>32693</v>
      </c>
      <c r="J181" s="16">
        <v>3288</v>
      </c>
      <c r="K181" s="16">
        <v>1843</v>
      </c>
      <c r="L181" s="16">
        <v>661</v>
      </c>
    </row>
    <row r="182" spans="1:12">
      <c r="A182" s="21" t="s">
        <v>232</v>
      </c>
      <c r="B182" s="21" t="s">
        <v>237</v>
      </c>
      <c r="C182" s="21" t="s">
        <v>264</v>
      </c>
      <c r="D182" s="21" t="s">
        <v>214</v>
      </c>
      <c r="E182" s="21" t="s">
        <v>215</v>
      </c>
      <c r="F182" s="21" t="s">
        <v>528</v>
      </c>
      <c r="G182" s="16">
        <v>32217</v>
      </c>
      <c r="H182" s="16">
        <v>726</v>
      </c>
      <c r="I182" s="16">
        <v>25794</v>
      </c>
      <c r="J182" s="16">
        <v>4152</v>
      </c>
      <c r="K182" s="16">
        <v>944</v>
      </c>
      <c r="L182" s="16">
        <v>601</v>
      </c>
    </row>
    <row r="183" spans="1:12">
      <c r="A183" s="21" t="s">
        <v>232</v>
      </c>
      <c r="B183" s="21" t="s">
        <v>237</v>
      </c>
      <c r="C183" s="21" t="s">
        <v>264</v>
      </c>
      <c r="D183" s="21" t="s">
        <v>214</v>
      </c>
      <c r="E183" s="21" t="s">
        <v>215</v>
      </c>
      <c r="F183" s="21" t="s">
        <v>529</v>
      </c>
      <c r="G183" s="16">
        <v>22066</v>
      </c>
      <c r="H183" s="16">
        <v>285</v>
      </c>
      <c r="I183" s="16">
        <v>16114</v>
      </c>
      <c r="J183" s="16">
        <v>4708</v>
      </c>
      <c r="K183" s="16">
        <v>374</v>
      </c>
      <c r="L183" s="16">
        <v>585</v>
      </c>
    </row>
    <row r="184" spans="1:12">
      <c r="A184" s="21" t="s">
        <v>232</v>
      </c>
      <c r="B184" s="21" t="s">
        <v>237</v>
      </c>
      <c r="C184" s="21" t="s">
        <v>264</v>
      </c>
      <c r="D184" s="21" t="s">
        <v>214</v>
      </c>
      <c r="E184" s="21" t="s">
        <v>215</v>
      </c>
      <c r="F184" s="21" t="s">
        <v>530</v>
      </c>
      <c r="G184" s="16">
        <v>9200</v>
      </c>
      <c r="H184" s="16">
        <v>84</v>
      </c>
      <c r="I184" s="16">
        <v>5483</v>
      </c>
      <c r="J184" s="16">
        <v>3226</v>
      </c>
      <c r="K184" s="16">
        <v>98</v>
      </c>
      <c r="L184" s="16">
        <v>309</v>
      </c>
    </row>
    <row r="185" spans="1:12">
      <c r="A185" s="21" t="s">
        <v>232</v>
      </c>
      <c r="B185" s="21" t="s">
        <v>237</v>
      </c>
      <c r="C185" s="21" t="s">
        <v>264</v>
      </c>
      <c r="D185" s="21" t="s">
        <v>214</v>
      </c>
      <c r="E185" s="21" t="s">
        <v>215</v>
      </c>
      <c r="F185" s="21" t="s">
        <v>531</v>
      </c>
      <c r="G185" s="16">
        <v>1821</v>
      </c>
      <c r="H185" s="16">
        <v>14</v>
      </c>
      <c r="I185" s="16">
        <v>692</v>
      </c>
      <c r="J185" s="16">
        <v>1001</v>
      </c>
      <c r="K185" s="16">
        <v>11</v>
      </c>
      <c r="L185" s="16">
        <v>103</v>
      </c>
    </row>
    <row r="186" spans="1:12">
      <c r="A186" s="21" t="s">
        <v>232</v>
      </c>
      <c r="B186" s="21" t="s">
        <v>237</v>
      </c>
      <c r="C186" s="21" t="s">
        <v>264</v>
      </c>
      <c r="D186" s="21" t="s">
        <v>214</v>
      </c>
      <c r="E186" s="21" t="s">
        <v>215</v>
      </c>
      <c r="F186" s="21" t="s">
        <v>532</v>
      </c>
      <c r="G186" s="16">
        <v>205</v>
      </c>
      <c r="H186" s="16">
        <v>4</v>
      </c>
      <c r="I186" s="16">
        <v>60</v>
      </c>
      <c r="J186" s="16">
        <v>125</v>
      </c>
      <c r="K186" s="22" t="s">
        <v>268</v>
      </c>
      <c r="L186" s="16">
        <v>16</v>
      </c>
    </row>
    <row r="187" spans="1:12">
      <c r="A187" s="21" t="s">
        <v>232</v>
      </c>
      <c r="B187" s="21" t="s">
        <v>237</v>
      </c>
      <c r="C187" s="21" t="s">
        <v>264</v>
      </c>
      <c r="D187" s="21" t="s">
        <v>214</v>
      </c>
      <c r="E187" s="21" t="s">
        <v>215</v>
      </c>
      <c r="F187" s="21" t="s">
        <v>533</v>
      </c>
      <c r="G187" s="16">
        <v>13806</v>
      </c>
      <c r="H187" s="22" t="s">
        <v>268</v>
      </c>
      <c r="I187" s="22" t="s">
        <v>268</v>
      </c>
      <c r="J187" s="22" t="s">
        <v>268</v>
      </c>
      <c r="K187" s="22" t="s">
        <v>268</v>
      </c>
      <c r="L187" s="16">
        <v>13806</v>
      </c>
    </row>
    <row r="188" spans="1:12">
      <c r="A188" s="21" t="s">
        <v>232</v>
      </c>
      <c r="B188" s="21" t="s">
        <v>237</v>
      </c>
      <c r="C188" s="21" t="s">
        <v>264</v>
      </c>
      <c r="D188" s="21" t="s">
        <v>214</v>
      </c>
      <c r="E188" s="21" t="s">
        <v>215</v>
      </c>
      <c r="F188" s="21" t="s">
        <v>461</v>
      </c>
      <c r="G188" s="16">
        <v>462649</v>
      </c>
      <c r="H188" s="16">
        <v>182068</v>
      </c>
      <c r="I188" s="16">
        <v>243036</v>
      </c>
      <c r="J188" s="16">
        <v>2363</v>
      </c>
      <c r="K188" s="16">
        <v>22830</v>
      </c>
      <c r="L188" s="16">
        <v>12352</v>
      </c>
    </row>
    <row r="189" spans="1:12">
      <c r="A189" s="21" t="s">
        <v>232</v>
      </c>
      <c r="B189" s="21" t="s">
        <v>237</v>
      </c>
      <c r="C189" s="21" t="s">
        <v>264</v>
      </c>
      <c r="D189" s="21" t="s">
        <v>214</v>
      </c>
      <c r="E189" s="21" t="s">
        <v>215</v>
      </c>
      <c r="F189" s="21" t="s">
        <v>462</v>
      </c>
      <c r="G189" s="16">
        <v>229187</v>
      </c>
      <c r="H189" s="16">
        <v>14139</v>
      </c>
      <c r="I189" s="16">
        <v>176818</v>
      </c>
      <c r="J189" s="16">
        <v>21649</v>
      </c>
      <c r="K189" s="16">
        <v>12169</v>
      </c>
      <c r="L189" s="16">
        <v>4412</v>
      </c>
    </row>
    <row r="190" spans="1:12">
      <c r="A190" s="21" t="s">
        <v>232</v>
      </c>
      <c r="B190" s="21" t="s">
        <v>237</v>
      </c>
      <c r="C190" s="21" t="s">
        <v>264</v>
      </c>
      <c r="D190" s="21" t="s">
        <v>214</v>
      </c>
      <c r="E190" s="21" t="s">
        <v>215</v>
      </c>
      <c r="F190" s="21" t="s">
        <v>463</v>
      </c>
      <c r="G190" s="16">
        <v>105568</v>
      </c>
      <c r="H190" s="16">
        <v>2687</v>
      </c>
      <c r="I190" s="16">
        <v>80836</v>
      </c>
      <c r="J190" s="16">
        <v>16500</v>
      </c>
      <c r="K190" s="16">
        <v>3270</v>
      </c>
      <c r="L190" s="16">
        <v>2275</v>
      </c>
    </row>
    <row r="191" spans="1:12">
      <c r="A191" s="21" t="s">
        <v>232</v>
      </c>
      <c r="B191" s="21" t="s">
        <v>237</v>
      </c>
      <c r="C191" s="21" t="s">
        <v>264</v>
      </c>
      <c r="D191" s="21" t="s">
        <v>214</v>
      </c>
      <c r="E191" s="21" t="s">
        <v>215</v>
      </c>
      <c r="F191" s="21" t="s">
        <v>464</v>
      </c>
      <c r="G191" s="16">
        <v>33292</v>
      </c>
      <c r="H191" s="16">
        <v>387</v>
      </c>
      <c r="I191" s="16">
        <v>22349</v>
      </c>
      <c r="J191" s="16">
        <v>9060</v>
      </c>
      <c r="K191" s="16">
        <v>483</v>
      </c>
      <c r="L191" s="16">
        <v>1013</v>
      </c>
    </row>
    <row r="192" spans="1:12">
      <c r="A192" s="21" t="s">
        <v>232</v>
      </c>
      <c r="B192" s="21" t="s">
        <v>237</v>
      </c>
      <c r="C192" s="21" t="s">
        <v>264</v>
      </c>
      <c r="D192" s="21" t="s">
        <v>214</v>
      </c>
      <c r="E192" s="21" t="s">
        <v>215</v>
      </c>
      <c r="F192" s="21" t="s">
        <v>431</v>
      </c>
      <c r="G192" s="16">
        <v>484557</v>
      </c>
      <c r="H192" s="16">
        <v>148614</v>
      </c>
      <c r="I192" s="16">
        <v>290408</v>
      </c>
      <c r="J192" s="16">
        <v>4433</v>
      </c>
      <c r="K192" s="16">
        <v>27768</v>
      </c>
      <c r="L192" s="16">
        <v>13334</v>
      </c>
    </row>
    <row r="193" spans="1:12">
      <c r="A193" s="21" t="s">
        <v>232</v>
      </c>
      <c r="B193" s="21" t="s">
        <v>237</v>
      </c>
      <c r="C193" s="21" t="s">
        <v>264</v>
      </c>
      <c r="D193" s="21" t="s">
        <v>217</v>
      </c>
      <c r="E193" s="21" t="s">
        <v>215</v>
      </c>
      <c r="F193" s="21" t="s">
        <v>401</v>
      </c>
      <c r="G193" s="16">
        <v>800595</v>
      </c>
      <c r="H193" s="16">
        <v>302048</v>
      </c>
      <c r="I193" s="16">
        <v>415325</v>
      </c>
      <c r="J193" s="16">
        <v>20964</v>
      </c>
      <c r="K193" s="16">
        <v>33434</v>
      </c>
      <c r="L193" s="16">
        <v>28824</v>
      </c>
    </row>
    <row r="194" spans="1:12">
      <c r="A194" s="21" t="s">
        <v>232</v>
      </c>
      <c r="B194" s="21" t="s">
        <v>237</v>
      </c>
      <c r="C194" s="21" t="s">
        <v>264</v>
      </c>
      <c r="D194" s="21" t="s">
        <v>217</v>
      </c>
      <c r="E194" s="21" t="s">
        <v>215</v>
      </c>
      <c r="F194" s="21" t="s">
        <v>514</v>
      </c>
      <c r="G194" s="16">
        <v>116346</v>
      </c>
      <c r="H194" s="16">
        <v>116346</v>
      </c>
      <c r="I194" s="22" t="s">
        <v>268</v>
      </c>
      <c r="J194" s="22" t="s">
        <v>268</v>
      </c>
      <c r="K194" s="22" t="s">
        <v>268</v>
      </c>
      <c r="L194" s="22" t="s">
        <v>268</v>
      </c>
    </row>
    <row r="195" spans="1:12">
      <c r="A195" s="21" t="s">
        <v>232</v>
      </c>
      <c r="B195" s="21" t="s">
        <v>237</v>
      </c>
      <c r="C195" s="21" t="s">
        <v>264</v>
      </c>
      <c r="D195" s="21" t="s">
        <v>217</v>
      </c>
      <c r="E195" s="21" t="s">
        <v>215</v>
      </c>
      <c r="F195" s="21" t="s">
        <v>515</v>
      </c>
      <c r="G195" s="16">
        <v>37946</v>
      </c>
      <c r="H195" s="16">
        <v>37723</v>
      </c>
      <c r="I195" s="16">
        <v>95</v>
      </c>
      <c r="J195" s="16">
        <v>3</v>
      </c>
      <c r="K195" s="16">
        <v>6</v>
      </c>
      <c r="L195" s="16">
        <v>119</v>
      </c>
    </row>
    <row r="196" spans="1:12">
      <c r="A196" s="21" t="s">
        <v>232</v>
      </c>
      <c r="B196" s="21" t="s">
        <v>237</v>
      </c>
      <c r="C196" s="21" t="s">
        <v>264</v>
      </c>
      <c r="D196" s="21" t="s">
        <v>217</v>
      </c>
      <c r="E196" s="21" t="s">
        <v>215</v>
      </c>
      <c r="F196" s="21" t="s">
        <v>516</v>
      </c>
      <c r="G196" s="16">
        <v>33670</v>
      </c>
      <c r="H196" s="16">
        <v>30139</v>
      </c>
      <c r="I196" s="16">
        <v>2143</v>
      </c>
      <c r="J196" s="16">
        <v>6</v>
      </c>
      <c r="K196" s="16">
        <v>94</v>
      </c>
      <c r="L196" s="16">
        <v>1288</v>
      </c>
    </row>
    <row r="197" spans="1:12">
      <c r="A197" s="21" t="s">
        <v>232</v>
      </c>
      <c r="B197" s="21" t="s">
        <v>237</v>
      </c>
      <c r="C197" s="21" t="s">
        <v>264</v>
      </c>
      <c r="D197" s="21" t="s">
        <v>217</v>
      </c>
      <c r="E197" s="21" t="s">
        <v>215</v>
      </c>
      <c r="F197" s="21" t="s">
        <v>517</v>
      </c>
      <c r="G197" s="16">
        <v>34879</v>
      </c>
      <c r="H197" s="16">
        <v>22393</v>
      </c>
      <c r="I197" s="16">
        <v>10369</v>
      </c>
      <c r="J197" s="16">
        <v>6</v>
      </c>
      <c r="K197" s="16">
        <v>420</v>
      </c>
      <c r="L197" s="16">
        <v>1691</v>
      </c>
    </row>
    <row r="198" spans="1:12">
      <c r="A198" s="21" t="s">
        <v>232</v>
      </c>
      <c r="B198" s="21" t="s">
        <v>237</v>
      </c>
      <c r="C198" s="21" t="s">
        <v>264</v>
      </c>
      <c r="D198" s="21" t="s">
        <v>217</v>
      </c>
      <c r="E198" s="21" t="s">
        <v>215</v>
      </c>
      <c r="F198" s="21" t="s">
        <v>518</v>
      </c>
      <c r="G198" s="16">
        <v>40408</v>
      </c>
      <c r="H198" s="16">
        <v>16728</v>
      </c>
      <c r="I198" s="16">
        <v>21177</v>
      </c>
      <c r="J198" s="16">
        <v>15</v>
      </c>
      <c r="K198" s="16">
        <v>1071</v>
      </c>
      <c r="L198" s="16">
        <v>1417</v>
      </c>
    </row>
    <row r="199" spans="1:12">
      <c r="A199" s="21" t="s">
        <v>232</v>
      </c>
      <c r="B199" s="21" t="s">
        <v>237</v>
      </c>
      <c r="C199" s="21" t="s">
        <v>264</v>
      </c>
      <c r="D199" s="21" t="s">
        <v>217</v>
      </c>
      <c r="E199" s="21" t="s">
        <v>215</v>
      </c>
      <c r="F199" s="21" t="s">
        <v>519</v>
      </c>
      <c r="G199" s="16">
        <v>47438</v>
      </c>
      <c r="H199" s="16">
        <v>14477</v>
      </c>
      <c r="I199" s="16">
        <v>29658</v>
      </c>
      <c r="J199" s="16">
        <v>49</v>
      </c>
      <c r="K199" s="16">
        <v>1863</v>
      </c>
      <c r="L199" s="16">
        <v>1391</v>
      </c>
    </row>
    <row r="200" spans="1:12">
      <c r="A200" s="21" t="s">
        <v>232</v>
      </c>
      <c r="B200" s="21" t="s">
        <v>237</v>
      </c>
      <c r="C200" s="21" t="s">
        <v>264</v>
      </c>
      <c r="D200" s="21" t="s">
        <v>217</v>
      </c>
      <c r="E200" s="21" t="s">
        <v>215</v>
      </c>
      <c r="F200" s="21" t="s">
        <v>520</v>
      </c>
      <c r="G200" s="16">
        <v>52148</v>
      </c>
      <c r="H200" s="16">
        <v>13225</v>
      </c>
      <c r="I200" s="16">
        <v>34679</v>
      </c>
      <c r="J200" s="16">
        <v>103</v>
      </c>
      <c r="K200" s="16">
        <v>2744</v>
      </c>
      <c r="L200" s="16">
        <v>1397</v>
      </c>
    </row>
    <row r="201" spans="1:12">
      <c r="A201" s="21" t="s">
        <v>232</v>
      </c>
      <c r="B201" s="21" t="s">
        <v>237</v>
      </c>
      <c r="C201" s="21" t="s">
        <v>264</v>
      </c>
      <c r="D201" s="21" t="s">
        <v>217</v>
      </c>
      <c r="E201" s="21" t="s">
        <v>215</v>
      </c>
      <c r="F201" s="21" t="s">
        <v>521</v>
      </c>
      <c r="G201" s="16">
        <v>54517</v>
      </c>
      <c r="H201" s="16">
        <v>12881</v>
      </c>
      <c r="I201" s="16">
        <v>36461</v>
      </c>
      <c r="J201" s="16">
        <v>182</v>
      </c>
      <c r="K201" s="16">
        <v>3523</v>
      </c>
      <c r="L201" s="16">
        <v>1470</v>
      </c>
    </row>
    <row r="202" spans="1:12">
      <c r="A202" s="21" t="s">
        <v>232</v>
      </c>
      <c r="B202" s="21" t="s">
        <v>237</v>
      </c>
      <c r="C202" s="21" t="s">
        <v>264</v>
      </c>
      <c r="D202" s="21" t="s">
        <v>217</v>
      </c>
      <c r="E202" s="21" t="s">
        <v>215</v>
      </c>
      <c r="F202" s="21" t="s">
        <v>522</v>
      </c>
      <c r="G202" s="16">
        <v>47855</v>
      </c>
      <c r="H202" s="16">
        <v>10278</v>
      </c>
      <c r="I202" s="16">
        <v>32070</v>
      </c>
      <c r="J202" s="16">
        <v>300</v>
      </c>
      <c r="K202" s="16">
        <v>3907</v>
      </c>
      <c r="L202" s="16">
        <v>1300</v>
      </c>
    </row>
    <row r="203" spans="1:12">
      <c r="A203" s="21" t="s">
        <v>232</v>
      </c>
      <c r="B203" s="21" t="s">
        <v>237</v>
      </c>
      <c r="C203" s="21" t="s">
        <v>264</v>
      </c>
      <c r="D203" s="21" t="s">
        <v>217</v>
      </c>
      <c r="E203" s="21" t="s">
        <v>215</v>
      </c>
      <c r="F203" s="21" t="s">
        <v>523</v>
      </c>
      <c r="G203" s="16">
        <v>50031</v>
      </c>
      <c r="H203" s="16">
        <v>8739</v>
      </c>
      <c r="I203" s="16">
        <v>35421</v>
      </c>
      <c r="J203" s="16">
        <v>550</v>
      </c>
      <c r="K203" s="16">
        <v>4278</v>
      </c>
      <c r="L203" s="16">
        <v>1043</v>
      </c>
    </row>
    <row r="204" spans="1:12">
      <c r="A204" s="21" t="s">
        <v>232</v>
      </c>
      <c r="B204" s="21" t="s">
        <v>237</v>
      </c>
      <c r="C204" s="21" t="s">
        <v>264</v>
      </c>
      <c r="D204" s="21" t="s">
        <v>217</v>
      </c>
      <c r="E204" s="21" t="s">
        <v>215</v>
      </c>
      <c r="F204" s="21" t="s">
        <v>524</v>
      </c>
      <c r="G204" s="16">
        <v>54885</v>
      </c>
      <c r="H204" s="16">
        <v>7661</v>
      </c>
      <c r="I204" s="16">
        <v>40601</v>
      </c>
      <c r="J204" s="16">
        <v>1124</v>
      </c>
      <c r="K204" s="16">
        <v>4494</v>
      </c>
      <c r="L204" s="16">
        <v>1005</v>
      </c>
    </row>
    <row r="205" spans="1:12">
      <c r="A205" s="21" t="s">
        <v>232</v>
      </c>
      <c r="B205" s="21" t="s">
        <v>237</v>
      </c>
      <c r="C205" s="21" t="s">
        <v>264</v>
      </c>
      <c r="D205" s="21" t="s">
        <v>217</v>
      </c>
      <c r="E205" s="21" t="s">
        <v>215</v>
      </c>
      <c r="F205" s="21" t="s">
        <v>525</v>
      </c>
      <c r="G205" s="16">
        <v>61205</v>
      </c>
      <c r="H205" s="16">
        <v>6236</v>
      </c>
      <c r="I205" s="16">
        <v>47282</v>
      </c>
      <c r="J205" s="16">
        <v>2015</v>
      </c>
      <c r="K205" s="16">
        <v>4697</v>
      </c>
      <c r="L205" s="16">
        <v>975</v>
      </c>
    </row>
    <row r="206" spans="1:12">
      <c r="A206" s="21" t="s">
        <v>232</v>
      </c>
      <c r="B206" s="21" t="s">
        <v>237</v>
      </c>
      <c r="C206" s="21" t="s">
        <v>264</v>
      </c>
      <c r="D206" s="21" t="s">
        <v>217</v>
      </c>
      <c r="E206" s="21" t="s">
        <v>215</v>
      </c>
      <c r="F206" s="21" t="s">
        <v>526</v>
      </c>
      <c r="G206" s="16">
        <v>59068</v>
      </c>
      <c r="H206" s="16">
        <v>3478</v>
      </c>
      <c r="I206" s="16">
        <v>48115</v>
      </c>
      <c r="J206" s="16">
        <v>2959</v>
      </c>
      <c r="K206" s="16">
        <v>3664</v>
      </c>
      <c r="L206" s="16">
        <v>852</v>
      </c>
    </row>
    <row r="207" spans="1:12">
      <c r="A207" s="21" t="s">
        <v>232</v>
      </c>
      <c r="B207" s="21" t="s">
        <v>237</v>
      </c>
      <c r="C207" s="21" t="s">
        <v>264</v>
      </c>
      <c r="D207" s="21" t="s">
        <v>217</v>
      </c>
      <c r="E207" s="21" t="s">
        <v>215</v>
      </c>
      <c r="F207" s="21" t="s">
        <v>527</v>
      </c>
      <c r="G207" s="16">
        <v>38394</v>
      </c>
      <c r="H207" s="16">
        <v>1104</v>
      </c>
      <c r="I207" s="16">
        <v>32144</v>
      </c>
      <c r="J207" s="16">
        <v>3060</v>
      </c>
      <c r="K207" s="16">
        <v>1596</v>
      </c>
      <c r="L207" s="16">
        <v>490</v>
      </c>
    </row>
    <row r="208" spans="1:12">
      <c r="A208" s="21" t="s">
        <v>232</v>
      </c>
      <c r="B208" s="21" t="s">
        <v>237</v>
      </c>
      <c r="C208" s="21" t="s">
        <v>264</v>
      </c>
      <c r="D208" s="21" t="s">
        <v>217</v>
      </c>
      <c r="E208" s="21" t="s">
        <v>215</v>
      </c>
      <c r="F208" s="21" t="s">
        <v>528</v>
      </c>
      <c r="G208" s="16">
        <v>30129</v>
      </c>
      <c r="H208" s="16">
        <v>453</v>
      </c>
      <c r="I208" s="16">
        <v>24872</v>
      </c>
      <c r="J208" s="16">
        <v>3691</v>
      </c>
      <c r="K208" s="16">
        <v>752</v>
      </c>
      <c r="L208" s="16">
        <v>361</v>
      </c>
    </row>
    <row r="209" spans="1:12">
      <c r="A209" s="21" t="s">
        <v>232</v>
      </c>
      <c r="B209" s="21" t="s">
        <v>237</v>
      </c>
      <c r="C209" s="21" t="s">
        <v>264</v>
      </c>
      <c r="D209" s="21" t="s">
        <v>217</v>
      </c>
      <c r="E209" s="21" t="s">
        <v>215</v>
      </c>
      <c r="F209" s="21" t="s">
        <v>529</v>
      </c>
      <c r="G209" s="16">
        <v>19371</v>
      </c>
      <c r="H209" s="16">
        <v>145</v>
      </c>
      <c r="I209" s="16">
        <v>14902</v>
      </c>
      <c r="J209" s="16">
        <v>3822</v>
      </c>
      <c r="K209" s="16">
        <v>268</v>
      </c>
      <c r="L209" s="16">
        <v>234</v>
      </c>
    </row>
    <row r="210" spans="1:12">
      <c r="A210" s="21" t="s">
        <v>232</v>
      </c>
      <c r="B210" s="21" t="s">
        <v>237</v>
      </c>
      <c r="C210" s="21" t="s">
        <v>264</v>
      </c>
      <c r="D210" s="21" t="s">
        <v>217</v>
      </c>
      <c r="E210" s="21" t="s">
        <v>215</v>
      </c>
      <c r="F210" s="21" t="s">
        <v>530</v>
      </c>
      <c r="G210" s="16">
        <v>7293</v>
      </c>
      <c r="H210" s="16">
        <v>37</v>
      </c>
      <c r="I210" s="16">
        <v>4757</v>
      </c>
      <c r="J210" s="16">
        <v>2366</v>
      </c>
      <c r="K210" s="16">
        <v>52</v>
      </c>
      <c r="L210" s="16">
        <v>81</v>
      </c>
    </row>
    <row r="211" spans="1:12">
      <c r="A211" s="21" t="s">
        <v>232</v>
      </c>
      <c r="B211" s="21" t="s">
        <v>237</v>
      </c>
      <c r="C211" s="21" t="s">
        <v>264</v>
      </c>
      <c r="D211" s="21" t="s">
        <v>217</v>
      </c>
      <c r="E211" s="21" t="s">
        <v>215</v>
      </c>
      <c r="F211" s="21" t="s">
        <v>531</v>
      </c>
      <c r="G211" s="16">
        <v>1229</v>
      </c>
      <c r="H211" s="16">
        <v>3</v>
      </c>
      <c r="I211" s="16">
        <v>540</v>
      </c>
      <c r="J211" s="16">
        <v>654</v>
      </c>
      <c r="K211" s="16">
        <v>5</v>
      </c>
      <c r="L211" s="16">
        <v>27</v>
      </c>
    </row>
    <row r="212" spans="1:12">
      <c r="A212" s="21" t="s">
        <v>232</v>
      </c>
      <c r="B212" s="21" t="s">
        <v>237</v>
      </c>
      <c r="C212" s="21" t="s">
        <v>264</v>
      </c>
      <c r="D212" s="21" t="s">
        <v>217</v>
      </c>
      <c r="E212" s="21" t="s">
        <v>215</v>
      </c>
      <c r="F212" s="21" t="s">
        <v>532</v>
      </c>
      <c r="G212" s="16">
        <v>104</v>
      </c>
      <c r="H212" s="16">
        <v>2</v>
      </c>
      <c r="I212" s="16">
        <v>39</v>
      </c>
      <c r="J212" s="16">
        <v>59</v>
      </c>
      <c r="K212" s="22" t="s">
        <v>268</v>
      </c>
      <c r="L212" s="16">
        <v>4</v>
      </c>
    </row>
    <row r="213" spans="1:12">
      <c r="A213" s="21" t="s">
        <v>232</v>
      </c>
      <c r="B213" s="21" t="s">
        <v>237</v>
      </c>
      <c r="C213" s="21" t="s">
        <v>264</v>
      </c>
      <c r="D213" s="21" t="s">
        <v>217</v>
      </c>
      <c r="E213" s="21" t="s">
        <v>215</v>
      </c>
      <c r="F213" s="21" t="s">
        <v>533</v>
      </c>
      <c r="G213" s="16">
        <v>13679</v>
      </c>
      <c r="H213" s="22" t="s">
        <v>268</v>
      </c>
      <c r="I213" s="22" t="s">
        <v>268</v>
      </c>
      <c r="J213" s="22" t="s">
        <v>268</v>
      </c>
      <c r="K213" s="22" t="s">
        <v>268</v>
      </c>
      <c r="L213" s="16">
        <v>13679</v>
      </c>
    </row>
    <row r="214" spans="1:12">
      <c r="A214" s="21" t="s">
        <v>232</v>
      </c>
      <c r="B214" s="21" t="s">
        <v>237</v>
      </c>
      <c r="C214" s="21" t="s">
        <v>264</v>
      </c>
      <c r="D214" s="21" t="s">
        <v>217</v>
      </c>
      <c r="E214" s="21" t="s">
        <v>215</v>
      </c>
      <c r="F214" s="21" t="s">
        <v>461</v>
      </c>
      <c r="G214" s="16">
        <v>453777</v>
      </c>
      <c r="H214" s="16">
        <v>174244</v>
      </c>
      <c r="I214" s="16">
        <v>242674</v>
      </c>
      <c r="J214" s="16">
        <v>2338</v>
      </c>
      <c r="K214" s="16">
        <v>22400</v>
      </c>
      <c r="L214" s="16">
        <v>12121</v>
      </c>
    </row>
    <row r="215" spans="1:12">
      <c r="A215" s="21" t="s">
        <v>232</v>
      </c>
      <c r="B215" s="21" t="s">
        <v>237</v>
      </c>
      <c r="C215" s="21" t="s">
        <v>264</v>
      </c>
      <c r="D215" s="21" t="s">
        <v>217</v>
      </c>
      <c r="E215" s="21" t="s">
        <v>215</v>
      </c>
      <c r="F215" s="21" t="s">
        <v>462</v>
      </c>
      <c r="G215" s="16">
        <v>216793</v>
      </c>
      <c r="H215" s="16">
        <v>11458</v>
      </c>
      <c r="I215" s="16">
        <v>172651</v>
      </c>
      <c r="J215" s="16">
        <v>18626</v>
      </c>
      <c r="K215" s="16">
        <v>11034</v>
      </c>
      <c r="L215" s="16">
        <v>3024</v>
      </c>
    </row>
    <row r="216" spans="1:12">
      <c r="A216" s="21" t="s">
        <v>232</v>
      </c>
      <c r="B216" s="21" t="s">
        <v>237</v>
      </c>
      <c r="C216" s="21" t="s">
        <v>264</v>
      </c>
      <c r="D216" s="21" t="s">
        <v>217</v>
      </c>
      <c r="E216" s="21" t="s">
        <v>215</v>
      </c>
      <c r="F216" s="21" t="s">
        <v>463</v>
      </c>
      <c r="G216" s="16">
        <v>96520</v>
      </c>
      <c r="H216" s="16">
        <v>1744</v>
      </c>
      <c r="I216" s="16">
        <v>77254</v>
      </c>
      <c r="J216" s="16">
        <v>13652</v>
      </c>
      <c r="K216" s="16">
        <v>2673</v>
      </c>
      <c r="L216" s="16">
        <v>1197</v>
      </c>
    </row>
    <row r="217" spans="1:12">
      <c r="A217" s="21" t="s">
        <v>232</v>
      </c>
      <c r="B217" s="21" t="s">
        <v>237</v>
      </c>
      <c r="C217" s="21" t="s">
        <v>264</v>
      </c>
      <c r="D217" s="21" t="s">
        <v>217</v>
      </c>
      <c r="E217" s="21" t="s">
        <v>215</v>
      </c>
      <c r="F217" s="21" t="s">
        <v>464</v>
      </c>
      <c r="G217" s="16">
        <v>27997</v>
      </c>
      <c r="H217" s="16">
        <v>187</v>
      </c>
      <c r="I217" s="16">
        <v>20238</v>
      </c>
      <c r="J217" s="16">
        <v>6901</v>
      </c>
      <c r="K217" s="16">
        <v>325</v>
      </c>
      <c r="L217" s="16">
        <v>346</v>
      </c>
    </row>
    <row r="218" spans="1:12">
      <c r="A218" s="21" t="s">
        <v>232</v>
      </c>
      <c r="B218" s="21" t="s">
        <v>237</v>
      </c>
      <c r="C218" s="21" t="s">
        <v>264</v>
      </c>
      <c r="D218" s="21" t="s">
        <v>217</v>
      </c>
      <c r="E218" s="21" t="s">
        <v>215</v>
      </c>
      <c r="F218" s="21" t="s">
        <v>431</v>
      </c>
      <c r="G218" s="16">
        <v>477036</v>
      </c>
      <c r="H218" s="16">
        <v>142757</v>
      </c>
      <c r="I218" s="16">
        <v>289861</v>
      </c>
      <c r="J218" s="16">
        <v>4350</v>
      </c>
      <c r="K218" s="16">
        <v>27091</v>
      </c>
      <c r="L218" s="16">
        <v>12977</v>
      </c>
    </row>
    <row r="219" spans="1:12">
      <c r="A219" s="21" t="s">
        <v>232</v>
      </c>
      <c r="B219" s="21" t="s">
        <v>237</v>
      </c>
      <c r="C219" s="21" t="s">
        <v>264</v>
      </c>
      <c r="D219" s="21" t="s">
        <v>534</v>
      </c>
      <c r="E219" s="21" t="s">
        <v>215</v>
      </c>
      <c r="F219" s="21" t="s">
        <v>401</v>
      </c>
      <c r="G219" s="16">
        <v>685876</v>
      </c>
      <c r="H219" s="16">
        <v>251457</v>
      </c>
      <c r="I219" s="16">
        <v>403959</v>
      </c>
      <c r="J219" s="16">
        <v>10848</v>
      </c>
      <c r="K219" s="16">
        <v>16401</v>
      </c>
      <c r="L219" s="16">
        <v>3211</v>
      </c>
    </row>
    <row r="220" spans="1:12">
      <c r="A220" s="21" t="s">
        <v>232</v>
      </c>
      <c r="B220" s="21" t="s">
        <v>237</v>
      </c>
      <c r="C220" s="21" t="s">
        <v>264</v>
      </c>
      <c r="D220" s="21" t="s">
        <v>534</v>
      </c>
      <c r="E220" s="21" t="s">
        <v>215</v>
      </c>
      <c r="F220" s="21" t="s">
        <v>514</v>
      </c>
      <c r="G220" s="16">
        <v>116342</v>
      </c>
      <c r="H220" s="16">
        <v>116342</v>
      </c>
      <c r="I220" s="22" t="s">
        <v>268</v>
      </c>
      <c r="J220" s="22" t="s">
        <v>268</v>
      </c>
      <c r="K220" s="22" t="s">
        <v>268</v>
      </c>
      <c r="L220" s="22" t="s">
        <v>268</v>
      </c>
    </row>
    <row r="221" spans="1:12">
      <c r="A221" s="21" t="s">
        <v>232</v>
      </c>
      <c r="B221" s="21" t="s">
        <v>237</v>
      </c>
      <c r="C221" s="21" t="s">
        <v>264</v>
      </c>
      <c r="D221" s="21" t="s">
        <v>534</v>
      </c>
      <c r="E221" s="21" t="s">
        <v>215</v>
      </c>
      <c r="F221" s="21" t="s">
        <v>515</v>
      </c>
      <c r="G221" s="16">
        <v>35737</v>
      </c>
      <c r="H221" s="16">
        <v>35650</v>
      </c>
      <c r="I221" s="16">
        <v>77</v>
      </c>
      <c r="J221" s="16">
        <v>1</v>
      </c>
      <c r="K221" s="16">
        <v>6</v>
      </c>
      <c r="L221" s="16">
        <v>3</v>
      </c>
    </row>
    <row r="222" spans="1:12">
      <c r="A222" s="21" t="s">
        <v>232</v>
      </c>
      <c r="B222" s="21" t="s">
        <v>237</v>
      </c>
      <c r="C222" s="21" t="s">
        <v>264</v>
      </c>
      <c r="D222" s="21" t="s">
        <v>534</v>
      </c>
      <c r="E222" s="21" t="s">
        <v>215</v>
      </c>
      <c r="F222" s="21" t="s">
        <v>516</v>
      </c>
      <c r="G222" s="16">
        <v>23440</v>
      </c>
      <c r="H222" s="16">
        <v>21276</v>
      </c>
      <c r="I222" s="16">
        <v>2057</v>
      </c>
      <c r="J222" s="16">
        <v>4</v>
      </c>
      <c r="K222" s="16">
        <v>76</v>
      </c>
      <c r="L222" s="16">
        <v>27</v>
      </c>
    </row>
    <row r="223" spans="1:12">
      <c r="A223" s="21" t="s">
        <v>232</v>
      </c>
      <c r="B223" s="21" t="s">
        <v>237</v>
      </c>
      <c r="C223" s="21" t="s">
        <v>264</v>
      </c>
      <c r="D223" s="21" t="s">
        <v>534</v>
      </c>
      <c r="E223" s="21" t="s">
        <v>215</v>
      </c>
      <c r="F223" s="21" t="s">
        <v>517</v>
      </c>
      <c r="G223" s="16">
        <v>25880</v>
      </c>
      <c r="H223" s="16">
        <v>15476</v>
      </c>
      <c r="I223" s="16">
        <v>10057</v>
      </c>
      <c r="J223" s="16">
        <v>6</v>
      </c>
      <c r="K223" s="16">
        <v>300</v>
      </c>
      <c r="L223" s="16">
        <v>41</v>
      </c>
    </row>
    <row r="224" spans="1:12">
      <c r="A224" s="21" t="s">
        <v>232</v>
      </c>
      <c r="B224" s="21" t="s">
        <v>237</v>
      </c>
      <c r="C224" s="21" t="s">
        <v>264</v>
      </c>
      <c r="D224" s="21" t="s">
        <v>534</v>
      </c>
      <c r="E224" s="21" t="s">
        <v>215</v>
      </c>
      <c r="F224" s="21" t="s">
        <v>518</v>
      </c>
      <c r="G224" s="16">
        <v>33637</v>
      </c>
      <c r="H224" s="16">
        <v>12246</v>
      </c>
      <c r="I224" s="16">
        <v>20613</v>
      </c>
      <c r="J224" s="16">
        <v>12</v>
      </c>
      <c r="K224" s="16">
        <v>711</v>
      </c>
      <c r="L224" s="16">
        <v>55</v>
      </c>
    </row>
    <row r="225" spans="1:12">
      <c r="A225" s="21" t="s">
        <v>232</v>
      </c>
      <c r="B225" s="21" t="s">
        <v>237</v>
      </c>
      <c r="C225" s="21" t="s">
        <v>264</v>
      </c>
      <c r="D225" s="21" t="s">
        <v>534</v>
      </c>
      <c r="E225" s="21" t="s">
        <v>215</v>
      </c>
      <c r="F225" s="21" t="s">
        <v>519</v>
      </c>
      <c r="G225" s="16">
        <v>41297</v>
      </c>
      <c r="H225" s="16">
        <v>11012</v>
      </c>
      <c r="I225" s="16">
        <v>28928</v>
      </c>
      <c r="J225" s="16">
        <v>41</v>
      </c>
      <c r="K225" s="16">
        <v>1224</v>
      </c>
      <c r="L225" s="16">
        <v>92</v>
      </c>
    </row>
    <row r="226" spans="1:12">
      <c r="A226" s="21" t="s">
        <v>232</v>
      </c>
      <c r="B226" s="21" t="s">
        <v>237</v>
      </c>
      <c r="C226" s="21" t="s">
        <v>264</v>
      </c>
      <c r="D226" s="21" t="s">
        <v>534</v>
      </c>
      <c r="E226" s="21" t="s">
        <v>215</v>
      </c>
      <c r="F226" s="21" t="s">
        <v>520</v>
      </c>
      <c r="G226" s="16">
        <v>45656</v>
      </c>
      <c r="H226" s="16">
        <v>9880</v>
      </c>
      <c r="I226" s="16">
        <v>33735</v>
      </c>
      <c r="J226" s="16">
        <v>86</v>
      </c>
      <c r="K226" s="16">
        <v>1837</v>
      </c>
      <c r="L226" s="16">
        <v>118</v>
      </c>
    </row>
    <row r="227" spans="1:12">
      <c r="A227" s="21" t="s">
        <v>232</v>
      </c>
      <c r="B227" s="21" t="s">
        <v>237</v>
      </c>
      <c r="C227" s="21" t="s">
        <v>264</v>
      </c>
      <c r="D227" s="21" t="s">
        <v>534</v>
      </c>
      <c r="E227" s="21" t="s">
        <v>215</v>
      </c>
      <c r="F227" s="21" t="s">
        <v>521</v>
      </c>
      <c r="G227" s="16">
        <v>46820</v>
      </c>
      <c r="H227" s="16">
        <v>9338</v>
      </c>
      <c r="I227" s="16">
        <v>34991</v>
      </c>
      <c r="J227" s="16">
        <v>140</v>
      </c>
      <c r="K227" s="16">
        <v>2217</v>
      </c>
      <c r="L227" s="16">
        <v>134</v>
      </c>
    </row>
    <row r="228" spans="1:12">
      <c r="A228" s="21" t="s">
        <v>232</v>
      </c>
      <c r="B228" s="21" t="s">
        <v>237</v>
      </c>
      <c r="C228" s="21" t="s">
        <v>264</v>
      </c>
      <c r="D228" s="21" t="s">
        <v>534</v>
      </c>
      <c r="E228" s="21" t="s">
        <v>215</v>
      </c>
      <c r="F228" s="21" t="s">
        <v>522</v>
      </c>
      <c r="G228" s="16">
        <v>40262</v>
      </c>
      <c r="H228" s="16">
        <v>7052</v>
      </c>
      <c r="I228" s="16">
        <v>30450</v>
      </c>
      <c r="J228" s="16">
        <v>207</v>
      </c>
      <c r="K228" s="16">
        <v>2382</v>
      </c>
      <c r="L228" s="16">
        <v>171</v>
      </c>
    </row>
    <row r="229" spans="1:12">
      <c r="A229" s="21" t="s">
        <v>232</v>
      </c>
      <c r="B229" s="21" t="s">
        <v>237</v>
      </c>
      <c r="C229" s="21" t="s">
        <v>264</v>
      </c>
      <c r="D229" s="21" t="s">
        <v>534</v>
      </c>
      <c r="E229" s="21" t="s">
        <v>215</v>
      </c>
      <c r="F229" s="21" t="s">
        <v>523</v>
      </c>
      <c r="G229" s="16">
        <v>41904</v>
      </c>
      <c r="H229" s="16">
        <v>5383</v>
      </c>
      <c r="I229" s="16">
        <v>33744</v>
      </c>
      <c r="J229" s="16">
        <v>317</v>
      </c>
      <c r="K229" s="16">
        <v>2337</v>
      </c>
      <c r="L229" s="16">
        <v>123</v>
      </c>
    </row>
    <row r="230" spans="1:12">
      <c r="A230" s="21" t="s">
        <v>232</v>
      </c>
      <c r="B230" s="21" t="s">
        <v>237</v>
      </c>
      <c r="C230" s="21" t="s">
        <v>264</v>
      </c>
      <c r="D230" s="21" t="s">
        <v>534</v>
      </c>
      <c r="E230" s="21" t="s">
        <v>215</v>
      </c>
      <c r="F230" s="21" t="s">
        <v>524</v>
      </c>
      <c r="G230" s="16">
        <v>46104</v>
      </c>
      <c r="H230" s="16">
        <v>3798</v>
      </c>
      <c r="I230" s="16">
        <v>39522</v>
      </c>
      <c r="J230" s="16">
        <v>623</v>
      </c>
      <c r="K230" s="16">
        <v>2042</v>
      </c>
      <c r="L230" s="16">
        <v>119</v>
      </c>
    </row>
    <row r="231" spans="1:12">
      <c r="A231" s="21" t="s">
        <v>232</v>
      </c>
      <c r="B231" s="21" t="s">
        <v>237</v>
      </c>
      <c r="C231" s="21" t="s">
        <v>264</v>
      </c>
      <c r="D231" s="21" t="s">
        <v>534</v>
      </c>
      <c r="E231" s="21" t="s">
        <v>215</v>
      </c>
      <c r="F231" s="21" t="s">
        <v>525</v>
      </c>
      <c r="G231" s="16">
        <v>51474</v>
      </c>
      <c r="H231" s="16">
        <v>2380</v>
      </c>
      <c r="I231" s="16">
        <v>46461</v>
      </c>
      <c r="J231" s="16">
        <v>981</v>
      </c>
      <c r="K231" s="16">
        <v>1534</v>
      </c>
      <c r="L231" s="16">
        <v>118</v>
      </c>
    </row>
    <row r="232" spans="1:12">
      <c r="A232" s="21" t="s">
        <v>232</v>
      </c>
      <c r="B232" s="21" t="s">
        <v>237</v>
      </c>
      <c r="C232" s="21" t="s">
        <v>264</v>
      </c>
      <c r="D232" s="21" t="s">
        <v>534</v>
      </c>
      <c r="E232" s="21" t="s">
        <v>215</v>
      </c>
      <c r="F232" s="21" t="s">
        <v>526</v>
      </c>
      <c r="G232" s="16">
        <v>50960</v>
      </c>
      <c r="H232" s="16">
        <v>1050</v>
      </c>
      <c r="I232" s="16">
        <v>47448</v>
      </c>
      <c r="J232" s="16">
        <v>1300</v>
      </c>
      <c r="K232" s="16">
        <v>1026</v>
      </c>
      <c r="L232" s="16">
        <v>136</v>
      </c>
    </row>
    <row r="233" spans="1:12">
      <c r="A233" s="21" t="s">
        <v>232</v>
      </c>
      <c r="B233" s="21" t="s">
        <v>237</v>
      </c>
      <c r="C233" s="21" t="s">
        <v>264</v>
      </c>
      <c r="D233" s="21" t="s">
        <v>534</v>
      </c>
      <c r="E233" s="21" t="s">
        <v>215</v>
      </c>
      <c r="F233" s="21" t="s">
        <v>527</v>
      </c>
      <c r="G233" s="16">
        <v>33843</v>
      </c>
      <c r="H233" s="16">
        <v>337</v>
      </c>
      <c r="I233" s="16">
        <v>31706</v>
      </c>
      <c r="J233" s="16">
        <v>1324</v>
      </c>
      <c r="K233" s="16">
        <v>379</v>
      </c>
      <c r="L233" s="16">
        <v>97</v>
      </c>
    </row>
    <row r="234" spans="1:12">
      <c r="A234" s="21" t="s">
        <v>232</v>
      </c>
      <c r="B234" s="21" t="s">
        <v>237</v>
      </c>
      <c r="C234" s="21" t="s">
        <v>264</v>
      </c>
      <c r="D234" s="21" t="s">
        <v>534</v>
      </c>
      <c r="E234" s="21" t="s">
        <v>215</v>
      </c>
      <c r="F234" s="21" t="s">
        <v>528</v>
      </c>
      <c r="G234" s="16">
        <v>26722</v>
      </c>
      <c r="H234" s="16">
        <v>160</v>
      </c>
      <c r="I234" s="16">
        <v>24473</v>
      </c>
      <c r="J234" s="16">
        <v>1779</v>
      </c>
      <c r="K234" s="16">
        <v>211</v>
      </c>
      <c r="L234" s="16">
        <v>99</v>
      </c>
    </row>
    <row r="235" spans="1:12">
      <c r="A235" s="21" t="s">
        <v>232</v>
      </c>
      <c r="B235" s="21" t="s">
        <v>237</v>
      </c>
      <c r="C235" s="21" t="s">
        <v>264</v>
      </c>
      <c r="D235" s="21" t="s">
        <v>534</v>
      </c>
      <c r="E235" s="21" t="s">
        <v>215</v>
      </c>
      <c r="F235" s="21" t="s">
        <v>529</v>
      </c>
      <c r="G235" s="16">
        <v>16876</v>
      </c>
      <c r="H235" s="16">
        <v>62</v>
      </c>
      <c r="I235" s="16">
        <v>14569</v>
      </c>
      <c r="J235" s="16">
        <v>2088</v>
      </c>
      <c r="K235" s="16">
        <v>94</v>
      </c>
      <c r="L235" s="16">
        <v>63</v>
      </c>
    </row>
    <row r="236" spans="1:12">
      <c r="A236" s="21" t="s">
        <v>232</v>
      </c>
      <c r="B236" s="21" t="s">
        <v>237</v>
      </c>
      <c r="C236" s="21" t="s">
        <v>264</v>
      </c>
      <c r="D236" s="21" t="s">
        <v>534</v>
      </c>
      <c r="E236" s="21" t="s">
        <v>215</v>
      </c>
      <c r="F236" s="21" t="s">
        <v>530</v>
      </c>
      <c r="G236" s="16">
        <v>6096</v>
      </c>
      <c r="H236" s="16">
        <v>13</v>
      </c>
      <c r="I236" s="16">
        <v>4580</v>
      </c>
      <c r="J236" s="16">
        <v>1437</v>
      </c>
      <c r="K236" s="16">
        <v>22</v>
      </c>
      <c r="L236" s="16">
        <v>44</v>
      </c>
    </row>
    <row r="237" spans="1:12">
      <c r="A237" s="21" t="s">
        <v>232</v>
      </c>
      <c r="B237" s="21" t="s">
        <v>237</v>
      </c>
      <c r="C237" s="21" t="s">
        <v>264</v>
      </c>
      <c r="D237" s="21" t="s">
        <v>534</v>
      </c>
      <c r="E237" s="21" t="s">
        <v>215</v>
      </c>
      <c r="F237" s="21" t="s">
        <v>531</v>
      </c>
      <c r="G237" s="16">
        <v>994</v>
      </c>
      <c r="H237" s="22" t="s">
        <v>268</v>
      </c>
      <c r="I237" s="16">
        <v>510</v>
      </c>
      <c r="J237" s="16">
        <v>462</v>
      </c>
      <c r="K237" s="16">
        <v>3</v>
      </c>
      <c r="L237" s="16">
        <v>19</v>
      </c>
    </row>
    <row r="238" spans="1:12">
      <c r="A238" s="21" t="s">
        <v>232</v>
      </c>
      <c r="B238" s="21" t="s">
        <v>237</v>
      </c>
      <c r="C238" s="21" t="s">
        <v>264</v>
      </c>
      <c r="D238" s="21" t="s">
        <v>534</v>
      </c>
      <c r="E238" s="21" t="s">
        <v>215</v>
      </c>
      <c r="F238" s="21" t="s">
        <v>532</v>
      </c>
      <c r="G238" s="16">
        <v>83</v>
      </c>
      <c r="H238" s="16">
        <v>2</v>
      </c>
      <c r="I238" s="16">
        <v>38</v>
      </c>
      <c r="J238" s="16">
        <v>40</v>
      </c>
      <c r="K238" s="22" t="s">
        <v>268</v>
      </c>
      <c r="L238" s="16">
        <v>3</v>
      </c>
    </row>
    <row r="239" spans="1:12">
      <c r="A239" s="21" t="s">
        <v>232</v>
      </c>
      <c r="B239" s="21" t="s">
        <v>237</v>
      </c>
      <c r="C239" s="21" t="s">
        <v>264</v>
      </c>
      <c r="D239" s="21" t="s">
        <v>534</v>
      </c>
      <c r="E239" s="21" t="s">
        <v>215</v>
      </c>
      <c r="F239" s="21" t="s">
        <v>533</v>
      </c>
      <c r="G239" s="16">
        <v>1749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16">
        <v>1749</v>
      </c>
    </row>
    <row r="240" spans="1:12">
      <c r="A240" s="21" t="s">
        <v>232</v>
      </c>
      <c r="B240" s="21" t="s">
        <v>237</v>
      </c>
      <c r="C240" s="21" t="s">
        <v>264</v>
      </c>
      <c r="D240" s="21" t="s">
        <v>534</v>
      </c>
      <c r="E240" s="21" t="s">
        <v>215</v>
      </c>
      <c r="F240" s="21" t="s">
        <v>461</v>
      </c>
      <c r="G240" s="16">
        <v>380737</v>
      </c>
      <c r="H240" s="16">
        <v>131111</v>
      </c>
      <c r="I240" s="16">
        <v>234174</v>
      </c>
      <c r="J240" s="16">
        <v>1437</v>
      </c>
      <c r="K240" s="16">
        <v>13132</v>
      </c>
      <c r="L240" s="16">
        <v>883</v>
      </c>
    </row>
    <row r="241" spans="1:12">
      <c r="A241" s="21" t="s">
        <v>232</v>
      </c>
      <c r="B241" s="21" t="s">
        <v>237</v>
      </c>
      <c r="C241" s="21" t="s">
        <v>264</v>
      </c>
      <c r="D241" s="21" t="s">
        <v>534</v>
      </c>
      <c r="E241" s="21" t="s">
        <v>215</v>
      </c>
      <c r="F241" s="21" t="s">
        <v>462</v>
      </c>
      <c r="G241" s="16">
        <v>187048</v>
      </c>
      <c r="H241" s="16">
        <v>4004</v>
      </c>
      <c r="I241" s="16">
        <v>169785</v>
      </c>
      <c r="J241" s="16">
        <v>9411</v>
      </c>
      <c r="K241" s="16">
        <v>3269</v>
      </c>
      <c r="L241" s="16">
        <v>579</v>
      </c>
    </row>
    <row r="242" spans="1:12">
      <c r="A242" s="21" t="s">
        <v>232</v>
      </c>
      <c r="B242" s="21" t="s">
        <v>237</v>
      </c>
      <c r="C242" s="21" t="s">
        <v>264</v>
      </c>
      <c r="D242" s="21" t="s">
        <v>534</v>
      </c>
      <c r="E242" s="21" t="s">
        <v>215</v>
      </c>
      <c r="F242" s="21" t="s">
        <v>463</v>
      </c>
      <c r="G242" s="16">
        <v>84614</v>
      </c>
      <c r="H242" s="16">
        <v>574</v>
      </c>
      <c r="I242" s="16">
        <v>75876</v>
      </c>
      <c r="J242" s="16">
        <v>7130</v>
      </c>
      <c r="K242" s="16">
        <v>709</v>
      </c>
      <c r="L242" s="16">
        <v>325</v>
      </c>
    </row>
    <row r="243" spans="1:12">
      <c r="A243" s="21" t="s">
        <v>232</v>
      </c>
      <c r="B243" s="21" t="s">
        <v>237</v>
      </c>
      <c r="C243" s="21" t="s">
        <v>264</v>
      </c>
      <c r="D243" s="21" t="s">
        <v>534</v>
      </c>
      <c r="E243" s="21" t="s">
        <v>215</v>
      </c>
      <c r="F243" s="21" t="s">
        <v>464</v>
      </c>
      <c r="G243" s="16">
        <v>24049</v>
      </c>
      <c r="H243" s="16">
        <v>77</v>
      </c>
      <c r="I243" s="16">
        <v>19697</v>
      </c>
      <c r="J243" s="16">
        <v>4027</v>
      </c>
      <c r="K243" s="16">
        <v>119</v>
      </c>
      <c r="L243" s="16">
        <v>129</v>
      </c>
    </row>
    <row r="244" spans="1:12">
      <c r="A244" s="21" t="s">
        <v>232</v>
      </c>
      <c r="B244" s="21" t="s">
        <v>237</v>
      </c>
      <c r="C244" s="21" t="s">
        <v>264</v>
      </c>
      <c r="D244" s="21" t="s">
        <v>534</v>
      </c>
      <c r="E244" s="21" t="s">
        <v>215</v>
      </c>
      <c r="F244" s="21" t="s">
        <v>431</v>
      </c>
      <c r="G244" s="16">
        <v>396474</v>
      </c>
      <c r="H244" s="16">
        <v>97841</v>
      </c>
      <c r="I244" s="16">
        <v>280558</v>
      </c>
      <c r="J244" s="16">
        <v>2417</v>
      </c>
      <c r="K244" s="16">
        <v>14660</v>
      </c>
      <c r="L244" s="16">
        <v>998</v>
      </c>
    </row>
    <row r="245" spans="1:12">
      <c r="A245" s="21" t="s">
        <v>232</v>
      </c>
      <c r="B245" s="21" t="s">
        <v>237</v>
      </c>
      <c r="C245" s="21" t="s">
        <v>264</v>
      </c>
      <c r="D245" s="21" t="s">
        <v>535</v>
      </c>
      <c r="E245" s="21" t="s">
        <v>215</v>
      </c>
      <c r="F245" s="21" t="s">
        <v>401</v>
      </c>
      <c r="G245" s="16">
        <v>396743</v>
      </c>
      <c r="H245" s="16">
        <v>10862</v>
      </c>
      <c r="I245" s="16">
        <v>368794</v>
      </c>
      <c r="J245" s="16">
        <v>7732</v>
      </c>
      <c r="K245" s="16">
        <v>7288</v>
      </c>
      <c r="L245" s="16">
        <v>2067</v>
      </c>
    </row>
    <row r="246" spans="1:12">
      <c r="A246" s="21" t="s">
        <v>232</v>
      </c>
      <c r="B246" s="21" t="s">
        <v>237</v>
      </c>
      <c r="C246" s="21" t="s">
        <v>264</v>
      </c>
      <c r="D246" s="21" t="s">
        <v>535</v>
      </c>
      <c r="E246" s="21" t="s">
        <v>215</v>
      </c>
      <c r="F246" s="21" t="s">
        <v>514</v>
      </c>
      <c r="G246" s="16">
        <v>1</v>
      </c>
      <c r="H246" s="16">
        <v>1</v>
      </c>
      <c r="I246" s="22" t="s">
        <v>268</v>
      </c>
      <c r="J246" s="22" t="s">
        <v>268</v>
      </c>
      <c r="K246" s="22" t="s">
        <v>268</v>
      </c>
      <c r="L246" s="22" t="s">
        <v>268</v>
      </c>
    </row>
    <row r="247" spans="1:12">
      <c r="A247" s="21" t="s">
        <v>232</v>
      </c>
      <c r="B247" s="21" t="s">
        <v>237</v>
      </c>
      <c r="C247" s="21" t="s">
        <v>264</v>
      </c>
      <c r="D247" s="21" t="s">
        <v>535</v>
      </c>
      <c r="E247" s="21" t="s">
        <v>215</v>
      </c>
      <c r="F247" s="21" t="s">
        <v>515</v>
      </c>
      <c r="G247" s="16">
        <v>70</v>
      </c>
      <c r="H247" s="16">
        <v>46</v>
      </c>
      <c r="I247" s="16">
        <v>24</v>
      </c>
      <c r="J247" s="22" t="s">
        <v>268</v>
      </c>
      <c r="K247" s="22" t="s">
        <v>268</v>
      </c>
      <c r="L247" s="22" t="s">
        <v>268</v>
      </c>
    </row>
    <row r="248" spans="1:12">
      <c r="A248" s="21" t="s">
        <v>232</v>
      </c>
      <c r="B248" s="21" t="s">
        <v>237</v>
      </c>
      <c r="C248" s="21" t="s">
        <v>264</v>
      </c>
      <c r="D248" s="21" t="s">
        <v>535</v>
      </c>
      <c r="E248" s="21" t="s">
        <v>215</v>
      </c>
      <c r="F248" s="21" t="s">
        <v>516</v>
      </c>
      <c r="G248" s="16">
        <v>2050</v>
      </c>
      <c r="H248" s="16">
        <v>502</v>
      </c>
      <c r="I248" s="16">
        <v>1533</v>
      </c>
      <c r="J248" s="22" t="s">
        <v>268</v>
      </c>
      <c r="K248" s="16">
        <v>7</v>
      </c>
      <c r="L248" s="16">
        <v>8</v>
      </c>
    </row>
    <row r="249" spans="1:12">
      <c r="A249" s="21" t="s">
        <v>232</v>
      </c>
      <c r="B249" s="21" t="s">
        <v>237</v>
      </c>
      <c r="C249" s="21" t="s">
        <v>264</v>
      </c>
      <c r="D249" s="21" t="s">
        <v>535</v>
      </c>
      <c r="E249" s="21" t="s">
        <v>215</v>
      </c>
      <c r="F249" s="21" t="s">
        <v>517</v>
      </c>
      <c r="G249" s="16">
        <v>9550</v>
      </c>
      <c r="H249" s="16">
        <v>825</v>
      </c>
      <c r="I249" s="16">
        <v>8657</v>
      </c>
      <c r="J249" s="16">
        <v>1</v>
      </c>
      <c r="K249" s="16">
        <v>42</v>
      </c>
      <c r="L249" s="16">
        <v>25</v>
      </c>
    </row>
    <row r="250" spans="1:12">
      <c r="A250" s="21" t="s">
        <v>232</v>
      </c>
      <c r="B250" s="21" t="s">
        <v>237</v>
      </c>
      <c r="C250" s="21" t="s">
        <v>264</v>
      </c>
      <c r="D250" s="21" t="s">
        <v>535</v>
      </c>
      <c r="E250" s="21" t="s">
        <v>215</v>
      </c>
      <c r="F250" s="21" t="s">
        <v>518</v>
      </c>
      <c r="G250" s="16">
        <v>18985</v>
      </c>
      <c r="H250" s="16">
        <v>615</v>
      </c>
      <c r="I250" s="16">
        <v>18205</v>
      </c>
      <c r="J250" s="16">
        <v>5</v>
      </c>
      <c r="K250" s="16">
        <v>127</v>
      </c>
      <c r="L250" s="16">
        <v>33</v>
      </c>
    </row>
    <row r="251" spans="1:12">
      <c r="A251" s="21" t="s">
        <v>232</v>
      </c>
      <c r="B251" s="21" t="s">
        <v>237</v>
      </c>
      <c r="C251" s="21" t="s">
        <v>264</v>
      </c>
      <c r="D251" s="21" t="s">
        <v>535</v>
      </c>
      <c r="E251" s="21" t="s">
        <v>215</v>
      </c>
      <c r="F251" s="21" t="s">
        <v>519</v>
      </c>
      <c r="G251" s="16">
        <v>26606</v>
      </c>
      <c r="H251" s="16">
        <v>661</v>
      </c>
      <c r="I251" s="16">
        <v>25559</v>
      </c>
      <c r="J251" s="16">
        <v>25</v>
      </c>
      <c r="K251" s="16">
        <v>294</v>
      </c>
      <c r="L251" s="16">
        <v>67</v>
      </c>
    </row>
    <row r="252" spans="1:12">
      <c r="A252" s="21" t="s">
        <v>232</v>
      </c>
      <c r="B252" s="21" t="s">
        <v>237</v>
      </c>
      <c r="C252" s="21" t="s">
        <v>264</v>
      </c>
      <c r="D252" s="21" t="s">
        <v>535</v>
      </c>
      <c r="E252" s="21" t="s">
        <v>215</v>
      </c>
      <c r="F252" s="21" t="s">
        <v>520</v>
      </c>
      <c r="G252" s="16">
        <v>31297</v>
      </c>
      <c r="H252" s="16">
        <v>823</v>
      </c>
      <c r="I252" s="16">
        <v>29794</v>
      </c>
      <c r="J252" s="16">
        <v>51</v>
      </c>
      <c r="K252" s="16">
        <v>534</v>
      </c>
      <c r="L252" s="16">
        <v>95</v>
      </c>
    </row>
    <row r="253" spans="1:12">
      <c r="A253" s="21" t="s">
        <v>232</v>
      </c>
      <c r="B253" s="21" t="s">
        <v>237</v>
      </c>
      <c r="C253" s="21" t="s">
        <v>264</v>
      </c>
      <c r="D253" s="21" t="s">
        <v>535</v>
      </c>
      <c r="E253" s="21" t="s">
        <v>215</v>
      </c>
      <c r="F253" s="21" t="s">
        <v>521</v>
      </c>
      <c r="G253" s="16">
        <v>32855</v>
      </c>
      <c r="H253" s="16">
        <v>1064</v>
      </c>
      <c r="I253" s="16">
        <v>30871</v>
      </c>
      <c r="J253" s="16">
        <v>108</v>
      </c>
      <c r="K253" s="16">
        <v>708</v>
      </c>
      <c r="L253" s="16">
        <v>104</v>
      </c>
    </row>
    <row r="254" spans="1:12">
      <c r="A254" s="21" t="s">
        <v>232</v>
      </c>
      <c r="B254" s="21" t="s">
        <v>237</v>
      </c>
      <c r="C254" s="21" t="s">
        <v>264</v>
      </c>
      <c r="D254" s="21" t="s">
        <v>535</v>
      </c>
      <c r="E254" s="21" t="s">
        <v>215</v>
      </c>
      <c r="F254" s="21" t="s">
        <v>522</v>
      </c>
      <c r="G254" s="16">
        <v>29440</v>
      </c>
      <c r="H254" s="16">
        <v>1315</v>
      </c>
      <c r="I254" s="16">
        <v>26900</v>
      </c>
      <c r="J254" s="16">
        <v>148</v>
      </c>
      <c r="K254" s="16">
        <v>944</v>
      </c>
      <c r="L254" s="16">
        <v>133</v>
      </c>
    </row>
    <row r="255" spans="1:12">
      <c r="A255" s="21" t="s">
        <v>232</v>
      </c>
      <c r="B255" s="21" t="s">
        <v>237</v>
      </c>
      <c r="C255" s="21" t="s">
        <v>264</v>
      </c>
      <c r="D255" s="21" t="s">
        <v>535</v>
      </c>
      <c r="E255" s="21" t="s">
        <v>215</v>
      </c>
      <c r="F255" s="21" t="s">
        <v>523</v>
      </c>
      <c r="G255" s="16">
        <v>33381</v>
      </c>
      <c r="H255" s="16">
        <v>1544</v>
      </c>
      <c r="I255" s="16">
        <v>30364</v>
      </c>
      <c r="J255" s="16">
        <v>235</v>
      </c>
      <c r="K255" s="16">
        <v>1138</v>
      </c>
      <c r="L255" s="16">
        <v>100</v>
      </c>
    </row>
    <row r="256" spans="1:12">
      <c r="A256" s="21" t="s">
        <v>232</v>
      </c>
      <c r="B256" s="21" t="s">
        <v>237</v>
      </c>
      <c r="C256" s="21" t="s">
        <v>264</v>
      </c>
      <c r="D256" s="21" t="s">
        <v>535</v>
      </c>
      <c r="E256" s="21" t="s">
        <v>215</v>
      </c>
      <c r="F256" s="21" t="s">
        <v>524</v>
      </c>
      <c r="G256" s="16">
        <v>40242</v>
      </c>
      <c r="H256" s="16">
        <v>1511</v>
      </c>
      <c r="I256" s="16">
        <v>36852</v>
      </c>
      <c r="J256" s="16">
        <v>520</v>
      </c>
      <c r="K256" s="16">
        <v>1256</v>
      </c>
      <c r="L256" s="16">
        <v>103</v>
      </c>
    </row>
    <row r="257" spans="1:12">
      <c r="A257" s="21" t="s">
        <v>232</v>
      </c>
      <c r="B257" s="21" t="s">
        <v>237</v>
      </c>
      <c r="C257" s="21" t="s">
        <v>264</v>
      </c>
      <c r="D257" s="21" t="s">
        <v>535</v>
      </c>
      <c r="E257" s="21" t="s">
        <v>215</v>
      </c>
      <c r="F257" s="21" t="s">
        <v>525</v>
      </c>
      <c r="G257" s="16">
        <v>47516</v>
      </c>
      <c r="H257" s="16">
        <v>1138</v>
      </c>
      <c r="I257" s="16">
        <v>44427</v>
      </c>
      <c r="J257" s="16">
        <v>830</v>
      </c>
      <c r="K257" s="16">
        <v>1030</v>
      </c>
      <c r="L257" s="16">
        <v>91</v>
      </c>
    </row>
    <row r="258" spans="1:12">
      <c r="A258" s="21" t="s">
        <v>232</v>
      </c>
      <c r="B258" s="21" t="s">
        <v>237</v>
      </c>
      <c r="C258" s="21" t="s">
        <v>264</v>
      </c>
      <c r="D258" s="21" t="s">
        <v>535</v>
      </c>
      <c r="E258" s="21" t="s">
        <v>215</v>
      </c>
      <c r="F258" s="21" t="s">
        <v>526</v>
      </c>
      <c r="G258" s="16">
        <v>48225</v>
      </c>
      <c r="H258" s="16">
        <v>535</v>
      </c>
      <c r="I258" s="16">
        <v>45738</v>
      </c>
      <c r="J258" s="16">
        <v>1109</v>
      </c>
      <c r="K258" s="16">
        <v>739</v>
      </c>
      <c r="L258" s="16">
        <v>104</v>
      </c>
    </row>
    <row r="259" spans="1:12">
      <c r="A259" s="21" t="s">
        <v>232</v>
      </c>
      <c r="B259" s="21" t="s">
        <v>237</v>
      </c>
      <c r="C259" s="21" t="s">
        <v>264</v>
      </c>
      <c r="D259" s="21" t="s">
        <v>535</v>
      </c>
      <c r="E259" s="21" t="s">
        <v>215</v>
      </c>
      <c r="F259" s="21" t="s">
        <v>527</v>
      </c>
      <c r="G259" s="16">
        <v>31861</v>
      </c>
      <c r="H259" s="16">
        <v>169</v>
      </c>
      <c r="I259" s="16">
        <v>30288</v>
      </c>
      <c r="J259" s="16">
        <v>1055</v>
      </c>
      <c r="K259" s="16">
        <v>277</v>
      </c>
      <c r="L259" s="16">
        <v>72</v>
      </c>
    </row>
    <row r="260" spans="1:12">
      <c r="A260" s="21" t="s">
        <v>232</v>
      </c>
      <c r="B260" s="21" t="s">
        <v>237</v>
      </c>
      <c r="C260" s="21" t="s">
        <v>264</v>
      </c>
      <c r="D260" s="21" t="s">
        <v>535</v>
      </c>
      <c r="E260" s="21" t="s">
        <v>215</v>
      </c>
      <c r="F260" s="21" t="s">
        <v>528</v>
      </c>
      <c r="G260" s="16">
        <v>24275</v>
      </c>
      <c r="H260" s="16">
        <v>72</v>
      </c>
      <c r="I260" s="16">
        <v>22691</v>
      </c>
      <c r="J260" s="16">
        <v>1305</v>
      </c>
      <c r="K260" s="16">
        <v>129</v>
      </c>
      <c r="L260" s="16">
        <v>78</v>
      </c>
    </row>
    <row r="261" spans="1:12">
      <c r="A261" s="21" t="s">
        <v>232</v>
      </c>
      <c r="B261" s="21" t="s">
        <v>237</v>
      </c>
      <c r="C261" s="21" t="s">
        <v>264</v>
      </c>
      <c r="D261" s="21" t="s">
        <v>535</v>
      </c>
      <c r="E261" s="21" t="s">
        <v>215</v>
      </c>
      <c r="F261" s="21" t="s">
        <v>529</v>
      </c>
      <c r="G261" s="16">
        <v>14238</v>
      </c>
      <c r="H261" s="16">
        <v>35</v>
      </c>
      <c r="I261" s="16">
        <v>12762</v>
      </c>
      <c r="J261" s="16">
        <v>1348</v>
      </c>
      <c r="K261" s="16">
        <v>49</v>
      </c>
      <c r="L261" s="16">
        <v>44</v>
      </c>
    </row>
    <row r="262" spans="1:12">
      <c r="A262" s="21" t="s">
        <v>232</v>
      </c>
      <c r="B262" s="21" t="s">
        <v>237</v>
      </c>
      <c r="C262" s="21" t="s">
        <v>264</v>
      </c>
      <c r="D262" s="21" t="s">
        <v>535</v>
      </c>
      <c r="E262" s="21" t="s">
        <v>215</v>
      </c>
      <c r="F262" s="21" t="s">
        <v>530</v>
      </c>
      <c r="G262" s="16">
        <v>4504</v>
      </c>
      <c r="H262" s="16">
        <v>5</v>
      </c>
      <c r="I262" s="16">
        <v>3713</v>
      </c>
      <c r="J262" s="16">
        <v>746</v>
      </c>
      <c r="K262" s="16">
        <v>13</v>
      </c>
      <c r="L262" s="16">
        <v>27</v>
      </c>
    </row>
    <row r="263" spans="1:12">
      <c r="A263" s="21" t="s">
        <v>232</v>
      </c>
      <c r="B263" s="21" t="s">
        <v>237</v>
      </c>
      <c r="C263" s="21" t="s">
        <v>264</v>
      </c>
      <c r="D263" s="21" t="s">
        <v>535</v>
      </c>
      <c r="E263" s="21" t="s">
        <v>215</v>
      </c>
      <c r="F263" s="21" t="s">
        <v>531</v>
      </c>
      <c r="G263" s="16">
        <v>625</v>
      </c>
      <c r="H263" s="22" t="s">
        <v>268</v>
      </c>
      <c r="I263" s="16">
        <v>388</v>
      </c>
      <c r="J263" s="16">
        <v>226</v>
      </c>
      <c r="K263" s="16">
        <v>1</v>
      </c>
      <c r="L263" s="16">
        <v>10</v>
      </c>
    </row>
    <row r="264" spans="1:12">
      <c r="A264" s="21" t="s">
        <v>232</v>
      </c>
      <c r="B264" s="21" t="s">
        <v>237</v>
      </c>
      <c r="C264" s="21" t="s">
        <v>264</v>
      </c>
      <c r="D264" s="21" t="s">
        <v>535</v>
      </c>
      <c r="E264" s="21" t="s">
        <v>215</v>
      </c>
      <c r="F264" s="21" t="s">
        <v>532</v>
      </c>
      <c r="G264" s="16">
        <v>51</v>
      </c>
      <c r="H264" s="16">
        <v>1</v>
      </c>
      <c r="I264" s="16">
        <v>28</v>
      </c>
      <c r="J264" s="16">
        <v>20</v>
      </c>
      <c r="K264" s="22" t="s">
        <v>268</v>
      </c>
      <c r="L264" s="16">
        <v>2</v>
      </c>
    </row>
    <row r="265" spans="1:12">
      <c r="A265" s="21" t="s">
        <v>232</v>
      </c>
      <c r="B265" s="21" t="s">
        <v>237</v>
      </c>
      <c r="C265" s="21" t="s">
        <v>264</v>
      </c>
      <c r="D265" s="21" t="s">
        <v>535</v>
      </c>
      <c r="E265" s="21" t="s">
        <v>215</v>
      </c>
      <c r="F265" s="21" t="s">
        <v>533</v>
      </c>
      <c r="G265" s="16">
        <v>971</v>
      </c>
      <c r="H265" s="22" t="s">
        <v>268</v>
      </c>
      <c r="I265" s="22" t="s">
        <v>268</v>
      </c>
      <c r="J265" s="22" t="s">
        <v>268</v>
      </c>
      <c r="K265" s="22" t="s">
        <v>268</v>
      </c>
      <c r="L265" s="16">
        <v>971</v>
      </c>
    </row>
    <row r="266" spans="1:12">
      <c r="A266" s="21" t="s">
        <v>232</v>
      </c>
      <c r="B266" s="21" t="s">
        <v>237</v>
      </c>
      <c r="C266" s="21" t="s">
        <v>264</v>
      </c>
      <c r="D266" s="21" t="s">
        <v>535</v>
      </c>
      <c r="E266" s="21" t="s">
        <v>215</v>
      </c>
      <c r="F266" s="21" t="s">
        <v>461</v>
      </c>
      <c r="G266" s="16">
        <v>224476</v>
      </c>
      <c r="H266" s="16">
        <v>8906</v>
      </c>
      <c r="I266" s="16">
        <v>208759</v>
      </c>
      <c r="J266" s="16">
        <v>1093</v>
      </c>
      <c r="K266" s="16">
        <v>5050</v>
      </c>
      <c r="L266" s="16">
        <v>668</v>
      </c>
    </row>
    <row r="267" spans="1:12">
      <c r="A267" s="21" t="s">
        <v>232</v>
      </c>
      <c r="B267" s="21" t="s">
        <v>237</v>
      </c>
      <c r="C267" s="21" t="s">
        <v>264</v>
      </c>
      <c r="D267" s="21" t="s">
        <v>535</v>
      </c>
      <c r="E267" s="21" t="s">
        <v>215</v>
      </c>
      <c r="F267" s="21" t="s">
        <v>462</v>
      </c>
      <c r="G267" s="16">
        <v>171295</v>
      </c>
      <c r="H267" s="16">
        <v>1955</v>
      </c>
      <c r="I267" s="16">
        <v>160035</v>
      </c>
      <c r="J267" s="16">
        <v>6639</v>
      </c>
      <c r="K267" s="16">
        <v>2238</v>
      </c>
      <c r="L267" s="16">
        <v>428</v>
      </c>
    </row>
    <row r="268" spans="1:12">
      <c r="A268" s="21" t="s">
        <v>232</v>
      </c>
      <c r="B268" s="21" t="s">
        <v>237</v>
      </c>
      <c r="C268" s="21" t="s">
        <v>264</v>
      </c>
      <c r="D268" s="21" t="s">
        <v>535</v>
      </c>
      <c r="E268" s="21" t="s">
        <v>215</v>
      </c>
      <c r="F268" s="21" t="s">
        <v>463</v>
      </c>
      <c r="G268" s="16">
        <v>75554</v>
      </c>
      <c r="H268" s="16">
        <v>282</v>
      </c>
      <c r="I268" s="16">
        <v>69870</v>
      </c>
      <c r="J268" s="16">
        <v>4700</v>
      </c>
      <c r="K268" s="16">
        <v>469</v>
      </c>
      <c r="L268" s="16">
        <v>233</v>
      </c>
    </row>
    <row r="269" spans="1:12">
      <c r="A269" s="21" t="s">
        <v>232</v>
      </c>
      <c r="B269" s="21" t="s">
        <v>237</v>
      </c>
      <c r="C269" s="21" t="s">
        <v>264</v>
      </c>
      <c r="D269" s="21" t="s">
        <v>535</v>
      </c>
      <c r="E269" s="21" t="s">
        <v>215</v>
      </c>
      <c r="F269" s="21" t="s">
        <v>464</v>
      </c>
      <c r="G269" s="16">
        <v>19418</v>
      </c>
      <c r="H269" s="16">
        <v>41</v>
      </c>
      <c r="I269" s="16">
        <v>16891</v>
      </c>
      <c r="J269" s="16">
        <v>2340</v>
      </c>
      <c r="K269" s="16">
        <v>63</v>
      </c>
      <c r="L269" s="16">
        <v>83</v>
      </c>
    </row>
    <row r="270" spans="1:12">
      <c r="A270" s="21" t="s">
        <v>232</v>
      </c>
      <c r="B270" s="21" t="s">
        <v>237</v>
      </c>
      <c r="C270" s="21" t="s">
        <v>264</v>
      </c>
      <c r="D270" s="21" t="s">
        <v>535</v>
      </c>
      <c r="E270" s="21" t="s">
        <v>215</v>
      </c>
      <c r="F270" s="21" t="s">
        <v>431</v>
      </c>
      <c r="G270" s="16">
        <v>271922</v>
      </c>
      <c r="H270" s="16">
        <v>9998</v>
      </c>
      <c r="I270" s="16">
        <v>253162</v>
      </c>
      <c r="J270" s="16">
        <v>1923</v>
      </c>
      <c r="K270" s="16">
        <v>6080</v>
      </c>
      <c r="L270" s="16">
        <v>759</v>
      </c>
    </row>
    <row r="271" spans="1:12">
      <c r="A271" s="21" t="s">
        <v>232</v>
      </c>
      <c r="B271" s="21" t="s">
        <v>237</v>
      </c>
      <c r="C271" s="21" t="s">
        <v>264</v>
      </c>
      <c r="D271" s="21" t="s">
        <v>536</v>
      </c>
      <c r="E271" s="21" t="s">
        <v>215</v>
      </c>
      <c r="F271" s="21" t="s">
        <v>401</v>
      </c>
      <c r="G271" s="16">
        <v>114719</v>
      </c>
      <c r="H271" s="16">
        <v>50591</v>
      </c>
      <c r="I271" s="16">
        <v>11366</v>
      </c>
      <c r="J271" s="16">
        <v>10116</v>
      </c>
      <c r="K271" s="16">
        <v>17033</v>
      </c>
      <c r="L271" s="16">
        <v>25613</v>
      </c>
    </row>
    <row r="272" spans="1:12">
      <c r="A272" s="21" t="s">
        <v>232</v>
      </c>
      <c r="B272" s="21" t="s">
        <v>237</v>
      </c>
      <c r="C272" s="21" t="s">
        <v>264</v>
      </c>
      <c r="D272" s="21" t="s">
        <v>536</v>
      </c>
      <c r="E272" s="21" t="s">
        <v>215</v>
      </c>
      <c r="F272" s="21" t="s">
        <v>514</v>
      </c>
      <c r="G272" s="16">
        <v>4</v>
      </c>
      <c r="H272" s="16">
        <v>4</v>
      </c>
      <c r="I272" s="22" t="s">
        <v>268</v>
      </c>
      <c r="J272" s="22" t="s">
        <v>268</v>
      </c>
      <c r="K272" s="22" t="s">
        <v>268</v>
      </c>
      <c r="L272" s="22" t="s">
        <v>268</v>
      </c>
    </row>
    <row r="273" spans="1:12">
      <c r="A273" s="21" t="s">
        <v>232</v>
      </c>
      <c r="B273" s="21" t="s">
        <v>237</v>
      </c>
      <c r="C273" s="21" t="s">
        <v>264</v>
      </c>
      <c r="D273" s="21" t="s">
        <v>536</v>
      </c>
      <c r="E273" s="21" t="s">
        <v>215</v>
      </c>
      <c r="F273" s="21" t="s">
        <v>515</v>
      </c>
      <c r="G273" s="16">
        <v>2209</v>
      </c>
      <c r="H273" s="16">
        <v>2073</v>
      </c>
      <c r="I273" s="16">
        <v>18</v>
      </c>
      <c r="J273" s="16">
        <v>2</v>
      </c>
      <c r="K273" s="22" t="s">
        <v>268</v>
      </c>
      <c r="L273" s="16">
        <v>116</v>
      </c>
    </row>
    <row r="274" spans="1:12">
      <c r="A274" s="21" t="s">
        <v>232</v>
      </c>
      <c r="B274" s="21" t="s">
        <v>237</v>
      </c>
      <c r="C274" s="21" t="s">
        <v>264</v>
      </c>
      <c r="D274" s="21" t="s">
        <v>536</v>
      </c>
      <c r="E274" s="21" t="s">
        <v>215</v>
      </c>
      <c r="F274" s="21" t="s">
        <v>516</v>
      </c>
      <c r="G274" s="16">
        <v>10230</v>
      </c>
      <c r="H274" s="16">
        <v>8863</v>
      </c>
      <c r="I274" s="16">
        <v>86</v>
      </c>
      <c r="J274" s="16">
        <v>2</v>
      </c>
      <c r="K274" s="16">
        <v>18</v>
      </c>
      <c r="L274" s="16">
        <v>1261</v>
      </c>
    </row>
    <row r="275" spans="1:12">
      <c r="A275" s="21" t="s">
        <v>232</v>
      </c>
      <c r="B275" s="21" t="s">
        <v>237</v>
      </c>
      <c r="C275" s="21" t="s">
        <v>264</v>
      </c>
      <c r="D275" s="21" t="s">
        <v>536</v>
      </c>
      <c r="E275" s="21" t="s">
        <v>215</v>
      </c>
      <c r="F275" s="21" t="s">
        <v>517</v>
      </c>
      <c r="G275" s="16">
        <v>8999</v>
      </c>
      <c r="H275" s="16">
        <v>6917</v>
      </c>
      <c r="I275" s="16">
        <v>312</v>
      </c>
      <c r="J275" s="22" t="s">
        <v>268</v>
      </c>
      <c r="K275" s="16">
        <v>120</v>
      </c>
      <c r="L275" s="16">
        <v>1650</v>
      </c>
    </row>
    <row r="276" spans="1:12">
      <c r="A276" s="21" t="s">
        <v>232</v>
      </c>
      <c r="B276" s="21" t="s">
        <v>237</v>
      </c>
      <c r="C276" s="21" t="s">
        <v>264</v>
      </c>
      <c r="D276" s="21" t="s">
        <v>536</v>
      </c>
      <c r="E276" s="21" t="s">
        <v>215</v>
      </c>
      <c r="F276" s="21" t="s">
        <v>518</v>
      </c>
      <c r="G276" s="16">
        <v>6771</v>
      </c>
      <c r="H276" s="16">
        <v>4482</v>
      </c>
      <c r="I276" s="16">
        <v>564</v>
      </c>
      <c r="J276" s="16">
        <v>3</v>
      </c>
      <c r="K276" s="16">
        <v>360</v>
      </c>
      <c r="L276" s="16">
        <v>1362</v>
      </c>
    </row>
    <row r="277" spans="1:12">
      <c r="A277" s="21" t="s">
        <v>232</v>
      </c>
      <c r="B277" s="21" t="s">
        <v>237</v>
      </c>
      <c r="C277" s="21" t="s">
        <v>264</v>
      </c>
      <c r="D277" s="21" t="s">
        <v>536</v>
      </c>
      <c r="E277" s="21" t="s">
        <v>215</v>
      </c>
      <c r="F277" s="21" t="s">
        <v>519</v>
      </c>
      <c r="G277" s="16">
        <v>6141</v>
      </c>
      <c r="H277" s="16">
        <v>3465</v>
      </c>
      <c r="I277" s="16">
        <v>730</v>
      </c>
      <c r="J277" s="16">
        <v>8</v>
      </c>
      <c r="K277" s="16">
        <v>639</v>
      </c>
      <c r="L277" s="16">
        <v>1299</v>
      </c>
    </row>
    <row r="278" spans="1:12">
      <c r="A278" s="21" t="s">
        <v>232</v>
      </c>
      <c r="B278" s="21" t="s">
        <v>237</v>
      </c>
      <c r="C278" s="21" t="s">
        <v>264</v>
      </c>
      <c r="D278" s="21" t="s">
        <v>536</v>
      </c>
      <c r="E278" s="21" t="s">
        <v>215</v>
      </c>
      <c r="F278" s="21" t="s">
        <v>520</v>
      </c>
      <c r="G278" s="16">
        <v>6492</v>
      </c>
      <c r="H278" s="16">
        <v>3345</v>
      </c>
      <c r="I278" s="16">
        <v>944</v>
      </c>
      <c r="J278" s="16">
        <v>17</v>
      </c>
      <c r="K278" s="16">
        <v>907</v>
      </c>
      <c r="L278" s="16">
        <v>1279</v>
      </c>
    </row>
    <row r="279" spans="1:12">
      <c r="A279" s="21" t="s">
        <v>232</v>
      </c>
      <c r="B279" s="21" t="s">
        <v>237</v>
      </c>
      <c r="C279" s="21" t="s">
        <v>264</v>
      </c>
      <c r="D279" s="21" t="s">
        <v>536</v>
      </c>
      <c r="E279" s="21" t="s">
        <v>215</v>
      </c>
      <c r="F279" s="21" t="s">
        <v>521</v>
      </c>
      <c r="G279" s="16">
        <v>7697</v>
      </c>
      <c r="H279" s="16">
        <v>3543</v>
      </c>
      <c r="I279" s="16">
        <v>1470</v>
      </c>
      <c r="J279" s="16">
        <v>42</v>
      </c>
      <c r="K279" s="16">
        <v>1306</v>
      </c>
      <c r="L279" s="16">
        <v>1336</v>
      </c>
    </row>
    <row r="280" spans="1:12">
      <c r="A280" s="21" t="s">
        <v>232</v>
      </c>
      <c r="B280" s="21" t="s">
        <v>237</v>
      </c>
      <c r="C280" s="21" t="s">
        <v>264</v>
      </c>
      <c r="D280" s="21" t="s">
        <v>536</v>
      </c>
      <c r="E280" s="21" t="s">
        <v>215</v>
      </c>
      <c r="F280" s="21" t="s">
        <v>522</v>
      </c>
      <c r="G280" s="16">
        <v>7593</v>
      </c>
      <c r="H280" s="16">
        <v>3226</v>
      </c>
      <c r="I280" s="16">
        <v>1620</v>
      </c>
      <c r="J280" s="16">
        <v>93</v>
      </c>
      <c r="K280" s="16">
        <v>1525</v>
      </c>
      <c r="L280" s="16">
        <v>1129</v>
      </c>
    </row>
    <row r="281" spans="1:12">
      <c r="A281" s="21" t="s">
        <v>232</v>
      </c>
      <c r="B281" s="21" t="s">
        <v>237</v>
      </c>
      <c r="C281" s="21" t="s">
        <v>264</v>
      </c>
      <c r="D281" s="21" t="s">
        <v>536</v>
      </c>
      <c r="E281" s="21" t="s">
        <v>215</v>
      </c>
      <c r="F281" s="21" t="s">
        <v>523</v>
      </c>
      <c r="G281" s="16">
        <v>8127</v>
      </c>
      <c r="H281" s="16">
        <v>3356</v>
      </c>
      <c r="I281" s="16">
        <v>1677</v>
      </c>
      <c r="J281" s="16">
        <v>233</v>
      </c>
      <c r="K281" s="16">
        <v>1941</v>
      </c>
      <c r="L281" s="16">
        <v>920</v>
      </c>
    </row>
    <row r="282" spans="1:12">
      <c r="A282" s="21" t="s">
        <v>232</v>
      </c>
      <c r="B282" s="21" t="s">
        <v>237</v>
      </c>
      <c r="C282" s="21" t="s">
        <v>264</v>
      </c>
      <c r="D282" s="21" t="s">
        <v>536</v>
      </c>
      <c r="E282" s="21" t="s">
        <v>215</v>
      </c>
      <c r="F282" s="21" t="s">
        <v>524</v>
      </c>
      <c r="G282" s="16">
        <v>8781</v>
      </c>
      <c r="H282" s="16">
        <v>3863</v>
      </c>
      <c r="I282" s="16">
        <v>1079</v>
      </c>
      <c r="J282" s="16">
        <v>501</v>
      </c>
      <c r="K282" s="16">
        <v>2452</v>
      </c>
      <c r="L282" s="16">
        <v>886</v>
      </c>
    </row>
    <row r="283" spans="1:12">
      <c r="A283" s="21" t="s">
        <v>232</v>
      </c>
      <c r="B283" s="21" t="s">
        <v>237</v>
      </c>
      <c r="C283" s="21" t="s">
        <v>264</v>
      </c>
      <c r="D283" s="21" t="s">
        <v>536</v>
      </c>
      <c r="E283" s="21" t="s">
        <v>215</v>
      </c>
      <c r="F283" s="21" t="s">
        <v>525</v>
      </c>
      <c r="G283" s="16">
        <v>9731</v>
      </c>
      <c r="H283" s="16">
        <v>3856</v>
      </c>
      <c r="I283" s="16">
        <v>821</v>
      </c>
      <c r="J283" s="16">
        <v>1034</v>
      </c>
      <c r="K283" s="16">
        <v>3163</v>
      </c>
      <c r="L283" s="16">
        <v>857</v>
      </c>
    </row>
    <row r="284" spans="1:12">
      <c r="A284" s="21" t="s">
        <v>232</v>
      </c>
      <c r="B284" s="21" t="s">
        <v>237</v>
      </c>
      <c r="C284" s="21" t="s">
        <v>264</v>
      </c>
      <c r="D284" s="21" t="s">
        <v>536</v>
      </c>
      <c r="E284" s="21" t="s">
        <v>215</v>
      </c>
      <c r="F284" s="21" t="s">
        <v>526</v>
      </c>
      <c r="G284" s="16">
        <v>8108</v>
      </c>
      <c r="H284" s="16">
        <v>2428</v>
      </c>
      <c r="I284" s="16">
        <v>667</v>
      </c>
      <c r="J284" s="16">
        <v>1659</v>
      </c>
      <c r="K284" s="16">
        <v>2638</v>
      </c>
      <c r="L284" s="16">
        <v>716</v>
      </c>
    </row>
    <row r="285" spans="1:12">
      <c r="A285" s="21" t="s">
        <v>232</v>
      </c>
      <c r="B285" s="21" t="s">
        <v>237</v>
      </c>
      <c r="C285" s="21" t="s">
        <v>264</v>
      </c>
      <c r="D285" s="21" t="s">
        <v>536</v>
      </c>
      <c r="E285" s="21" t="s">
        <v>215</v>
      </c>
      <c r="F285" s="21" t="s">
        <v>527</v>
      </c>
      <c r="G285" s="16">
        <v>4551</v>
      </c>
      <c r="H285" s="16">
        <v>767</v>
      </c>
      <c r="I285" s="16">
        <v>438</v>
      </c>
      <c r="J285" s="16">
        <v>1736</v>
      </c>
      <c r="K285" s="16">
        <v>1217</v>
      </c>
      <c r="L285" s="16">
        <v>393</v>
      </c>
    </row>
    <row r="286" spans="1:12">
      <c r="A286" s="21" t="s">
        <v>232</v>
      </c>
      <c r="B286" s="21" t="s">
        <v>237</v>
      </c>
      <c r="C286" s="21" t="s">
        <v>264</v>
      </c>
      <c r="D286" s="21" t="s">
        <v>536</v>
      </c>
      <c r="E286" s="21" t="s">
        <v>215</v>
      </c>
      <c r="F286" s="21" t="s">
        <v>528</v>
      </c>
      <c r="G286" s="16">
        <v>3407</v>
      </c>
      <c r="H286" s="16">
        <v>293</v>
      </c>
      <c r="I286" s="16">
        <v>399</v>
      </c>
      <c r="J286" s="16">
        <v>1912</v>
      </c>
      <c r="K286" s="16">
        <v>541</v>
      </c>
      <c r="L286" s="16">
        <v>262</v>
      </c>
    </row>
    <row r="287" spans="1:12">
      <c r="A287" s="21" t="s">
        <v>232</v>
      </c>
      <c r="B287" s="21" t="s">
        <v>237</v>
      </c>
      <c r="C287" s="21" t="s">
        <v>264</v>
      </c>
      <c r="D287" s="21" t="s">
        <v>536</v>
      </c>
      <c r="E287" s="21" t="s">
        <v>215</v>
      </c>
      <c r="F287" s="21" t="s">
        <v>529</v>
      </c>
      <c r="G287" s="16">
        <v>2495</v>
      </c>
      <c r="H287" s="16">
        <v>83</v>
      </c>
      <c r="I287" s="16">
        <v>333</v>
      </c>
      <c r="J287" s="16">
        <v>1734</v>
      </c>
      <c r="K287" s="16">
        <v>174</v>
      </c>
      <c r="L287" s="16">
        <v>171</v>
      </c>
    </row>
    <row r="288" spans="1:12">
      <c r="A288" s="21" t="s">
        <v>232</v>
      </c>
      <c r="B288" s="21" t="s">
        <v>237</v>
      </c>
      <c r="C288" s="21" t="s">
        <v>264</v>
      </c>
      <c r="D288" s="21" t="s">
        <v>536</v>
      </c>
      <c r="E288" s="21" t="s">
        <v>215</v>
      </c>
      <c r="F288" s="21" t="s">
        <v>530</v>
      </c>
      <c r="G288" s="16">
        <v>1197</v>
      </c>
      <c r="H288" s="16">
        <v>24</v>
      </c>
      <c r="I288" s="16">
        <v>177</v>
      </c>
      <c r="J288" s="16">
        <v>929</v>
      </c>
      <c r="K288" s="16">
        <v>30</v>
      </c>
      <c r="L288" s="16">
        <v>37</v>
      </c>
    </row>
    <row r="289" spans="1:12">
      <c r="A289" s="21" t="s">
        <v>232</v>
      </c>
      <c r="B289" s="21" t="s">
        <v>237</v>
      </c>
      <c r="C289" s="21" t="s">
        <v>264</v>
      </c>
      <c r="D289" s="21" t="s">
        <v>536</v>
      </c>
      <c r="E289" s="21" t="s">
        <v>215</v>
      </c>
      <c r="F289" s="21" t="s">
        <v>531</v>
      </c>
      <c r="G289" s="16">
        <v>235</v>
      </c>
      <c r="H289" s="16">
        <v>3</v>
      </c>
      <c r="I289" s="16">
        <v>30</v>
      </c>
      <c r="J289" s="16">
        <v>192</v>
      </c>
      <c r="K289" s="16">
        <v>2</v>
      </c>
      <c r="L289" s="16">
        <v>8</v>
      </c>
    </row>
    <row r="290" spans="1:12">
      <c r="A290" s="21" t="s">
        <v>232</v>
      </c>
      <c r="B290" s="21" t="s">
        <v>237</v>
      </c>
      <c r="C290" s="21" t="s">
        <v>264</v>
      </c>
      <c r="D290" s="21" t="s">
        <v>536</v>
      </c>
      <c r="E290" s="21" t="s">
        <v>215</v>
      </c>
      <c r="F290" s="21" t="s">
        <v>532</v>
      </c>
      <c r="G290" s="16">
        <v>21</v>
      </c>
      <c r="H290" s="22" t="s">
        <v>268</v>
      </c>
      <c r="I290" s="16">
        <v>1</v>
      </c>
      <c r="J290" s="16">
        <v>19</v>
      </c>
      <c r="K290" s="22" t="s">
        <v>268</v>
      </c>
      <c r="L290" s="16">
        <v>1</v>
      </c>
    </row>
    <row r="291" spans="1:12">
      <c r="A291" s="21" t="s">
        <v>232</v>
      </c>
      <c r="B291" s="21" t="s">
        <v>237</v>
      </c>
      <c r="C291" s="21" t="s">
        <v>264</v>
      </c>
      <c r="D291" s="21" t="s">
        <v>536</v>
      </c>
      <c r="E291" s="21" t="s">
        <v>215</v>
      </c>
      <c r="F291" s="21" t="s">
        <v>533</v>
      </c>
      <c r="G291" s="16">
        <v>11930</v>
      </c>
      <c r="H291" s="22" t="s">
        <v>268</v>
      </c>
      <c r="I291" s="22" t="s">
        <v>268</v>
      </c>
      <c r="J291" s="22" t="s">
        <v>268</v>
      </c>
      <c r="K291" s="22" t="s">
        <v>268</v>
      </c>
      <c r="L291" s="16">
        <v>11930</v>
      </c>
    </row>
    <row r="292" spans="1:12">
      <c r="A292" s="21" t="s">
        <v>232</v>
      </c>
      <c r="B292" s="21" t="s">
        <v>237</v>
      </c>
      <c r="C292" s="21" t="s">
        <v>264</v>
      </c>
      <c r="D292" s="21" t="s">
        <v>536</v>
      </c>
      <c r="E292" s="21" t="s">
        <v>215</v>
      </c>
      <c r="F292" s="21" t="s">
        <v>461</v>
      </c>
      <c r="G292" s="16">
        <v>73040</v>
      </c>
      <c r="H292" s="16">
        <v>43133</v>
      </c>
      <c r="I292" s="16">
        <v>8500</v>
      </c>
      <c r="J292" s="16">
        <v>901</v>
      </c>
      <c r="K292" s="16">
        <v>9268</v>
      </c>
      <c r="L292" s="16">
        <v>11238</v>
      </c>
    </row>
    <row r="293" spans="1:12">
      <c r="A293" s="21" t="s">
        <v>232</v>
      </c>
      <c r="B293" s="21" t="s">
        <v>237</v>
      </c>
      <c r="C293" s="21" t="s">
        <v>264</v>
      </c>
      <c r="D293" s="21" t="s">
        <v>536</v>
      </c>
      <c r="E293" s="21" t="s">
        <v>215</v>
      </c>
      <c r="F293" s="21" t="s">
        <v>462</v>
      </c>
      <c r="G293" s="16">
        <v>29745</v>
      </c>
      <c r="H293" s="16">
        <v>7454</v>
      </c>
      <c r="I293" s="16">
        <v>2866</v>
      </c>
      <c r="J293" s="16">
        <v>9215</v>
      </c>
      <c r="K293" s="16">
        <v>7765</v>
      </c>
      <c r="L293" s="16">
        <v>2445</v>
      </c>
    </row>
    <row r="294" spans="1:12">
      <c r="A294" s="21" t="s">
        <v>232</v>
      </c>
      <c r="B294" s="21" t="s">
        <v>237</v>
      </c>
      <c r="C294" s="21" t="s">
        <v>264</v>
      </c>
      <c r="D294" s="21" t="s">
        <v>536</v>
      </c>
      <c r="E294" s="21" t="s">
        <v>215</v>
      </c>
      <c r="F294" s="21" t="s">
        <v>463</v>
      </c>
      <c r="G294" s="16">
        <v>11906</v>
      </c>
      <c r="H294" s="16">
        <v>1170</v>
      </c>
      <c r="I294" s="16">
        <v>1378</v>
      </c>
      <c r="J294" s="16">
        <v>6522</v>
      </c>
      <c r="K294" s="16">
        <v>1964</v>
      </c>
      <c r="L294" s="16">
        <v>872</v>
      </c>
    </row>
    <row r="295" spans="1:12">
      <c r="A295" s="21" t="s">
        <v>232</v>
      </c>
      <c r="B295" s="21" t="s">
        <v>237</v>
      </c>
      <c r="C295" s="21" t="s">
        <v>264</v>
      </c>
      <c r="D295" s="21" t="s">
        <v>536</v>
      </c>
      <c r="E295" s="21" t="s">
        <v>215</v>
      </c>
      <c r="F295" s="21" t="s">
        <v>464</v>
      </c>
      <c r="G295" s="16">
        <v>3948</v>
      </c>
      <c r="H295" s="16">
        <v>110</v>
      </c>
      <c r="I295" s="16">
        <v>541</v>
      </c>
      <c r="J295" s="16">
        <v>2874</v>
      </c>
      <c r="K295" s="16">
        <v>206</v>
      </c>
      <c r="L295" s="16">
        <v>217</v>
      </c>
    </row>
    <row r="296" spans="1:12">
      <c r="A296" s="21" t="s">
        <v>232</v>
      </c>
      <c r="B296" s="21" t="s">
        <v>237</v>
      </c>
      <c r="C296" s="21" t="s">
        <v>264</v>
      </c>
      <c r="D296" s="21" t="s">
        <v>536</v>
      </c>
      <c r="E296" s="21" t="s">
        <v>215</v>
      </c>
      <c r="F296" s="21" t="s">
        <v>431</v>
      </c>
      <c r="G296" s="16">
        <v>80562</v>
      </c>
      <c r="H296" s="16">
        <v>44916</v>
      </c>
      <c r="I296" s="16">
        <v>9303</v>
      </c>
      <c r="J296" s="16">
        <v>1933</v>
      </c>
      <c r="K296" s="16">
        <v>12431</v>
      </c>
      <c r="L296" s="16">
        <v>11979</v>
      </c>
    </row>
    <row r="297" spans="1:12">
      <c r="A297" s="21" t="s">
        <v>232</v>
      </c>
      <c r="B297" s="21" t="s">
        <v>237</v>
      </c>
      <c r="C297" s="21" t="s">
        <v>264</v>
      </c>
      <c r="D297" s="21" t="s">
        <v>218</v>
      </c>
      <c r="E297" s="21" t="s">
        <v>215</v>
      </c>
      <c r="F297" s="21" t="s">
        <v>401</v>
      </c>
      <c r="G297" s="16">
        <v>21886</v>
      </c>
      <c r="H297" s="16">
        <v>10998</v>
      </c>
      <c r="I297" s="16">
        <v>4529</v>
      </c>
      <c r="J297" s="16">
        <v>3048</v>
      </c>
      <c r="K297" s="16">
        <v>1565</v>
      </c>
      <c r="L297" s="16">
        <v>1746</v>
      </c>
    </row>
    <row r="298" spans="1:12">
      <c r="A298" s="21" t="s">
        <v>232</v>
      </c>
      <c r="B298" s="21" t="s">
        <v>237</v>
      </c>
      <c r="C298" s="21" t="s">
        <v>264</v>
      </c>
      <c r="D298" s="21" t="s">
        <v>218</v>
      </c>
      <c r="E298" s="21" t="s">
        <v>215</v>
      </c>
      <c r="F298" s="21" t="s">
        <v>514</v>
      </c>
      <c r="G298" s="16">
        <v>493</v>
      </c>
      <c r="H298" s="16">
        <v>493</v>
      </c>
      <c r="I298" s="22" t="s">
        <v>268</v>
      </c>
      <c r="J298" s="22" t="s">
        <v>268</v>
      </c>
      <c r="K298" s="22" t="s">
        <v>268</v>
      </c>
      <c r="L298" s="22" t="s">
        <v>268</v>
      </c>
    </row>
    <row r="299" spans="1:12">
      <c r="A299" s="21" t="s">
        <v>232</v>
      </c>
      <c r="B299" s="21" t="s">
        <v>237</v>
      </c>
      <c r="C299" s="21" t="s">
        <v>264</v>
      </c>
      <c r="D299" s="21" t="s">
        <v>218</v>
      </c>
      <c r="E299" s="21" t="s">
        <v>215</v>
      </c>
      <c r="F299" s="21" t="s">
        <v>515</v>
      </c>
      <c r="G299" s="16">
        <v>2880</v>
      </c>
      <c r="H299" s="16">
        <v>2871</v>
      </c>
      <c r="I299" s="16">
        <v>5</v>
      </c>
      <c r="J299" s="22" t="s">
        <v>268</v>
      </c>
      <c r="K299" s="22" t="s">
        <v>268</v>
      </c>
      <c r="L299" s="16">
        <v>4</v>
      </c>
    </row>
    <row r="300" spans="1:12">
      <c r="A300" s="21" t="s">
        <v>232</v>
      </c>
      <c r="B300" s="21" t="s">
        <v>237</v>
      </c>
      <c r="C300" s="21" t="s">
        <v>264</v>
      </c>
      <c r="D300" s="21" t="s">
        <v>218</v>
      </c>
      <c r="E300" s="21" t="s">
        <v>215</v>
      </c>
      <c r="F300" s="21" t="s">
        <v>516</v>
      </c>
      <c r="G300" s="16">
        <v>1079</v>
      </c>
      <c r="H300" s="16">
        <v>1045</v>
      </c>
      <c r="I300" s="16">
        <v>17</v>
      </c>
      <c r="J300" s="22" t="s">
        <v>268</v>
      </c>
      <c r="K300" s="16">
        <v>4</v>
      </c>
      <c r="L300" s="16">
        <v>13</v>
      </c>
    </row>
    <row r="301" spans="1:12">
      <c r="A301" s="21" t="s">
        <v>232</v>
      </c>
      <c r="B301" s="21" t="s">
        <v>237</v>
      </c>
      <c r="C301" s="21" t="s">
        <v>264</v>
      </c>
      <c r="D301" s="21" t="s">
        <v>218</v>
      </c>
      <c r="E301" s="21" t="s">
        <v>215</v>
      </c>
      <c r="F301" s="21" t="s">
        <v>517</v>
      </c>
      <c r="G301" s="16">
        <v>524</v>
      </c>
      <c r="H301" s="16">
        <v>482</v>
      </c>
      <c r="I301" s="16">
        <v>21</v>
      </c>
      <c r="J301" s="16">
        <v>1</v>
      </c>
      <c r="K301" s="16">
        <v>8</v>
      </c>
      <c r="L301" s="16">
        <v>12</v>
      </c>
    </row>
    <row r="302" spans="1:12">
      <c r="A302" s="21" t="s">
        <v>232</v>
      </c>
      <c r="B302" s="21" t="s">
        <v>237</v>
      </c>
      <c r="C302" s="21" t="s">
        <v>264</v>
      </c>
      <c r="D302" s="21" t="s">
        <v>218</v>
      </c>
      <c r="E302" s="21" t="s">
        <v>215</v>
      </c>
      <c r="F302" s="21" t="s">
        <v>518</v>
      </c>
      <c r="G302" s="16">
        <v>406</v>
      </c>
      <c r="H302" s="16">
        <v>370</v>
      </c>
      <c r="I302" s="16">
        <v>15</v>
      </c>
      <c r="J302" s="22" t="s">
        <v>268</v>
      </c>
      <c r="K302" s="16">
        <v>13</v>
      </c>
      <c r="L302" s="16">
        <v>8</v>
      </c>
    </row>
    <row r="303" spans="1:12">
      <c r="A303" s="21" t="s">
        <v>232</v>
      </c>
      <c r="B303" s="21" t="s">
        <v>237</v>
      </c>
      <c r="C303" s="21" t="s">
        <v>264</v>
      </c>
      <c r="D303" s="21" t="s">
        <v>218</v>
      </c>
      <c r="E303" s="21" t="s">
        <v>215</v>
      </c>
      <c r="F303" s="21" t="s">
        <v>519</v>
      </c>
      <c r="G303" s="16">
        <v>435</v>
      </c>
      <c r="H303" s="16">
        <v>360</v>
      </c>
      <c r="I303" s="16">
        <v>32</v>
      </c>
      <c r="J303" s="22" t="s">
        <v>268</v>
      </c>
      <c r="K303" s="16">
        <v>29</v>
      </c>
      <c r="L303" s="16">
        <v>14</v>
      </c>
    </row>
    <row r="304" spans="1:12">
      <c r="A304" s="21" t="s">
        <v>232</v>
      </c>
      <c r="B304" s="21" t="s">
        <v>237</v>
      </c>
      <c r="C304" s="21" t="s">
        <v>264</v>
      </c>
      <c r="D304" s="21" t="s">
        <v>218</v>
      </c>
      <c r="E304" s="21" t="s">
        <v>215</v>
      </c>
      <c r="F304" s="21" t="s">
        <v>520</v>
      </c>
      <c r="G304" s="16">
        <v>494</v>
      </c>
      <c r="H304" s="16">
        <v>405</v>
      </c>
      <c r="I304" s="16">
        <v>38</v>
      </c>
      <c r="J304" s="22" t="s">
        <v>268</v>
      </c>
      <c r="K304" s="16">
        <v>32</v>
      </c>
      <c r="L304" s="16">
        <v>19</v>
      </c>
    </row>
    <row r="305" spans="1:12">
      <c r="A305" s="21" t="s">
        <v>232</v>
      </c>
      <c r="B305" s="21" t="s">
        <v>237</v>
      </c>
      <c r="C305" s="21" t="s">
        <v>264</v>
      </c>
      <c r="D305" s="21" t="s">
        <v>218</v>
      </c>
      <c r="E305" s="21" t="s">
        <v>215</v>
      </c>
      <c r="F305" s="21" t="s">
        <v>521</v>
      </c>
      <c r="G305" s="16">
        <v>584</v>
      </c>
      <c r="H305" s="16">
        <v>477</v>
      </c>
      <c r="I305" s="16">
        <v>39</v>
      </c>
      <c r="J305" s="22" t="s">
        <v>268</v>
      </c>
      <c r="K305" s="16">
        <v>44</v>
      </c>
      <c r="L305" s="16">
        <v>24</v>
      </c>
    </row>
    <row r="306" spans="1:12">
      <c r="A306" s="21" t="s">
        <v>232</v>
      </c>
      <c r="B306" s="21" t="s">
        <v>237</v>
      </c>
      <c r="C306" s="21" t="s">
        <v>264</v>
      </c>
      <c r="D306" s="21" t="s">
        <v>218</v>
      </c>
      <c r="E306" s="21" t="s">
        <v>215</v>
      </c>
      <c r="F306" s="21" t="s">
        <v>522</v>
      </c>
      <c r="G306" s="16">
        <v>672</v>
      </c>
      <c r="H306" s="16">
        <v>527</v>
      </c>
      <c r="I306" s="16">
        <v>35</v>
      </c>
      <c r="J306" s="16">
        <v>4</v>
      </c>
      <c r="K306" s="16">
        <v>75</v>
      </c>
      <c r="L306" s="16">
        <v>31</v>
      </c>
    </row>
    <row r="307" spans="1:12">
      <c r="A307" s="21" t="s">
        <v>232</v>
      </c>
      <c r="B307" s="21" t="s">
        <v>237</v>
      </c>
      <c r="C307" s="21" t="s">
        <v>264</v>
      </c>
      <c r="D307" s="21" t="s">
        <v>218</v>
      </c>
      <c r="E307" s="21" t="s">
        <v>215</v>
      </c>
      <c r="F307" s="21" t="s">
        <v>523</v>
      </c>
      <c r="G307" s="16">
        <v>756</v>
      </c>
      <c r="H307" s="16">
        <v>566</v>
      </c>
      <c r="I307" s="16">
        <v>55</v>
      </c>
      <c r="J307" s="16">
        <v>4</v>
      </c>
      <c r="K307" s="16">
        <v>96</v>
      </c>
      <c r="L307" s="16">
        <v>35</v>
      </c>
    </row>
    <row r="308" spans="1:12">
      <c r="A308" s="21" t="s">
        <v>232</v>
      </c>
      <c r="B308" s="21" t="s">
        <v>237</v>
      </c>
      <c r="C308" s="21" t="s">
        <v>264</v>
      </c>
      <c r="D308" s="21" t="s">
        <v>218</v>
      </c>
      <c r="E308" s="21" t="s">
        <v>215</v>
      </c>
      <c r="F308" s="21" t="s">
        <v>524</v>
      </c>
      <c r="G308" s="16">
        <v>1042</v>
      </c>
      <c r="H308" s="16">
        <v>721</v>
      </c>
      <c r="I308" s="16">
        <v>105</v>
      </c>
      <c r="J308" s="16">
        <v>16</v>
      </c>
      <c r="K308" s="16">
        <v>129</v>
      </c>
      <c r="L308" s="16">
        <v>71</v>
      </c>
    </row>
    <row r="309" spans="1:12">
      <c r="A309" s="21" t="s">
        <v>232</v>
      </c>
      <c r="B309" s="21" t="s">
        <v>237</v>
      </c>
      <c r="C309" s="21" t="s">
        <v>264</v>
      </c>
      <c r="D309" s="21" t="s">
        <v>218</v>
      </c>
      <c r="E309" s="21" t="s">
        <v>215</v>
      </c>
      <c r="F309" s="21" t="s">
        <v>525</v>
      </c>
      <c r="G309" s="16">
        <v>1529</v>
      </c>
      <c r="H309" s="16">
        <v>904</v>
      </c>
      <c r="I309" s="16">
        <v>190</v>
      </c>
      <c r="J309" s="16">
        <v>58</v>
      </c>
      <c r="K309" s="16">
        <v>247</v>
      </c>
      <c r="L309" s="16">
        <v>130</v>
      </c>
    </row>
    <row r="310" spans="1:12">
      <c r="A310" s="21" t="s">
        <v>232</v>
      </c>
      <c r="B310" s="21" t="s">
        <v>237</v>
      </c>
      <c r="C310" s="21" t="s">
        <v>264</v>
      </c>
      <c r="D310" s="21" t="s">
        <v>218</v>
      </c>
      <c r="E310" s="21" t="s">
        <v>215</v>
      </c>
      <c r="F310" s="21" t="s">
        <v>526</v>
      </c>
      <c r="G310" s="16">
        <v>1817</v>
      </c>
      <c r="H310" s="16">
        <v>834</v>
      </c>
      <c r="I310" s="16">
        <v>395</v>
      </c>
      <c r="J310" s="16">
        <v>117</v>
      </c>
      <c r="K310" s="16">
        <v>291</v>
      </c>
      <c r="L310" s="16">
        <v>180</v>
      </c>
    </row>
    <row r="311" spans="1:12">
      <c r="A311" s="21" t="s">
        <v>232</v>
      </c>
      <c r="B311" s="21" t="s">
        <v>237</v>
      </c>
      <c r="C311" s="21" t="s">
        <v>264</v>
      </c>
      <c r="D311" s="21" t="s">
        <v>218</v>
      </c>
      <c r="E311" s="21" t="s">
        <v>215</v>
      </c>
      <c r="F311" s="21" t="s">
        <v>527</v>
      </c>
      <c r="G311" s="16">
        <v>1665</v>
      </c>
      <c r="H311" s="16">
        <v>470</v>
      </c>
      <c r="I311" s="16">
        <v>549</v>
      </c>
      <c r="J311" s="16">
        <v>228</v>
      </c>
      <c r="K311" s="16">
        <v>247</v>
      </c>
      <c r="L311" s="16">
        <v>171</v>
      </c>
    </row>
    <row r="312" spans="1:12">
      <c r="A312" s="21" t="s">
        <v>232</v>
      </c>
      <c r="B312" s="21" t="s">
        <v>237</v>
      </c>
      <c r="C312" s="21" t="s">
        <v>264</v>
      </c>
      <c r="D312" s="21" t="s">
        <v>218</v>
      </c>
      <c r="E312" s="21" t="s">
        <v>215</v>
      </c>
      <c r="F312" s="21" t="s">
        <v>528</v>
      </c>
      <c r="G312" s="16">
        <v>2088</v>
      </c>
      <c r="H312" s="16">
        <v>273</v>
      </c>
      <c r="I312" s="16">
        <v>922</v>
      </c>
      <c r="J312" s="16">
        <v>461</v>
      </c>
      <c r="K312" s="16">
        <v>192</v>
      </c>
      <c r="L312" s="16">
        <v>240</v>
      </c>
    </row>
    <row r="313" spans="1:12">
      <c r="A313" s="21" t="s">
        <v>232</v>
      </c>
      <c r="B313" s="21" t="s">
        <v>237</v>
      </c>
      <c r="C313" s="21" t="s">
        <v>264</v>
      </c>
      <c r="D313" s="21" t="s">
        <v>218</v>
      </c>
      <c r="E313" s="21" t="s">
        <v>215</v>
      </c>
      <c r="F313" s="21" t="s">
        <v>529</v>
      </c>
      <c r="G313" s="16">
        <v>2695</v>
      </c>
      <c r="H313" s="16">
        <v>140</v>
      </c>
      <c r="I313" s="16">
        <v>1212</v>
      </c>
      <c r="J313" s="16">
        <v>886</v>
      </c>
      <c r="K313" s="16">
        <v>106</v>
      </c>
      <c r="L313" s="16">
        <v>351</v>
      </c>
    </row>
    <row r="314" spans="1:12">
      <c r="A314" s="21" t="s">
        <v>232</v>
      </c>
      <c r="B314" s="21" t="s">
        <v>237</v>
      </c>
      <c r="C314" s="21" t="s">
        <v>264</v>
      </c>
      <c r="D314" s="21" t="s">
        <v>218</v>
      </c>
      <c r="E314" s="21" t="s">
        <v>215</v>
      </c>
      <c r="F314" s="21" t="s">
        <v>530</v>
      </c>
      <c r="G314" s="16">
        <v>1907</v>
      </c>
      <c r="H314" s="16">
        <v>47</v>
      </c>
      <c r="I314" s="16">
        <v>726</v>
      </c>
      <c r="J314" s="16">
        <v>860</v>
      </c>
      <c r="K314" s="16">
        <v>46</v>
      </c>
      <c r="L314" s="16">
        <v>228</v>
      </c>
    </row>
    <row r="315" spans="1:12">
      <c r="A315" s="21" t="s">
        <v>232</v>
      </c>
      <c r="B315" s="21" t="s">
        <v>237</v>
      </c>
      <c r="C315" s="21" t="s">
        <v>264</v>
      </c>
      <c r="D315" s="21" t="s">
        <v>218</v>
      </c>
      <c r="E315" s="21" t="s">
        <v>215</v>
      </c>
      <c r="F315" s="21" t="s">
        <v>531</v>
      </c>
      <c r="G315" s="16">
        <v>592</v>
      </c>
      <c r="H315" s="16">
        <v>11</v>
      </c>
      <c r="I315" s="16">
        <v>152</v>
      </c>
      <c r="J315" s="16">
        <v>347</v>
      </c>
      <c r="K315" s="16">
        <v>6</v>
      </c>
      <c r="L315" s="16">
        <v>76</v>
      </c>
    </row>
    <row r="316" spans="1:12">
      <c r="A316" s="21" t="s">
        <v>232</v>
      </c>
      <c r="B316" s="21" t="s">
        <v>237</v>
      </c>
      <c r="C316" s="21" t="s">
        <v>264</v>
      </c>
      <c r="D316" s="21" t="s">
        <v>218</v>
      </c>
      <c r="E316" s="21" t="s">
        <v>215</v>
      </c>
      <c r="F316" s="21" t="s">
        <v>532</v>
      </c>
      <c r="G316" s="16">
        <v>101</v>
      </c>
      <c r="H316" s="16">
        <v>2</v>
      </c>
      <c r="I316" s="16">
        <v>21</v>
      </c>
      <c r="J316" s="16">
        <v>66</v>
      </c>
      <c r="K316" s="22" t="s">
        <v>268</v>
      </c>
      <c r="L316" s="16">
        <v>12</v>
      </c>
    </row>
    <row r="317" spans="1:12">
      <c r="A317" s="21" t="s">
        <v>232</v>
      </c>
      <c r="B317" s="21" t="s">
        <v>237</v>
      </c>
      <c r="C317" s="21" t="s">
        <v>264</v>
      </c>
      <c r="D317" s="21" t="s">
        <v>218</v>
      </c>
      <c r="E317" s="21" t="s">
        <v>215</v>
      </c>
      <c r="F317" s="21" t="s">
        <v>533</v>
      </c>
      <c r="G317" s="16">
        <v>127</v>
      </c>
      <c r="H317" s="22" t="s">
        <v>268</v>
      </c>
      <c r="I317" s="22" t="s">
        <v>268</v>
      </c>
      <c r="J317" s="22" t="s">
        <v>268</v>
      </c>
      <c r="K317" s="22" t="s">
        <v>268</v>
      </c>
      <c r="L317" s="16">
        <v>127</v>
      </c>
    </row>
    <row r="318" spans="1:12">
      <c r="A318" s="21" t="s">
        <v>232</v>
      </c>
      <c r="B318" s="21" t="s">
        <v>237</v>
      </c>
      <c r="C318" s="21" t="s">
        <v>264</v>
      </c>
      <c r="D318" s="21" t="s">
        <v>218</v>
      </c>
      <c r="E318" s="21" t="s">
        <v>215</v>
      </c>
      <c r="F318" s="21" t="s">
        <v>461</v>
      </c>
      <c r="G318" s="16">
        <v>8872</v>
      </c>
      <c r="H318" s="16">
        <v>7824</v>
      </c>
      <c r="I318" s="16">
        <v>362</v>
      </c>
      <c r="J318" s="16">
        <v>25</v>
      </c>
      <c r="K318" s="16">
        <v>430</v>
      </c>
      <c r="L318" s="16">
        <v>231</v>
      </c>
    </row>
    <row r="319" spans="1:12">
      <c r="A319" s="21" t="s">
        <v>232</v>
      </c>
      <c r="B319" s="21" t="s">
        <v>237</v>
      </c>
      <c r="C319" s="21" t="s">
        <v>264</v>
      </c>
      <c r="D319" s="21" t="s">
        <v>218</v>
      </c>
      <c r="E319" s="21" t="s">
        <v>215</v>
      </c>
      <c r="F319" s="21" t="s">
        <v>462</v>
      </c>
      <c r="G319" s="16">
        <v>12394</v>
      </c>
      <c r="H319" s="16">
        <v>2681</v>
      </c>
      <c r="I319" s="16">
        <v>4167</v>
      </c>
      <c r="J319" s="16">
        <v>3023</v>
      </c>
      <c r="K319" s="16">
        <v>1135</v>
      </c>
      <c r="L319" s="16">
        <v>1388</v>
      </c>
    </row>
    <row r="320" spans="1:12">
      <c r="A320" s="21" t="s">
        <v>232</v>
      </c>
      <c r="B320" s="21" t="s">
        <v>237</v>
      </c>
      <c r="C320" s="21" t="s">
        <v>264</v>
      </c>
      <c r="D320" s="21" t="s">
        <v>218</v>
      </c>
      <c r="E320" s="21" t="s">
        <v>215</v>
      </c>
      <c r="F320" s="21" t="s">
        <v>463</v>
      </c>
      <c r="G320" s="16">
        <v>9048</v>
      </c>
      <c r="H320" s="16">
        <v>943</v>
      </c>
      <c r="I320" s="16">
        <v>3582</v>
      </c>
      <c r="J320" s="16">
        <v>2848</v>
      </c>
      <c r="K320" s="16">
        <v>597</v>
      </c>
      <c r="L320" s="16">
        <v>1078</v>
      </c>
    </row>
    <row r="321" spans="1:12">
      <c r="A321" s="21" t="s">
        <v>232</v>
      </c>
      <c r="B321" s="21" t="s">
        <v>237</v>
      </c>
      <c r="C321" s="21" t="s">
        <v>264</v>
      </c>
      <c r="D321" s="21" t="s">
        <v>218</v>
      </c>
      <c r="E321" s="21" t="s">
        <v>215</v>
      </c>
      <c r="F321" s="21" t="s">
        <v>464</v>
      </c>
      <c r="G321" s="16">
        <v>5295</v>
      </c>
      <c r="H321" s="16">
        <v>200</v>
      </c>
      <c r="I321" s="16">
        <v>2111</v>
      </c>
      <c r="J321" s="16">
        <v>2159</v>
      </c>
      <c r="K321" s="16">
        <v>158</v>
      </c>
      <c r="L321" s="16">
        <v>667</v>
      </c>
    </row>
    <row r="322" spans="1:12">
      <c r="A322" s="21" t="s">
        <v>232</v>
      </c>
      <c r="B322" s="21" t="s">
        <v>237</v>
      </c>
      <c r="C322" s="21" t="s">
        <v>264</v>
      </c>
      <c r="D322" s="21" t="s">
        <v>218</v>
      </c>
      <c r="E322" s="21" t="s">
        <v>215</v>
      </c>
      <c r="F322" s="21" t="s">
        <v>431</v>
      </c>
      <c r="G322" s="16">
        <v>7521</v>
      </c>
      <c r="H322" s="16">
        <v>5857</v>
      </c>
      <c r="I322" s="16">
        <v>547</v>
      </c>
      <c r="J322" s="16">
        <v>83</v>
      </c>
      <c r="K322" s="16">
        <v>677</v>
      </c>
      <c r="L322" s="16">
        <v>357</v>
      </c>
    </row>
    <row r="323" spans="1:12">
      <c r="A323" s="21" t="s">
        <v>240</v>
      </c>
      <c r="B323" s="21" t="s">
        <v>237</v>
      </c>
      <c r="C323" s="21" t="s">
        <v>265</v>
      </c>
      <c r="D323" s="21" t="s">
        <v>214</v>
      </c>
      <c r="E323" s="21" t="s">
        <v>215</v>
      </c>
      <c r="F323" s="21" t="s">
        <v>401</v>
      </c>
      <c r="G323" s="16">
        <v>57298</v>
      </c>
      <c r="H323" s="16">
        <v>21220</v>
      </c>
      <c r="I323" s="16">
        <v>29755</v>
      </c>
      <c r="J323" s="16">
        <v>1992</v>
      </c>
      <c r="K323" s="16">
        <v>2851</v>
      </c>
      <c r="L323" s="16">
        <v>1480</v>
      </c>
    </row>
    <row r="324" spans="1:12">
      <c r="A324" s="21" t="s">
        <v>240</v>
      </c>
      <c r="B324" s="21" t="s">
        <v>237</v>
      </c>
      <c r="C324" s="21" t="s">
        <v>265</v>
      </c>
      <c r="D324" s="21" t="s">
        <v>214</v>
      </c>
      <c r="E324" s="21" t="s">
        <v>215</v>
      </c>
      <c r="F324" s="21" t="s">
        <v>514</v>
      </c>
      <c r="G324" s="16">
        <v>7487</v>
      </c>
      <c r="H324" s="16">
        <v>7487</v>
      </c>
      <c r="I324" s="22" t="s">
        <v>268</v>
      </c>
      <c r="J324" s="22" t="s">
        <v>268</v>
      </c>
      <c r="K324" s="22" t="s">
        <v>268</v>
      </c>
      <c r="L324" s="22" t="s">
        <v>268</v>
      </c>
    </row>
    <row r="325" spans="1:12">
      <c r="A325" s="21" t="s">
        <v>240</v>
      </c>
      <c r="B325" s="21" t="s">
        <v>237</v>
      </c>
      <c r="C325" s="21" t="s">
        <v>265</v>
      </c>
      <c r="D325" s="21" t="s">
        <v>214</v>
      </c>
      <c r="E325" s="21" t="s">
        <v>215</v>
      </c>
      <c r="F325" s="21" t="s">
        <v>515</v>
      </c>
      <c r="G325" s="16">
        <v>2978</v>
      </c>
      <c r="H325" s="16">
        <v>2962</v>
      </c>
      <c r="I325" s="16">
        <v>9</v>
      </c>
      <c r="J325" s="22" t="s">
        <v>268</v>
      </c>
      <c r="K325" s="22" t="s">
        <v>268</v>
      </c>
      <c r="L325" s="16">
        <v>7</v>
      </c>
    </row>
    <row r="326" spans="1:12">
      <c r="A326" s="21" t="s">
        <v>240</v>
      </c>
      <c r="B326" s="21" t="s">
        <v>237</v>
      </c>
      <c r="C326" s="21" t="s">
        <v>265</v>
      </c>
      <c r="D326" s="21" t="s">
        <v>214</v>
      </c>
      <c r="E326" s="21" t="s">
        <v>215</v>
      </c>
      <c r="F326" s="21" t="s">
        <v>516</v>
      </c>
      <c r="G326" s="16">
        <v>2025</v>
      </c>
      <c r="H326" s="16">
        <v>1790</v>
      </c>
      <c r="I326" s="16">
        <v>161</v>
      </c>
      <c r="J326" s="22" t="s">
        <v>268</v>
      </c>
      <c r="K326" s="16">
        <v>8</v>
      </c>
      <c r="L326" s="16">
        <v>66</v>
      </c>
    </row>
    <row r="327" spans="1:12">
      <c r="A327" s="21" t="s">
        <v>240</v>
      </c>
      <c r="B327" s="21" t="s">
        <v>237</v>
      </c>
      <c r="C327" s="21" t="s">
        <v>265</v>
      </c>
      <c r="D327" s="21" t="s">
        <v>214</v>
      </c>
      <c r="E327" s="21" t="s">
        <v>215</v>
      </c>
      <c r="F327" s="21" t="s">
        <v>517</v>
      </c>
      <c r="G327" s="16">
        <v>2260</v>
      </c>
      <c r="H327" s="16">
        <v>1450</v>
      </c>
      <c r="I327" s="16">
        <v>673</v>
      </c>
      <c r="J327" s="22" t="s">
        <v>268</v>
      </c>
      <c r="K327" s="16">
        <v>34</v>
      </c>
      <c r="L327" s="16">
        <v>103</v>
      </c>
    </row>
    <row r="328" spans="1:12">
      <c r="A328" s="21" t="s">
        <v>240</v>
      </c>
      <c r="B328" s="21" t="s">
        <v>237</v>
      </c>
      <c r="C328" s="21" t="s">
        <v>265</v>
      </c>
      <c r="D328" s="21" t="s">
        <v>214</v>
      </c>
      <c r="E328" s="21" t="s">
        <v>215</v>
      </c>
      <c r="F328" s="21" t="s">
        <v>518</v>
      </c>
      <c r="G328" s="16">
        <v>2608</v>
      </c>
      <c r="H328" s="16">
        <v>1181</v>
      </c>
      <c r="I328" s="16">
        <v>1251</v>
      </c>
      <c r="J328" s="22" t="s">
        <v>268</v>
      </c>
      <c r="K328" s="16">
        <v>98</v>
      </c>
      <c r="L328" s="16">
        <v>78</v>
      </c>
    </row>
    <row r="329" spans="1:12">
      <c r="A329" s="21" t="s">
        <v>240</v>
      </c>
      <c r="B329" s="21" t="s">
        <v>237</v>
      </c>
      <c r="C329" s="21" t="s">
        <v>265</v>
      </c>
      <c r="D329" s="21" t="s">
        <v>214</v>
      </c>
      <c r="E329" s="21" t="s">
        <v>215</v>
      </c>
      <c r="F329" s="21" t="s">
        <v>519</v>
      </c>
      <c r="G329" s="16">
        <v>3096</v>
      </c>
      <c r="H329" s="16">
        <v>1028</v>
      </c>
      <c r="I329" s="16">
        <v>1834</v>
      </c>
      <c r="J329" s="16">
        <v>4</v>
      </c>
      <c r="K329" s="16">
        <v>156</v>
      </c>
      <c r="L329" s="16">
        <v>74</v>
      </c>
    </row>
    <row r="330" spans="1:12">
      <c r="A330" s="21" t="s">
        <v>240</v>
      </c>
      <c r="B330" s="21" t="s">
        <v>237</v>
      </c>
      <c r="C330" s="21" t="s">
        <v>265</v>
      </c>
      <c r="D330" s="21" t="s">
        <v>214</v>
      </c>
      <c r="E330" s="21" t="s">
        <v>215</v>
      </c>
      <c r="F330" s="21" t="s">
        <v>520</v>
      </c>
      <c r="G330" s="16">
        <v>3404</v>
      </c>
      <c r="H330" s="16">
        <v>947</v>
      </c>
      <c r="I330" s="16">
        <v>2186</v>
      </c>
      <c r="J330" s="16">
        <v>5</v>
      </c>
      <c r="K330" s="16">
        <v>189</v>
      </c>
      <c r="L330" s="16">
        <v>77</v>
      </c>
    </row>
    <row r="331" spans="1:12">
      <c r="A331" s="21" t="s">
        <v>240</v>
      </c>
      <c r="B331" s="21" t="s">
        <v>237</v>
      </c>
      <c r="C331" s="21" t="s">
        <v>265</v>
      </c>
      <c r="D331" s="21" t="s">
        <v>214</v>
      </c>
      <c r="E331" s="21" t="s">
        <v>215</v>
      </c>
      <c r="F331" s="21" t="s">
        <v>521</v>
      </c>
      <c r="G331" s="16">
        <v>3711</v>
      </c>
      <c r="H331" s="16">
        <v>997</v>
      </c>
      <c r="I331" s="16">
        <v>2309</v>
      </c>
      <c r="J331" s="16">
        <v>16</v>
      </c>
      <c r="K331" s="16">
        <v>314</v>
      </c>
      <c r="L331" s="16">
        <v>75</v>
      </c>
    </row>
    <row r="332" spans="1:12">
      <c r="A332" s="21" t="s">
        <v>240</v>
      </c>
      <c r="B332" s="21" t="s">
        <v>237</v>
      </c>
      <c r="C332" s="21" t="s">
        <v>265</v>
      </c>
      <c r="D332" s="21" t="s">
        <v>214</v>
      </c>
      <c r="E332" s="21" t="s">
        <v>215</v>
      </c>
      <c r="F332" s="21" t="s">
        <v>522</v>
      </c>
      <c r="G332" s="16">
        <v>3557</v>
      </c>
      <c r="H332" s="16">
        <v>863</v>
      </c>
      <c r="I332" s="16">
        <v>2256</v>
      </c>
      <c r="J332" s="16">
        <v>24</v>
      </c>
      <c r="K332" s="16">
        <v>353</v>
      </c>
      <c r="L332" s="16">
        <v>61</v>
      </c>
    </row>
    <row r="333" spans="1:12">
      <c r="A333" s="21" t="s">
        <v>240</v>
      </c>
      <c r="B333" s="21" t="s">
        <v>237</v>
      </c>
      <c r="C333" s="21" t="s">
        <v>265</v>
      </c>
      <c r="D333" s="21" t="s">
        <v>214</v>
      </c>
      <c r="E333" s="21" t="s">
        <v>215</v>
      </c>
      <c r="F333" s="21" t="s">
        <v>523</v>
      </c>
      <c r="G333" s="16">
        <v>3769</v>
      </c>
      <c r="H333" s="16">
        <v>760</v>
      </c>
      <c r="I333" s="16">
        <v>2540</v>
      </c>
      <c r="J333" s="16">
        <v>44</v>
      </c>
      <c r="K333" s="16">
        <v>363</v>
      </c>
      <c r="L333" s="16">
        <v>62</v>
      </c>
    </row>
    <row r="334" spans="1:12">
      <c r="A334" s="21" t="s">
        <v>240</v>
      </c>
      <c r="B334" s="21" t="s">
        <v>237</v>
      </c>
      <c r="C334" s="21" t="s">
        <v>265</v>
      </c>
      <c r="D334" s="21" t="s">
        <v>214</v>
      </c>
      <c r="E334" s="21" t="s">
        <v>215</v>
      </c>
      <c r="F334" s="21" t="s">
        <v>524</v>
      </c>
      <c r="G334" s="16">
        <v>4158</v>
      </c>
      <c r="H334" s="16">
        <v>687</v>
      </c>
      <c r="I334" s="16">
        <v>2936</v>
      </c>
      <c r="J334" s="16">
        <v>84</v>
      </c>
      <c r="K334" s="16">
        <v>384</v>
      </c>
      <c r="L334" s="16">
        <v>67</v>
      </c>
    </row>
    <row r="335" spans="1:12">
      <c r="A335" s="21" t="s">
        <v>240</v>
      </c>
      <c r="B335" s="21" t="s">
        <v>237</v>
      </c>
      <c r="C335" s="21" t="s">
        <v>265</v>
      </c>
      <c r="D335" s="21" t="s">
        <v>214</v>
      </c>
      <c r="E335" s="21" t="s">
        <v>215</v>
      </c>
      <c r="F335" s="21" t="s">
        <v>525</v>
      </c>
      <c r="G335" s="16">
        <v>4667</v>
      </c>
      <c r="H335" s="16">
        <v>545</v>
      </c>
      <c r="I335" s="16">
        <v>3490</v>
      </c>
      <c r="J335" s="16">
        <v>176</v>
      </c>
      <c r="K335" s="16">
        <v>395</v>
      </c>
      <c r="L335" s="16">
        <v>61</v>
      </c>
    </row>
    <row r="336" spans="1:12">
      <c r="A336" s="21" t="s">
        <v>240</v>
      </c>
      <c r="B336" s="21" t="s">
        <v>237</v>
      </c>
      <c r="C336" s="21" t="s">
        <v>265</v>
      </c>
      <c r="D336" s="21" t="s">
        <v>214</v>
      </c>
      <c r="E336" s="21" t="s">
        <v>215</v>
      </c>
      <c r="F336" s="21" t="s">
        <v>526</v>
      </c>
      <c r="G336" s="16">
        <v>4635</v>
      </c>
      <c r="H336" s="16">
        <v>336</v>
      </c>
      <c r="I336" s="16">
        <v>3681</v>
      </c>
      <c r="J336" s="16">
        <v>254</v>
      </c>
      <c r="K336" s="16">
        <v>320</v>
      </c>
      <c r="L336" s="16">
        <v>44</v>
      </c>
    </row>
    <row r="337" spans="1:12">
      <c r="A337" s="21" t="s">
        <v>240</v>
      </c>
      <c r="B337" s="21" t="s">
        <v>237</v>
      </c>
      <c r="C337" s="21" t="s">
        <v>265</v>
      </c>
      <c r="D337" s="21" t="s">
        <v>214</v>
      </c>
      <c r="E337" s="21" t="s">
        <v>215</v>
      </c>
      <c r="F337" s="21" t="s">
        <v>527</v>
      </c>
      <c r="G337" s="16">
        <v>3209</v>
      </c>
      <c r="H337" s="16">
        <v>131</v>
      </c>
      <c r="I337" s="16">
        <v>2630</v>
      </c>
      <c r="J337" s="16">
        <v>284</v>
      </c>
      <c r="K337" s="16">
        <v>128</v>
      </c>
      <c r="L337" s="16">
        <v>36</v>
      </c>
    </row>
    <row r="338" spans="1:12">
      <c r="A338" s="21" t="s">
        <v>240</v>
      </c>
      <c r="B338" s="21" t="s">
        <v>237</v>
      </c>
      <c r="C338" s="21" t="s">
        <v>265</v>
      </c>
      <c r="D338" s="21" t="s">
        <v>214</v>
      </c>
      <c r="E338" s="21" t="s">
        <v>215</v>
      </c>
      <c r="F338" s="21" t="s">
        <v>528</v>
      </c>
      <c r="G338" s="16">
        <v>2532</v>
      </c>
      <c r="H338" s="16">
        <v>34</v>
      </c>
      <c r="I338" s="16">
        <v>2076</v>
      </c>
      <c r="J338" s="16">
        <v>319</v>
      </c>
      <c r="K338" s="16">
        <v>76</v>
      </c>
      <c r="L338" s="16">
        <v>27</v>
      </c>
    </row>
    <row r="339" spans="1:12">
      <c r="A339" s="21" t="s">
        <v>240</v>
      </c>
      <c r="B339" s="21" t="s">
        <v>237</v>
      </c>
      <c r="C339" s="21" t="s">
        <v>265</v>
      </c>
      <c r="D339" s="21" t="s">
        <v>214</v>
      </c>
      <c r="E339" s="21" t="s">
        <v>215</v>
      </c>
      <c r="F339" s="21" t="s">
        <v>529</v>
      </c>
      <c r="G339" s="16">
        <v>1771</v>
      </c>
      <c r="H339" s="16">
        <v>19</v>
      </c>
      <c r="I339" s="16">
        <v>1254</v>
      </c>
      <c r="J339" s="16">
        <v>441</v>
      </c>
      <c r="K339" s="16">
        <v>27</v>
      </c>
      <c r="L339" s="16">
        <v>30</v>
      </c>
    </row>
    <row r="340" spans="1:12">
      <c r="A340" s="21" t="s">
        <v>240</v>
      </c>
      <c r="B340" s="21" t="s">
        <v>237</v>
      </c>
      <c r="C340" s="21" t="s">
        <v>265</v>
      </c>
      <c r="D340" s="21" t="s">
        <v>214</v>
      </c>
      <c r="E340" s="21" t="s">
        <v>215</v>
      </c>
      <c r="F340" s="21" t="s">
        <v>530</v>
      </c>
      <c r="G340" s="16">
        <v>708</v>
      </c>
      <c r="H340" s="16">
        <v>3</v>
      </c>
      <c r="I340" s="16">
        <v>425</v>
      </c>
      <c r="J340" s="16">
        <v>264</v>
      </c>
      <c r="K340" s="16">
        <v>5</v>
      </c>
      <c r="L340" s="16">
        <v>11</v>
      </c>
    </row>
    <row r="341" spans="1:12">
      <c r="A341" s="21" t="s">
        <v>240</v>
      </c>
      <c r="B341" s="21" t="s">
        <v>237</v>
      </c>
      <c r="C341" s="21" t="s">
        <v>265</v>
      </c>
      <c r="D341" s="21" t="s">
        <v>214</v>
      </c>
      <c r="E341" s="21" t="s">
        <v>215</v>
      </c>
      <c r="F341" s="21" t="s">
        <v>531</v>
      </c>
      <c r="G341" s="16">
        <v>115</v>
      </c>
      <c r="H341" s="22" t="s">
        <v>268</v>
      </c>
      <c r="I341" s="16">
        <v>40</v>
      </c>
      <c r="J341" s="16">
        <v>71</v>
      </c>
      <c r="K341" s="16">
        <v>1</v>
      </c>
      <c r="L341" s="16">
        <v>3</v>
      </c>
    </row>
    <row r="342" spans="1:12">
      <c r="A342" s="21" t="s">
        <v>240</v>
      </c>
      <c r="B342" s="21" t="s">
        <v>237</v>
      </c>
      <c r="C342" s="21" t="s">
        <v>265</v>
      </c>
      <c r="D342" s="21" t="s">
        <v>214</v>
      </c>
      <c r="E342" s="21" t="s">
        <v>215</v>
      </c>
      <c r="F342" s="21" t="s">
        <v>532</v>
      </c>
      <c r="G342" s="16">
        <v>10</v>
      </c>
      <c r="H342" s="22" t="s">
        <v>268</v>
      </c>
      <c r="I342" s="16">
        <v>4</v>
      </c>
      <c r="J342" s="16">
        <v>6</v>
      </c>
      <c r="K342" s="22" t="s">
        <v>268</v>
      </c>
      <c r="L342" s="22" t="s">
        <v>268</v>
      </c>
    </row>
    <row r="343" spans="1:12">
      <c r="A343" s="21" t="s">
        <v>240</v>
      </c>
      <c r="B343" s="21" t="s">
        <v>237</v>
      </c>
      <c r="C343" s="21" t="s">
        <v>265</v>
      </c>
      <c r="D343" s="21" t="s">
        <v>214</v>
      </c>
      <c r="E343" s="21" t="s">
        <v>215</v>
      </c>
      <c r="F343" s="21" t="s">
        <v>533</v>
      </c>
      <c r="G343" s="16">
        <v>598</v>
      </c>
      <c r="H343" s="22" t="s">
        <v>268</v>
      </c>
      <c r="I343" s="22" t="s">
        <v>268</v>
      </c>
      <c r="J343" s="22" t="s">
        <v>268</v>
      </c>
      <c r="K343" s="22" t="s">
        <v>268</v>
      </c>
      <c r="L343" s="16">
        <v>598</v>
      </c>
    </row>
    <row r="344" spans="1:12">
      <c r="A344" s="21" t="s">
        <v>240</v>
      </c>
      <c r="B344" s="21" t="s">
        <v>237</v>
      </c>
      <c r="C344" s="21" t="s">
        <v>265</v>
      </c>
      <c r="D344" s="21" t="s">
        <v>214</v>
      </c>
      <c r="E344" s="21" t="s">
        <v>215</v>
      </c>
      <c r="F344" s="21" t="s">
        <v>461</v>
      </c>
      <c r="G344" s="16">
        <v>31566</v>
      </c>
      <c r="H344" s="16">
        <v>12665</v>
      </c>
      <c r="I344" s="16">
        <v>16155</v>
      </c>
      <c r="J344" s="16">
        <v>177</v>
      </c>
      <c r="K344" s="16">
        <v>1899</v>
      </c>
      <c r="L344" s="16">
        <v>670</v>
      </c>
    </row>
    <row r="345" spans="1:12">
      <c r="A345" s="21" t="s">
        <v>240</v>
      </c>
      <c r="B345" s="21" t="s">
        <v>237</v>
      </c>
      <c r="C345" s="21" t="s">
        <v>265</v>
      </c>
      <c r="D345" s="21" t="s">
        <v>214</v>
      </c>
      <c r="E345" s="21" t="s">
        <v>215</v>
      </c>
      <c r="F345" s="21" t="s">
        <v>462</v>
      </c>
      <c r="G345" s="16">
        <v>17647</v>
      </c>
      <c r="H345" s="16">
        <v>1068</v>
      </c>
      <c r="I345" s="16">
        <v>13600</v>
      </c>
      <c r="J345" s="16">
        <v>1815</v>
      </c>
      <c r="K345" s="16">
        <v>952</v>
      </c>
      <c r="L345" s="16">
        <v>212</v>
      </c>
    </row>
    <row r="346" spans="1:12">
      <c r="A346" s="21" t="s">
        <v>240</v>
      </c>
      <c r="B346" s="21" t="s">
        <v>237</v>
      </c>
      <c r="C346" s="21" t="s">
        <v>265</v>
      </c>
      <c r="D346" s="21" t="s">
        <v>214</v>
      </c>
      <c r="E346" s="21" t="s">
        <v>215</v>
      </c>
      <c r="F346" s="21" t="s">
        <v>463</v>
      </c>
      <c r="G346" s="16">
        <v>8345</v>
      </c>
      <c r="H346" s="16">
        <v>187</v>
      </c>
      <c r="I346" s="16">
        <v>6429</v>
      </c>
      <c r="J346" s="16">
        <v>1385</v>
      </c>
      <c r="K346" s="16">
        <v>237</v>
      </c>
      <c r="L346" s="16">
        <v>107</v>
      </c>
    </row>
    <row r="347" spans="1:12">
      <c r="A347" s="21" t="s">
        <v>240</v>
      </c>
      <c r="B347" s="21" t="s">
        <v>237</v>
      </c>
      <c r="C347" s="21" t="s">
        <v>265</v>
      </c>
      <c r="D347" s="21" t="s">
        <v>214</v>
      </c>
      <c r="E347" s="21" t="s">
        <v>215</v>
      </c>
      <c r="F347" s="21" t="s">
        <v>464</v>
      </c>
      <c r="G347" s="16">
        <v>2604</v>
      </c>
      <c r="H347" s="16">
        <v>22</v>
      </c>
      <c r="I347" s="16">
        <v>1723</v>
      </c>
      <c r="J347" s="16">
        <v>782</v>
      </c>
      <c r="K347" s="16">
        <v>33</v>
      </c>
      <c r="L347" s="16">
        <v>44</v>
      </c>
    </row>
    <row r="348" spans="1:12">
      <c r="A348" s="21" t="s">
        <v>240</v>
      </c>
      <c r="B348" s="21" t="s">
        <v>237</v>
      </c>
      <c r="C348" s="21" t="s">
        <v>265</v>
      </c>
      <c r="D348" s="21" t="s">
        <v>214</v>
      </c>
      <c r="E348" s="21" t="s">
        <v>215</v>
      </c>
      <c r="F348" s="21" t="s">
        <v>431</v>
      </c>
      <c r="G348" s="16">
        <v>33255</v>
      </c>
      <c r="H348" s="16">
        <v>10248</v>
      </c>
      <c r="I348" s="16">
        <v>19636</v>
      </c>
      <c r="J348" s="16">
        <v>353</v>
      </c>
      <c r="K348" s="16">
        <v>2294</v>
      </c>
      <c r="L348" s="16">
        <v>724</v>
      </c>
    </row>
    <row r="349" spans="1:12">
      <c r="A349" s="21" t="s">
        <v>240</v>
      </c>
      <c r="B349" s="21" t="s">
        <v>237</v>
      </c>
      <c r="C349" s="21" t="s">
        <v>265</v>
      </c>
      <c r="D349" s="21" t="s">
        <v>217</v>
      </c>
      <c r="E349" s="21" t="s">
        <v>215</v>
      </c>
      <c r="F349" s="21" t="s">
        <v>401</v>
      </c>
      <c r="G349" s="16">
        <v>55366</v>
      </c>
      <c r="H349" s="16">
        <v>20235</v>
      </c>
      <c r="I349" s="16">
        <v>29332</v>
      </c>
      <c r="J349" s="16">
        <v>1699</v>
      </c>
      <c r="K349" s="16">
        <v>2716</v>
      </c>
      <c r="L349" s="16">
        <v>1384</v>
      </c>
    </row>
    <row r="350" spans="1:12">
      <c r="A350" s="21" t="s">
        <v>240</v>
      </c>
      <c r="B350" s="21" t="s">
        <v>237</v>
      </c>
      <c r="C350" s="21" t="s">
        <v>265</v>
      </c>
      <c r="D350" s="21" t="s">
        <v>217</v>
      </c>
      <c r="E350" s="21" t="s">
        <v>215</v>
      </c>
      <c r="F350" s="21" t="s">
        <v>514</v>
      </c>
      <c r="G350" s="16">
        <v>7472</v>
      </c>
      <c r="H350" s="16">
        <v>7472</v>
      </c>
      <c r="I350" s="22" t="s">
        <v>268</v>
      </c>
      <c r="J350" s="22" t="s">
        <v>268</v>
      </c>
      <c r="K350" s="22" t="s">
        <v>268</v>
      </c>
      <c r="L350" s="22" t="s">
        <v>268</v>
      </c>
    </row>
    <row r="351" spans="1:12">
      <c r="A351" s="21" t="s">
        <v>240</v>
      </c>
      <c r="B351" s="21" t="s">
        <v>237</v>
      </c>
      <c r="C351" s="21" t="s">
        <v>265</v>
      </c>
      <c r="D351" s="21" t="s">
        <v>217</v>
      </c>
      <c r="E351" s="21" t="s">
        <v>215</v>
      </c>
      <c r="F351" s="21" t="s">
        <v>515</v>
      </c>
      <c r="G351" s="16">
        <v>2458</v>
      </c>
      <c r="H351" s="16">
        <v>2442</v>
      </c>
      <c r="I351" s="16">
        <v>9</v>
      </c>
      <c r="J351" s="22" t="s">
        <v>268</v>
      </c>
      <c r="K351" s="22" t="s">
        <v>268</v>
      </c>
      <c r="L351" s="16">
        <v>7</v>
      </c>
    </row>
    <row r="352" spans="1:12">
      <c r="A352" s="21" t="s">
        <v>240</v>
      </c>
      <c r="B352" s="21" t="s">
        <v>237</v>
      </c>
      <c r="C352" s="21" t="s">
        <v>265</v>
      </c>
      <c r="D352" s="21" t="s">
        <v>217</v>
      </c>
      <c r="E352" s="21" t="s">
        <v>215</v>
      </c>
      <c r="F352" s="21" t="s">
        <v>516</v>
      </c>
      <c r="G352" s="16">
        <v>1991</v>
      </c>
      <c r="H352" s="16">
        <v>1756</v>
      </c>
      <c r="I352" s="16">
        <v>161</v>
      </c>
      <c r="J352" s="22" t="s">
        <v>268</v>
      </c>
      <c r="K352" s="16">
        <v>8</v>
      </c>
      <c r="L352" s="16">
        <v>66</v>
      </c>
    </row>
    <row r="353" spans="1:12">
      <c r="A353" s="21" t="s">
        <v>240</v>
      </c>
      <c r="B353" s="21" t="s">
        <v>237</v>
      </c>
      <c r="C353" s="21" t="s">
        <v>265</v>
      </c>
      <c r="D353" s="21" t="s">
        <v>217</v>
      </c>
      <c r="E353" s="21" t="s">
        <v>215</v>
      </c>
      <c r="F353" s="21" t="s">
        <v>517</v>
      </c>
      <c r="G353" s="16">
        <v>2256</v>
      </c>
      <c r="H353" s="16">
        <v>1448</v>
      </c>
      <c r="I353" s="16">
        <v>673</v>
      </c>
      <c r="J353" s="22" t="s">
        <v>268</v>
      </c>
      <c r="K353" s="16">
        <v>32</v>
      </c>
      <c r="L353" s="16">
        <v>103</v>
      </c>
    </row>
    <row r="354" spans="1:12">
      <c r="A354" s="21" t="s">
        <v>240</v>
      </c>
      <c r="B354" s="21" t="s">
        <v>237</v>
      </c>
      <c r="C354" s="21" t="s">
        <v>265</v>
      </c>
      <c r="D354" s="21" t="s">
        <v>217</v>
      </c>
      <c r="E354" s="21" t="s">
        <v>215</v>
      </c>
      <c r="F354" s="21" t="s">
        <v>518</v>
      </c>
      <c r="G354" s="16">
        <v>2595</v>
      </c>
      <c r="H354" s="16">
        <v>1168</v>
      </c>
      <c r="I354" s="16">
        <v>1251</v>
      </c>
      <c r="J354" s="22" t="s">
        <v>268</v>
      </c>
      <c r="K354" s="16">
        <v>98</v>
      </c>
      <c r="L354" s="16">
        <v>78</v>
      </c>
    </row>
    <row r="355" spans="1:12">
      <c r="A355" s="21" t="s">
        <v>240</v>
      </c>
      <c r="B355" s="21" t="s">
        <v>237</v>
      </c>
      <c r="C355" s="21" t="s">
        <v>265</v>
      </c>
      <c r="D355" s="21" t="s">
        <v>217</v>
      </c>
      <c r="E355" s="21" t="s">
        <v>215</v>
      </c>
      <c r="F355" s="21" t="s">
        <v>519</v>
      </c>
      <c r="G355" s="16">
        <v>3087</v>
      </c>
      <c r="H355" s="16">
        <v>1020</v>
      </c>
      <c r="I355" s="16">
        <v>1834</v>
      </c>
      <c r="J355" s="16">
        <v>4</v>
      </c>
      <c r="K355" s="16">
        <v>155</v>
      </c>
      <c r="L355" s="16">
        <v>74</v>
      </c>
    </row>
    <row r="356" spans="1:12">
      <c r="A356" s="21" t="s">
        <v>240</v>
      </c>
      <c r="B356" s="21" t="s">
        <v>237</v>
      </c>
      <c r="C356" s="21" t="s">
        <v>265</v>
      </c>
      <c r="D356" s="21" t="s">
        <v>217</v>
      </c>
      <c r="E356" s="21" t="s">
        <v>215</v>
      </c>
      <c r="F356" s="21" t="s">
        <v>520</v>
      </c>
      <c r="G356" s="16">
        <v>3391</v>
      </c>
      <c r="H356" s="16">
        <v>935</v>
      </c>
      <c r="I356" s="16">
        <v>2186</v>
      </c>
      <c r="J356" s="16">
        <v>5</v>
      </c>
      <c r="K356" s="16">
        <v>188</v>
      </c>
      <c r="L356" s="16">
        <v>77</v>
      </c>
    </row>
    <row r="357" spans="1:12">
      <c r="A357" s="21" t="s">
        <v>240</v>
      </c>
      <c r="B357" s="21" t="s">
        <v>237</v>
      </c>
      <c r="C357" s="21" t="s">
        <v>265</v>
      </c>
      <c r="D357" s="21" t="s">
        <v>217</v>
      </c>
      <c r="E357" s="21" t="s">
        <v>215</v>
      </c>
      <c r="F357" s="21" t="s">
        <v>521</v>
      </c>
      <c r="G357" s="16">
        <v>3676</v>
      </c>
      <c r="H357" s="16">
        <v>964</v>
      </c>
      <c r="I357" s="16">
        <v>2308</v>
      </c>
      <c r="J357" s="16">
        <v>16</v>
      </c>
      <c r="K357" s="16">
        <v>313</v>
      </c>
      <c r="L357" s="16">
        <v>75</v>
      </c>
    </row>
    <row r="358" spans="1:12">
      <c r="A358" s="21" t="s">
        <v>240</v>
      </c>
      <c r="B358" s="21" t="s">
        <v>237</v>
      </c>
      <c r="C358" s="21" t="s">
        <v>265</v>
      </c>
      <c r="D358" s="21" t="s">
        <v>217</v>
      </c>
      <c r="E358" s="21" t="s">
        <v>215</v>
      </c>
      <c r="F358" s="21" t="s">
        <v>522</v>
      </c>
      <c r="G358" s="16">
        <v>3514</v>
      </c>
      <c r="H358" s="16">
        <v>826</v>
      </c>
      <c r="I358" s="16">
        <v>2253</v>
      </c>
      <c r="J358" s="16">
        <v>24</v>
      </c>
      <c r="K358" s="16">
        <v>350</v>
      </c>
      <c r="L358" s="16">
        <v>61</v>
      </c>
    </row>
    <row r="359" spans="1:12">
      <c r="A359" s="21" t="s">
        <v>240</v>
      </c>
      <c r="B359" s="21" t="s">
        <v>237</v>
      </c>
      <c r="C359" s="21" t="s">
        <v>265</v>
      </c>
      <c r="D359" s="21" t="s">
        <v>217</v>
      </c>
      <c r="E359" s="21" t="s">
        <v>215</v>
      </c>
      <c r="F359" s="21" t="s">
        <v>523</v>
      </c>
      <c r="G359" s="16">
        <v>3721</v>
      </c>
      <c r="H359" s="16">
        <v>725</v>
      </c>
      <c r="I359" s="16">
        <v>2538</v>
      </c>
      <c r="J359" s="16">
        <v>44</v>
      </c>
      <c r="K359" s="16">
        <v>353</v>
      </c>
      <c r="L359" s="16">
        <v>61</v>
      </c>
    </row>
    <row r="360" spans="1:12">
      <c r="A360" s="21" t="s">
        <v>240</v>
      </c>
      <c r="B360" s="21" t="s">
        <v>237</v>
      </c>
      <c r="C360" s="21" t="s">
        <v>265</v>
      </c>
      <c r="D360" s="21" t="s">
        <v>217</v>
      </c>
      <c r="E360" s="21" t="s">
        <v>215</v>
      </c>
      <c r="F360" s="21" t="s">
        <v>524</v>
      </c>
      <c r="G360" s="16">
        <v>4069</v>
      </c>
      <c r="H360" s="16">
        <v>627</v>
      </c>
      <c r="I360" s="16">
        <v>2926</v>
      </c>
      <c r="J360" s="16">
        <v>83</v>
      </c>
      <c r="K360" s="16">
        <v>373</v>
      </c>
      <c r="L360" s="16">
        <v>60</v>
      </c>
    </row>
    <row r="361" spans="1:12">
      <c r="A361" s="21" t="s">
        <v>240</v>
      </c>
      <c r="B361" s="21" t="s">
        <v>237</v>
      </c>
      <c r="C361" s="21" t="s">
        <v>265</v>
      </c>
      <c r="D361" s="21" t="s">
        <v>217</v>
      </c>
      <c r="E361" s="21" t="s">
        <v>215</v>
      </c>
      <c r="F361" s="21" t="s">
        <v>525</v>
      </c>
      <c r="G361" s="16">
        <v>4539</v>
      </c>
      <c r="H361" s="16">
        <v>470</v>
      </c>
      <c r="I361" s="16">
        <v>3472</v>
      </c>
      <c r="J361" s="16">
        <v>168</v>
      </c>
      <c r="K361" s="16">
        <v>379</v>
      </c>
      <c r="L361" s="16">
        <v>50</v>
      </c>
    </row>
    <row r="362" spans="1:12">
      <c r="A362" s="21" t="s">
        <v>240</v>
      </c>
      <c r="B362" s="21" t="s">
        <v>237</v>
      </c>
      <c r="C362" s="21" t="s">
        <v>265</v>
      </c>
      <c r="D362" s="21" t="s">
        <v>217</v>
      </c>
      <c r="E362" s="21" t="s">
        <v>215</v>
      </c>
      <c r="F362" s="21" t="s">
        <v>526</v>
      </c>
      <c r="G362" s="16">
        <v>4465</v>
      </c>
      <c r="H362" s="16">
        <v>271</v>
      </c>
      <c r="I362" s="16">
        <v>3638</v>
      </c>
      <c r="J362" s="16">
        <v>239</v>
      </c>
      <c r="K362" s="16">
        <v>287</v>
      </c>
      <c r="L362" s="16">
        <v>30</v>
      </c>
    </row>
    <row r="363" spans="1:12">
      <c r="A363" s="21" t="s">
        <v>240</v>
      </c>
      <c r="B363" s="21" t="s">
        <v>237</v>
      </c>
      <c r="C363" s="21" t="s">
        <v>265</v>
      </c>
      <c r="D363" s="21" t="s">
        <v>217</v>
      </c>
      <c r="E363" s="21" t="s">
        <v>215</v>
      </c>
      <c r="F363" s="21" t="s">
        <v>527</v>
      </c>
      <c r="G363" s="16">
        <v>3039</v>
      </c>
      <c r="H363" s="16">
        <v>84</v>
      </c>
      <c r="I363" s="16">
        <v>2575</v>
      </c>
      <c r="J363" s="16">
        <v>252</v>
      </c>
      <c r="K363" s="16">
        <v>105</v>
      </c>
      <c r="L363" s="16">
        <v>23</v>
      </c>
    </row>
    <row r="364" spans="1:12">
      <c r="A364" s="21" t="s">
        <v>240</v>
      </c>
      <c r="B364" s="21" t="s">
        <v>237</v>
      </c>
      <c r="C364" s="21" t="s">
        <v>265</v>
      </c>
      <c r="D364" s="21" t="s">
        <v>217</v>
      </c>
      <c r="E364" s="21" t="s">
        <v>215</v>
      </c>
      <c r="F364" s="21" t="s">
        <v>528</v>
      </c>
      <c r="G364" s="16">
        <v>2346</v>
      </c>
      <c r="H364" s="16">
        <v>13</v>
      </c>
      <c r="I364" s="16">
        <v>1995</v>
      </c>
      <c r="J364" s="16">
        <v>272</v>
      </c>
      <c r="K364" s="16">
        <v>55</v>
      </c>
      <c r="L364" s="16">
        <v>11</v>
      </c>
    </row>
    <row r="365" spans="1:12">
      <c r="A365" s="21" t="s">
        <v>240</v>
      </c>
      <c r="B365" s="21" t="s">
        <v>237</v>
      </c>
      <c r="C365" s="21" t="s">
        <v>265</v>
      </c>
      <c r="D365" s="21" t="s">
        <v>217</v>
      </c>
      <c r="E365" s="21" t="s">
        <v>215</v>
      </c>
      <c r="F365" s="21" t="s">
        <v>529</v>
      </c>
      <c r="G365" s="16">
        <v>1507</v>
      </c>
      <c r="H365" s="16">
        <v>12</v>
      </c>
      <c r="I365" s="16">
        <v>1123</v>
      </c>
      <c r="J365" s="16">
        <v>343</v>
      </c>
      <c r="K365" s="16">
        <v>19</v>
      </c>
      <c r="L365" s="16">
        <v>10</v>
      </c>
    </row>
    <row r="366" spans="1:12">
      <c r="A366" s="21" t="s">
        <v>240</v>
      </c>
      <c r="B366" s="21" t="s">
        <v>237</v>
      </c>
      <c r="C366" s="21" t="s">
        <v>265</v>
      </c>
      <c r="D366" s="21" t="s">
        <v>217</v>
      </c>
      <c r="E366" s="21" t="s">
        <v>215</v>
      </c>
      <c r="F366" s="21" t="s">
        <v>530</v>
      </c>
      <c r="G366" s="16">
        <v>552</v>
      </c>
      <c r="H366" s="16">
        <v>2</v>
      </c>
      <c r="I366" s="16">
        <v>352</v>
      </c>
      <c r="J366" s="16">
        <v>195</v>
      </c>
      <c r="K366" s="16">
        <v>1</v>
      </c>
      <c r="L366" s="16">
        <v>2</v>
      </c>
    </row>
    <row r="367" spans="1:12">
      <c r="A367" s="21" t="s">
        <v>240</v>
      </c>
      <c r="B367" s="21" t="s">
        <v>237</v>
      </c>
      <c r="C367" s="21" t="s">
        <v>265</v>
      </c>
      <c r="D367" s="21" t="s">
        <v>217</v>
      </c>
      <c r="E367" s="21" t="s">
        <v>215</v>
      </c>
      <c r="F367" s="21" t="s">
        <v>531</v>
      </c>
      <c r="G367" s="16">
        <v>85</v>
      </c>
      <c r="H367" s="22" t="s">
        <v>268</v>
      </c>
      <c r="I367" s="16">
        <v>35</v>
      </c>
      <c r="J367" s="16">
        <v>50</v>
      </c>
      <c r="K367" s="22" t="s">
        <v>268</v>
      </c>
      <c r="L367" s="22" t="s">
        <v>268</v>
      </c>
    </row>
    <row r="368" spans="1:12">
      <c r="A368" s="21" t="s">
        <v>240</v>
      </c>
      <c r="B368" s="21" t="s">
        <v>237</v>
      </c>
      <c r="C368" s="21" t="s">
        <v>265</v>
      </c>
      <c r="D368" s="21" t="s">
        <v>217</v>
      </c>
      <c r="E368" s="21" t="s">
        <v>215</v>
      </c>
      <c r="F368" s="21" t="s">
        <v>532</v>
      </c>
      <c r="G368" s="16">
        <v>7</v>
      </c>
      <c r="H368" s="22" t="s">
        <v>268</v>
      </c>
      <c r="I368" s="16">
        <v>3</v>
      </c>
      <c r="J368" s="16">
        <v>4</v>
      </c>
      <c r="K368" s="22" t="s">
        <v>268</v>
      </c>
      <c r="L368" s="22" t="s">
        <v>268</v>
      </c>
    </row>
    <row r="369" spans="1:12">
      <c r="A369" s="21" t="s">
        <v>240</v>
      </c>
      <c r="B369" s="21" t="s">
        <v>237</v>
      </c>
      <c r="C369" s="21" t="s">
        <v>265</v>
      </c>
      <c r="D369" s="21" t="s">
        <v>217</v>
      </c>
      <c r="E369" s="21" t="s">
        <v>215</v>
      </c>
      <c r="F369" s="21" t="s">
        <v>533</v>
      </c>
      <c r="G369" s="16">
        <v>596</v>
      </c>
      <c r="H369" s="22" t="s">
        <v>268</v>
      </c>
      <c r="I369" s="22" t="s">
        <v>268</v>
      </c>
      <c r="J369" s="22" t="s">
        <v>268</v>
      </c>
      <c r="K369" s="22" t="s">
        <v>268</v>
      </c>
      <c r="L369" s="16">
        <v>596</v>
      </c>
    </row>
    <row r="370" spans="1:12">
      <c r="A370" s="21" t="s">
        <v>240</v>
      </c>
      <c r="B370" s="21" t="s">
        <v>237</v>
      </c>
      <c r="C370" s="21" t="s">
        <v>265</v>
      </c>
      <c r="D370" s="21" t="s">
        <v>217</v>
      </c>
      <c r="E370" s="21" t="s">
        <v>215</v>
      </c>
      <c r="F370" s="21" t="s">
        <v>461</v>
      </c>
      <c r="G370" s="16">
        <v>30758</v>
      </c>
      <c r="H370" s="16">
        <v>11911</v>
      </c>
      <c r="I370" s="16">
        <v>16139</v>
      </c>
      <c r="J370" s="16">
        <v>176</v>
      </c>
      <c r="K370" s="16">
        <v>1870</v>
      </c>
      <c r="L370" s="16">
        <v>662</v>
      </c>
    </row>
    <row r="371" spans="1:12">
      <c r="A371" s="21" t="s">
        <v>240</v>
      </c>
      <c r="B371" s="21" t="s">
        <v>237</v>
      </c>
      <c r="C371" s="21" t="s">
        <v>265</v>
      </c>
      <c r="D371" s="21" t="s">
        <v>217</v>
      </c>
      <c r="E371" s="21" t="s">
        <v>215</v>
      </c>
      <c r="F371" s="21" t="s">
        <v>462</v>
      </c>
      <c r="G371" s="16">
        <v>16540</v>
      </c>
      <c r="H371" s="16">
        <v>852</v>
      </c>
      <c r="I371" s="16">
        <v>13193</v>
      </c>
      <c r="J371" s="16">
        <v>1523</v>
      </c>
      <c r="K371" s="16">
        <v>846</v>
      </c>
      <c r="L371" s="16">
        <v>126</v>
      </c>
    </row>
    <row r="372" spans="1:12">
      <c r="A372" s="21" t="s">
        <v>240</v>
      </c>
      <c r="B372" s="21" t="s">
        <v>237</v>
      </c>
      <c r="C372" s="21" t="s">
        <v>265</v>
      </c>
      <c r="D372" s="21" t="s">
        <v>217</v>
      </c>
      <c r="E372" s="21" t="s">
        <v>215</v>
      </c>
      <c r="F372" s="21" t="s">
        <v>463</v>
      </c>
      <c r="G372" s="16">
        <v>7536</v>
      </c>
      <c r="H372" s="16">
        <v>111</v>
      </c>
      <c r="I372" s="16">
        <v>6083</v>
      </c>
      <c r="J372" s="16">
        <v>1116</v>
      </c>
      <c r="K372" s="16">
        <v>180</v>
      </c>
      <c r="L372" s="16">
        <v>46</v>
      </c>
    </row>
    <row r="373" spans="1:12">
      <c r="A373" s="21" t="s">
        <v>240</v>
      </c>
      <c r="B373" s="21" t="s">
        <v>237</v>
      </c>
      <c r="C373" s="21" t="s">
        <v>265</v>
      </c>
      <c r="D373" s="21" t="s">
        <v>217</v>
      </c>
      <c r="E373" s="21" t="s">
        <v>215</v>
      </c>
      <c r="F373" s="21" t="s">
        <v>464</v>
      </c>
      <c r="G373" s="16">
        <v>2151</v>
      </c>
      <c r="H373" s="16">
        <v>14</v>
      </c>
      <c r="I373" s="16">
        <v>1513</v>
      </c>
      <c r="J373" s="16">
        <v>592</v>
      </c>
      <c r="K373" s="16">
        <v>20</v>
      </c>
      <c r="L373" s="16">
        <v>12</v>
      </c>
    </row>
    <row r="374" spans="1:12">
      <c r="A374" s="21" t="s">
        <v>240</v>
      </c>
      <c r="B374" s="21" t="s">
        <v>237</v>
      </c>
      <c r="C374" s="21" t="s">
        <v>265</v>
      </c>
      <c r="D374" s="21" t="s">
        <v>217</v>
      </c>
      <c r="E374" s="21" t="s">
        <v>215</v>
      </c>
      <c r="F374" s="21" t="s">
        <v>431</v>
      </c>
      <c r="G374" s="16">
        <v>32839</v>
      </c>
      <c r="H374" s="16">
        <v>9939</v>
      </c>
      <c r="I374" s="16">
        <v>19602</v>
      </c>
      <c r="J374" s="16">
        <v>344</v>
      </c>
      <c r="K374" s="16">
        <v>2249</v>
      </c>
      <c r="L374" s="16">
        <v>705</v>
      </c>
    </row>
    <row r="375" spans="1:12">
      <c r="A375" s="21" t="s">
        <v>240</v>
      </c>
      <c r="B375" s="21" t="s">
        <v>237</v>
      </c>
      <c r="C375" s="21" t="s">
        <v>265</v>
      </c>
      <c r="D375" s="21" t="s">
        <v>534</v>
      </c>
      <c r="E375" s="21" t="s">
        <v>215</v>
      </c>
      <c r="F375" s="21" t="s">
        <v>401</v>
      </c>
      <c r="G375" s="16">
        <v>48572</v>
      </c>
      <c r="H375" s="16">
        <v>17336</v>
      </c>
      <c r="I375" s="16">
        <v>28639</v>
      </c>
      <c r="J375" s="16">
        <v>938</v>
      </c>
      <c r="K375" s="16">
        <v>1487</v>
      </c>
      <c r="L375" s="16">
        <v>172</v>
      </c>
    </row>
    <row r="376" spans="1:12">
      <c r="A376" s="21" t="s">
        <v>240</v>
      </c>
      <c r="B376" s="21" t="s">
        <v>237</v>
      </c>
      <c r="C376" s="21" t="s">
        <v>265</v>
      </c>
      <c r="D376" s="21" t="s">
        <v>534</v>
      </c>
      <c r="E376" s="21" t="s">
        <v>215</v>
      </c>
      <c r="F376" s="21" t="s">
        <v>514</v>
      </c>
      <c r="G376" s="16">
        <v>7472</v>
      </c>
      <c r="H376" s="16">
        <v>7472</v>
      </c>
      <c r="I376" s="22" t="s">
        <v>268</v>
      </c>
      <c r="J376" s="22" t="s">
        <v>268</v>
      </c>
      <c r="K376" s="22" t="s">
        <v>268</v>
      </c>
      <c r="L376" s="22" t="s">
        <v>268</v>
      </c>
    </row>
    <row r="377" spans="1:12">
      <c r="A377" s="21" t="s">
        <v>240</v>
      </c>
      <c r="B377" s="21" t="s">
        <v>237</v>
      </c>
      <c r="C377" s="21" t="s">
        <v>265</v>
      </c>
      <c r="D377" s="21" t="s">
        <v>534</v>
      </c>
      <c r="E377" s="21" t="s">
        <v>215</v>
      </c>
      <c r="F377" s="21" t="s">
        <v>515</v>
      </c>
      <c r="G377" s="16">
        <v>2400</v>
      </c>
      <c r="H377" s="16">
        <v>2392</v>
      </c>
      <c r="I377" s="16">
        <v>8</v>
      </c>
      <c r="J377" s="22" t="s">
        <v>268</v>
      </c>
      <c r="K377" s="22" t="s">
        <v>268</v>
      </c>
      <c r="L377" s="22" t="s">
        <v>268</v>
      </c>
    </row>
    <row r="378" spans="1:12">
      <c r="A378" s="21" t="s">
        <v>240</v>
      </c>
      <c r="B378" s="21" t="s">
        <v>237</v>
      </c>
      <c r="C378" s="21" t="s">
        <v>265</v>
      </c>
      <c r="D378" s="21" t="s">
        <v>534</v>
      </c>
      <c r="E378" s="21" t="s">
        <v>215</v>
      </c>
      <c r="F378" s="21" t="s">
        <v>516</v>
      </c>
      <c r="G378" s="16">
        <v>1589</v>
      </c>
      <c r="H378" s="16">
        <v>1425</v>
      </c>
      <c r="I378" s="16">
        <v>157</v>
      </c>
      <c r="J378" s="22" t="s">
        <v>268</v>
      </c>
      <c r="K378" s="16">
        <v>7</v>
      </c>
      <c r="L378" s="22" t="s">
        <v>268</v>
      </c>
    </row>
    <row r="379" spans="1:12">
      <c r="A379" s="21" t="s">
        <v>240</v>
      </c>
      <c r="B379" s="21" t="s">
        <v>237</v>
      </c>
      <c r="C379" s="21" t="s">
        <v>265</v>
      </c>
      <c r="D379" s="21" t="s">
        <v>534</v>
      </c>
      <c r="E379" s="21" t="s">
        <v>215</v>
      </c>
      <c r="F379" s="21" t="s">
        <v>517</v>
      </c>
      <c r="G379" s="16">
        <v>1754</v>
      </c>
      <c r="H379" s="16">
        <v>1074</v>
      </c>
      <c r="I379" s="16">
        <v>652</v>
      </c>
      <c r="J379" s="22" t="s">
        <v>268</v>
      </c>
      <c r="K379" s="16">
        <v>25</v>
      </c>
      <c r="L379" s="16">
        <v>3</v>
      </c>
    </row>
    <row r="380" spans="1:12">
      <c r="A380" s="21" t="s">
        <v>240</v>
      </c>
      <c r="B380" s="21" t="s">
        <v>237</v>
      </c>
      <c r="C380" s="21" t="s">
        <v>265</v>
      </c>
      <c r="D380" s="21" t="s">
        <v>534</v>
      </c>
      <c r="E380" s="21" t="s">
        <v>215</v>
      </c>
      <c r="F380" s="21" t="s">
        <v>518</v>
      </c>
      <c r="G380" s="16">
        <v>2197</v>
      </c>
      <c r="H380" s="16">
        <v>912</v>
      </c>
      <c r="I380" s="16">
        <v>1212</v>
      </c>
      <c r="J380" s="22" t="s">
        <v>268</v>
      </c>
      <c r="K380" s="16">
        <v>66</v>
      </c>
      <c r="L380" s="16">
        <v>7</v>
      </c>
    </row>
    <row r="381" spans="1:12">
      <c r="A381" s="21" t="s">
        <v>240</v>
      </c>
      <c r="B381" s="21" t="s">
        <v>237</v>
      </c>
      <c r="C381" s="21" t="s">
        <v>265</v>
      </c>
      <c r="D381" s="21" t="s">
        <v>534</v>
      </c>
      <c r="E381" s="21" t="s">
        <v>215</v>
      </c>
      <c r="F381" s="21" t="s">
        <v>519</v>
      </c>
      <c r="G381" s="16">
        <v>2738</v>
      </c>
      <c r="H381" s="16">
        <v>822</v>
      </c>
      <c r="I381" s="16">
        <v>1797</v>
      </c>
      <c r="J381" s="16">
        <v>3</v>
      </c>
      <c r="K381" s="16">
        <v>107</v>
      </c>
      <c r="L381" s="16">
        <v>9</v>
      </c>
    </row>
    <row r="382" spans="1:12">
      <c r="A382" s="21" t="s">
        <v>240</v>
      </c>
      <c r="B382" s="21" t="s">
        <v>237</v>
      </c>
      <c r="C382" s="21" t="s">
        <v>265</v>
      </c>
      <c r="D382" s="21" t="s">
        <v>534</v>
      </c>
      <c r="E382" s="21" t="s">
        <v>215</v>
      </c>
      <c r="F382" s="21" t="s">
        <v>520</v>
      </c>
      <c r="G382" s="16">
        <v>3073</v>
      </c>
      <c r="H382" s="16">
        <v>777</v>
      </c>
      <c r="I382" s="16">
        <v>2141</v>
      </c>
      <c r="J382" s="16">
        <v>3</v>
      </c>
      <c r="K382" s="16">
        <v>144</v>
      </c>
      <c r="L382" s="16">
        <v>8</v>
      </c>
    </row>
    <row r="383" spans="1:12">
      <c r="A383" s="21" t="s">
        <v>240</v>
      </c>
      <c r="B383" s="21" t="s">
        <v>237</v>
      </c>
      <c r="C383" s="21" t="s">
        <v>265</v>
      </c>
      <c r="D383" s="21" t="s">
        <v>534</v>
      </c>
      <c r="E383" s="21" t="s">
        <v>215</v>
      </c>
      <c r="F383" s="21" t="s">
        <v>521</v>
      </c>
      <c r="G383" s="16">
        <v>3219</v>
      </c>
      <c r="H383" s="16">
        <v>760</v>
      </c>
      <c r="I383" s="16">
        <v>2225</v>
      </c>
      <c r="J383" s="16">
        <v>15</v>
      </c>
      <c r="K383" s="16">
        <v>208</v>
      </c>
      <c r="L383" s="16">
        <v>11</v>
      </c>
    </row>
    <row r="384" spans="1:12">
      <c r="A384" s="21" t="s">
        <v>240</v>
      </c>
      <c r="B384" s="21" t="s">
        <v>237</v>
      </c>
      <c r="C384" s="21" t="s">
        <v>265</v>
      </c>
      <c r="D384" s="21" t="s">
        <v>534</v>
      </c>
      <c r="E384" s="21" t="s">
        <v>215</v>
      </c>
      <c r="F384" s="21" t="s">
        <v>522</v>
      </c>
      <c r="G384" s="16">
        <v>3053</v>
      </c>
      <c r="H384" s="16">
        <v>625</v>
      </c>
      <c r="I384" s="16">
        <v>2164</v>
      </c>
      <c r="J384" s="16">
        <v>19</v>
      </c>
      <c r="K384" s="16">
        <v>237</v>
      </c>
      <c r="L384" s="16">
        <v>8</v>
      </c>
    </row>
    <row r="385" spans="1:12">
      <c r="A385" s="21" t="s">
        <v>240</v>
      </c>
      <c r="B385" s="21" t="s">
        <v>237</v>
      </c>
      <c r="C385" s="21" t="s">
        <v>265</v>
      </c>
      <c r="D385" s="21" t="s">
        <v>534</v>
      </c>
      <c r="E385" s="21" t="s">
        <v>215</v>
      </c>
      <c r="F385" s="21" t="s">
        <v>523</v>
      </c>
      <c r="G385" s="16">
        <v>3158</v>
      </c>
      <c r="H385" s="16">
        <v>463</v>
      </c>
      <c r="I385" s="16">
        <v>2434</v>
      </c>
      <c r="J385" s="16">
        <v>29</v>
      </c>
      <c r="K385" s="16">
        <v>225</v>
      </c>
      <c r="L385" s="16">
        <v>7</v>
      </c>
    </row>
    <row r="386" spans="1:12">
      <c r="A386" s="21" t="s">
        <v>240</v>
      </c>
      <c r="B386" s="21" t="s">
        <v>237</v>
      </c>
      <c r="C386" s="21" t="s">
        <v>265</v>
      </c>
      <c r="D386" s="21" t="s">
        <v>534</v>
      </c>
      <c r="E386" s="21" t="s">
        <v>215</v>
      </c>
      <c r="F386" s="21" t="s">
        <v>524</v>
      </c>
      <c r="G386" s="16">
        <v>3425</v>
      </c>
      <c r="H386" s="16">
        <v>320</v>
      </c>
      <c r="I386" s="16">
        <v>2862</v>
      </c>
      <c r="J386" s="16">
        <v>46</v>
      </c>
      <c r="K386" s="16">
        <v>189</v>
      </c>
      <c r="L386" s="16">
        <v>8</v>
      </c>
    </row>
    <row r="387" spans="1:12">
      <c r="A387" s="21" t="s">
        <v>240</v>
      </c>
      <c r="B387" s="21" t="s">
        <v>237</v>
      </c>
      <c r="C387" s="21" t="s">
        <v>265</v>
      </c>
      <c r="D387" s="21" t="s">
        <v>534</v>
      </c>
      <c r="E387" s="21" t="s">
        <v>215</v>
      </c>
      <c r="F387" s="21" t="s">
        <v>525</v>
      </c>
      <c r="G387" s="16">
        <v>3831</v>
      </c>
      <c r="H387" s="16">
        <v>185</v>
      </c>
      <c r="I387" s="16">
        <v>3412</v>
      </c>
      <c r="J387" s="16">
        <v>96</v>
      </c>
      <c r="K387" s="16">
        <v>133</v>
      </c>
      <c r="L387" s="16">
        <v>5</v>
      </c>
    </row>
    <row r="388" spans="1:12">
      <c r="A388" s="21" t="s">
        <v>240</v>
      </c>
      <c r="B388" s="21" t="s">
        <v>237</v>
      </c>
      <c r="C388" s="21" t="s">
        <v>265</v>
      </c>
      <c r="D388" s="21" t="s">
        <v>534</v>
      </c>
      <c r="E388" s="21" t="s">
        <v>215</v>
      </c>
      <c r="F388" s="21" t="s">
        <v>526</v>
      </c>
      <c r="G388" s="16">
        <v>3870</v>
      </c>
      <c r="H388" s="16">
        <v>81</v>
      </c>
      <c r="I388" s="16">
        <v>3584</v>
      </c>
      <c r="J388" s="16">
        <v>107</v>
      </c>
      <c r="K388" s="16">
        <v>93</v>
      </c>
      <c r="L388" s="16">
        <v>5</v>
      </c>
    </row>
    <row r="389" spans="1:12">
      <c r="A389" s="21" t="s">
        <v>240</v>
      </c>
      <c r="B389" s="21" t="s">
        <v>237</v>
      </c>
      <c r="C389" s="21" t="s">
        <v>265</v>
      </c>
      <c r="D389" s="21" t="s">
        <v>534</v>
      </c>
      <c r="E389" s="21" t="s">
        <v>215</v>
      </c>
      <c r="F389" s="21" t="s">
        <v>527</v>
      </c>
      <c r="G389" s="16">
        <v>2719</v>
      </c>
      <c r="H389" s="16">
        <v>21</v>
      </c>
      <c r="I389" s="16">
        <v>2550</v>
      </c>
      <c r="J389" s="16">
        <v>111</v>
      </c>
      <c r="K389" s="16">
        <v>31</v>
      </c>
      <c r="L389" s="16">
        <v>6</v>
      </c>
    </row>
    <row r="390" spans="1:12">
      <c r="A390" s="21" t="s">
        <v>240</v>
      </c>
      <c r="B390" s="21" t="s">
        <v>237</v>
      </c>
      <c r="C390" s="21" t="s">
        <v>265</v>
      </c>
      <c r="D390" s="21" t="s">
        <v>534</v>
      </c>
      <c r="E390" s="21" t="s">
        <v>215</v>
      </c>
      <c r="F390" s="21" t="s">
        <v>528</v>
      </c>
      <c r="G390" s="16">
        <v>2142</v>
      </c>
      <c r="H390" s="16">
        <v>5</v>
      </c>
      <c r="I390" s="16">
        <v>1967</v>
      </c>
      <c r="J390" s="16">
        <v>151</v>
      </c>
      <c r="K390" s="16">
        <v>16</v>
      </c>
      <c r="L390" s="16">
        <v>3</v>
      </c>
    </row>
    <row r="391" spans="1:12">
      <c r="A391" s="21" t="s">
        <v>240</v>
      </c>
      <c r="B391" s="21" t="s">
        <v>237</v>
      </c>
      <c r="C391" s="21" t="s">
        <v>265</v>
      </c>
      <c r="D391" s="21" t="s">
        <v>534</v>
      </c>
      <c r="E391" s="21" t="s">
        <v>215</v>
      </c>
      <c r="F391" s="21" t="s">
        <v>529</v>
      </c>
      <c r="G391" s="16">
        <v>1303</v>
      </c>
      <c r="H391" s="16">
        <v>2</v>
      </c>
      <c r="I391" s="16">
        <v>1098</v>
      </c>
      <c r="J391" s="16">
        <v>195</v>
      </c>
      <c r="K391" s="16">
        <v>6</v>
      </c>
      <c r="L391" s="16">
        <v>2</v>
      </c>
    </row>
    <row r="392" spans="1:12">
      <c r="A392" s="21" t="s">
        <v>240</v>
      </c>
      <c r="B392" s="21" t="s">
        <v>237</v>
      </c>
      <c r="C392" s="21" t="s">
        <v>265</v>
      </c>
      <c r="D392" s="21" t="s">
        <v>534</v>
      </c>
      <c r="E392" s="21" t="s">
        <v>215</v>
      </c>
      <c r="F392" s="21" t="s">
        <v>530</v>
      </c>
      <c r="G392" s="16">
        <v>465</v>
      </c>
      <c r="H392" s="22" t="s">
        <v>268</v>
      </c>
      <c r="I392" s="16">
        <v>341</v>
      </c>
      <c r="J392" s="16">
        <v>123</v>
      </c>
      <c r="K392" s="22" t="s">
        <v>268</v>
      </c>
      <c r="L392" s="16">
        <v>1</v>
      </c>
    </row>
    <row r="393" spans="1:12">
      <c r="A393" s="21" t="s">
        <v>240</v>
      </c>
      <c r="B393" s="21" t="s">
        <v>237</v>
      </c>
      <c r="C393" s="21" t="s">
        <v>265</v>
      </c>
      <c r="D393" s="21" t="s">
        <v>534</v>
      </c>
      <c r="E393" s="21" t="s">
        <v>215</v>
      </c>
      <c r="F393" s="21" t="s">
        <v>531</v>
      </c>
      <c r="G393" s="16">
        <v>70</v>
      </c>
      <c r="H393" s="22" t="s">
        <v>268</v>
      </c>
      <c r="I393" s="16">
        <v>32</v>
      </c>
      <c r="J393" s="16">
        <v>38</v>
      </c>
      <c r="K393" s="22" t="s">
        <v>268</v>
      </c>
      <c r="L393" s="22" t="s">
        <v>268</v>
      </c>
    </row>
    <row r="394" spans="1:12">
      <c r="A394" s="21" t="s">
        <v>240</v>
      </c>
      <c r="B394" s="21" t="s">
        <v>237</v>
      </c>
      <c r="C394" s="21" t="s">
        <v>265</v>
      </c>
      <c r="D394" s="21" t="s">
        <v>534</v>
      </c>
      <c r="E394" s="21" t="s">
        <v>215</v>
      </c>
      <c r="F394" s="21" t="s">
        <v>532</v>
      </c>
      <c r="G394" s="16">
        <v>5</v>
      </c>
      <c r="H394" s="22" t="s">
        <v>268</v>
      </c>
      <c r="I394" s="16">
        <v>3</v>
      </c>
      <c r="J394" s="16">
        <v>2</v>
      </c>
      <c r="K394" s="22" t="s">
        <v>268</v>
      </c>
      <c r="L394" s="22" t="s">
        <v>268</v>
      </c>
    </row>
    <row r="395" spans="1:12">
      <c r="A395" s="21" t="s">
        <v>240</v>
      </c>
      <c r="B395" s="21" t="s">
        <v>237</v>
      </c>
      <c r="C395" s="21" t="s">
        <v>265</v>
      </c>
      <c r="D395" s="21" t="s">
        <v>534</v>
      </c>
      <c r="E395" s="21" t="s">
        <v>215</v>
      </c>
      <c r="F395" s="21" t="s">
        <v>533</v>
      </c>
      <c r="G395" s="16">
        <v>89</v>
      </c>
      <c r="H395" s="22" t="s">
        <v>268</v>
      </c>
      <c r="I395" s="22" t="s">
        <v>268</v>
      </c>
      <c r="J395" s="22" t="s">
        <v>268</v>
      </c>
      <c r="K395" s="22" t="s">
        <v>268</v>
      </c>
      <c r="L395" s="16">
        <v>89</v>
      </c>
    </row>
    <row r="396" spans="1:12">
      <c r="A396" s="21" t="s">
        <v>240</v>
      </c>
      <c r="B396" s="21" t="s">
        <v>237</v>
      </c>
      <c r="C396" s="21" t="s">
        <v>265</v>
      </c>
      <c r="D396" s="21" t="s">
        <v>534</v>
      </c>
      <c r="E396" s="21" t="s">
        <v>215</v>
      </c>
      <c r="F396" s="21" t="s">
        <v>461</v>
      </c>
      <c r="G396" s="16">
        <v>26606</v>
      </c>
      <c r="H396" s="16">
        <v>9570</v>
      </c>
      <c r="I396" s="16">
        <v>15652</v>
      </c>
      <c r="J396" s="16">
        <v>115</v>
      </c>
      <c r="K396" s="16">
        <v>1208</v>
      </c>
      <c r="L396" s="16">
        <v>61</v>
      </c>
    </row>
    <row r="397" spans="1:12">
      <c r="A397" s="21" t="s">
        <v>240</v>
      </c>
      <c r="B397" s="21" t="s">
        <v>237</v>
      </c>
      <c r="C397" s="21" t="s">
        <v>265</v>
      </c>
      <c r="D397" s="21" t="s">
        <v>534</v>
      </c>
      <c r="E397" s="21" t="s">
        <v>215</v>
      </c>
      <c r="F397" s="21" t="s">
        <v>462</v>
      </c>
      <c r="G397" s="16">
        <v>14405</v>
      </c>
      <c r="H397" s="16">
        <v>294</v>
      </c>
      <c r="I397" s="16">
        <v>12987</v>
      </c>
      <c r="J397" s="16">
        <v>823</v>
      </c>
      <c r="K397" s="16">
        <v>279</v>
      </c>
      <c r="L397" s="16">
        <v>22</v>
      </c>
    </row>
    <row r="398" spans="1:12">
      <c r="A398" s="21" t="s">
        <v>240</v>
      </c>
      <c r="B398" s="21" t="s">
        <v>237</v>
      </c>
      <c r="C398" s="21" t="s">
        <v>265</v>
      </c>
      <c r="D398" s="21" t="s">
        <v>534</v>
      </c>
      <c r="E398" s="21" t="s">
        <v>215</v>
      </c>
      <c r="F398" s="21" t="s">
        <v>463</v>
      </c>
      <c r="G398" s="16">
        <v>6704</v>
      </c>
      <c r="H398" s="16">
        <v>28</v>
      </c>
      <c r="I398" s="16">
        <v>5991</v>
      </c>
      <c r="J398" s="16">
        <v>620</v>
      </c>
      <c r="K398" s="16">
        <v>53</v>
      </c>
      <c r="L398" s="16">
        <v>12</v>
      </c>
    </row>
    <row r="399" spans="1:12">
      <c r="A399" s="21" t="s">
        <v>240</v>
      </c>
      <c r="B399" s="21" t="s">
        <v>237</v>
      </c>
      <c r="C399" s="21" t="s">
        <v>265</v>
      </c>
      <c r="D399" s="21" t="s">
        <v>534</v>
      </c>
      <c r="E399" s="21" t="s">
        <v>215</v>
      </c>
      <c r="F399" s="21" t="s">
        <v>464</v>
      </c>
      <c r="G399" s="16">
        <v>1843</v>
      </c>
      <c r="H399" s="16">
        <v>2</v>
      </c>
      <c r="I399" s="16">
        <v>1474</v>
      </c>
      <c r="J399" s="16">
        <v>358</v>
      </c>
      <c r="K399" s="16">
        <v>6</v>
      </c>
      <c r="L399" s="16">
        <v>3</v>
      </c>
    </row>
    <row r="400" spans="1:12">
      <c r="A400" s="21" t="s">
        <v>240</v>
      </c>
      <c r="B400" s="21" t="s">
        <v>237</v>
      </c>
      <c r="C400" s="21" t="s">
        <v>265</v>
      </c>
      <c r="D400" s="21" t="s">
        <v>534</v>
      </c>
      <c r="E400" s="21" t="s">
        <v>215</v>
      </c>
      <c r="F400" s="21" t="s">
        <v>431</v>
      </c>
      <c r="G400" s="16">
        <v>28037</v>
      </c>
      <c r="H400" s="16">
        <v>7363</v>
      </c>
      <c r="I400" s="16">
        <v>19056</v>
      </c>
      <c r="J400" s="16">
        <v>211</v>
      </c>
      <c r="K400" s="16">
        <v>1341</v>
      </c>
      <c r="L400" s="16">
        <v>66</v>
      </c>
    </row>
    <row r="401" spans="1:12">
      <c r="A401" s="21" t="s">
        <v>240</v>
      </c>
      <c r="B401" s="21" t="s">
        <v>237</v>
      </c>
      <c r="C401" s="21" t="s">
        <v>265</v>
      </c>
      <c r="D401" s="21" t="s">
        <v>535</v>
      </c>
      <c r="E401" s="21" t="s">
        <v>215</v>
      </c>
      <c r="F401" s="21" t="s">
        <v>401</v>
      </c>
      <c r="G401" s="16">
        <v>27277</v>
      </c>
      <c r="H401" s="16">
        <v>720</v>
      </c>
      <c r="I401" s="16">
        <v>25159</v>
      </c>
      <c r="J401" s="16">
        <v>686</v>
      </c>
      <c r="K401" s="16">
        <v>598</v>
      </c>
      <c r="L401" s="16">
        <v>114</v>
      </c>
    </row>
    <row r="402" spans="1:12">
      <c r="A402" s="21" t="s">
        <v>240</v>
      </c>
      <c r="B402" s="21" t="s">
        <v>237</v>
      </c>
      <c r="C402" s="21" t="s">
        <v>265</v>
      </c>
      <c r="D402" s="21" t="s">
        <v>535</v>
      </c>
      <c r="E402" s="21" t="s">
        <v>215</v>
      </c>
      <c r="F402" s="21" t="s">
        <v>514</v>
      </c>
      <c r="G402" s="22" t="s">
        <v>268</v>
      </c>
      <c r="H402" s="22" t="s">
        <v>268</v>
      </c>
      <c r="I402" s="22" t="s">
        <v>268</v>
      </c>
      <c r="J402" s="22" t="s">
        <v>268</v>
      </c>
      <c r="K402" s="22" t="s">
        <v>268</v>
      </c>
      <c r="L402" s="22" t="s">
        <v>268</v>
      </c>
    </row>
    <row r="403" spans="1:12">
      <c r="A403" s="21" t="s">
        <v>240</v>
      </c>
      <c r="B403" s="21" t="s">
        <v>237</v>
      </c>
      <c r="C403" s="21" t="s">
        <v>265</v>
      </c>
      <c r="D403" s="21" t="s">
        <v>535</v>
      </c>
      <c r="E403" s="21" t="s">
        <v>215</v>
      </c>
      <c r="F403" s="21" t="s">
        <v>515</v>
      </c>
      <c r="G403" s="16">
        <v>5</v>
      </c>
      <c r="H403" s="16">
        <v>2</v>
      </c>
      <c r="I403" s="16">
        <v>3</v>
      </c>
      <c r="J403" s="22" t="s">
        <v>268</v>
      </c>
      <c r="K403" s="22" t="s">
        <v>268</v>
      </c>
      <c r="L403" s="22" t="s">
        <v>268</v>
      </c>
    </row>
    <row r="404" spans="1:12">
      <c r="A404" s="21" t="s">
        <v>240</v>
      </c>
      <c r="B404" s="21" t="s">
        <v>237</v>
      </c>
      <c r="C404" s="21" t="s">
        <v>265</v>
      </c>
      <c r="D404" s="21" t="s">
        <v>535</v>
      </c>
      <c r="E404" s="21" t="s">
        <v>215</v>
      </c>
      <c r="F404" s="21" t="s">
        <v>516</v>
      </c>
      <c r="G404" s="16">
        <v>141</v>
      </c>
      <c r="H404" s="16">
        <v>30</v>
      </c>
      <c r="I404" s="16">
        <v>110</v>
      </c>
      <c r="J404" s="22" t="s">
        <v>268</v>
      </c>
      <c r="K404" s="16">
        <v>1</v>
      </c>
      <c r="L404" s="22" t="s">
        <v>268</v>
      </c>
    </row>
    <row r="405" spans="1:12">
      <c r="A405" s="21" t="s">
        <v>240</v>
      </c>
      <c r="B405" s="21" t="s">
        <v>237</v>
      </c>
      <c r="C405" s="21" t="s">
        <v>265</v>
      </c>
      <c r="D405" s="21" t="s">
        <v>535</v>
      </c>
      <c r="E405" s="21" t="s">
        <v>215</v>
      </c>
      <c r="F405" s="21" t="s">
        <v>517</v>
      </c>
      <c r="G405" s="16">
        <v>565</v>
      </c>
      <c r="H405" s="16">
        <v>38</v>
      </c>
      <c r="I405" s="16">
        <v>520</v>
      </c>
      <c r="J405" s="22" t="s">
        <v>268</v>
      </c>
      <c r="K405" s="16">
        <v>4</v>
      </c>
      <c r="L405" s="16">
        <v>3</v>
      </c>
    </row>
    <row r="406" spans="1:12">
      <c r="A406" s="21" t="s">
        <v>240</v>
      </c>
      <c r="B406" s="21" t="s">
        <v>237</v>
      </c>
      <c r="C406" s="21" t="s">
        <v>265</v>
      </c>
      <c r="D406" s="21" t="s">
        <v>535</v>
      </c>
      <c r="E406" s="21" t="s">
        <v>215</v>
      </c>
      <c r="F406" s="21" t="s">
        <v>518</v>
      </c>
      <c r="G406" s="16">
        <v>1067</v>
      </c>
      <c r="H406" s="16">
        <v>44</v>
      </c>
      <c r="I406" s="16">
        <v>1009</v>
      </c>
      <c r="J406" s="22" t="s">
        <v>268</v>
      </c>
      <c r="K406" s="16">
        <v>9</v>
      </c>
      <c r="L406" s="16">
        <v>5</v>
      </c>
    </row>
    <row r="407" spans="1:12">
      <c r="A407" s="21" t="s">
        <v>240</v>
      </c>
      <c r="B407" s="21" t="s">
        <v>237</v>
      </c>
      <c r="C407" s="21" t="s">
        <v>265</v>
      </c>
      <c r="D407" s="21" t="s">
        <v>535</v>
      </c>
      <c r="E407" s="21" t="s">
        <v>215</v>
      </c>
      <c r="F407" s="21" t="s">
        <v>519</v>
      </c>
      <c r="G407" s="16">
        <v>1539</v>
      </c>
      <c r="H407" s="16">
        <v>40</v>
      </c>
      <c r="I407" s="16">
        <v>1467</v>
      </c>
      <c r="J407" s="16">
        <v>1</v>
      </c>
      <c r="K407" s="16">
        <v>25</v>
      </c>
      <c r="L407" s="16">
        <v>6</v>
      </c>
    </row>
    <row r="408" spans="1:12">
      <c r="A408" s="21" t="s">
        <v>240</v>
      </c>
      <c r="B408" s="21" t="s">
        <v>237</v>
      </c>
      <c r="C408" s="21" t="s">
        <v>265</v>
      </c>
      <c r="D408" s="21" t="s">
        <v>535</v>
      </c>
      <c r="E408" s="21" t="s">
        <v>215</v>
      </c>
      <c r="F408" s="21" t="s">
        <v>520</v>
      </c>
      <c r="G408" s="16">
        <v>1845</v>
      </c>
      <c r="H408" s="16">
        <v>53</v>
      </c>
      <c r="I408" s="16">
        <v>1754</v>
      </c>
      <c r="J408" s="16">
        <v>1</v>
      </c>
      <c r="K408" s="16">
        <v>32</v>
      </c>
      <c r="L408" s="16">
        <v>5</v>
      </c>
    </row>
    <row r="409" spans="1:12">
      <c r="A409" s="21" t="s">
        <v>240</v>
      </c>
      <c r="B409" s="21" t="s">
        <v>237</v>
      </c>
      <c r="C409" s="21" t="s">
        <v>265</v>
      </c>
      <c r="D409" s="21" t="s">
        <v>535</v>
      </c>
      <c r="E409" s="21" t="s">
        <v>215</v>
      </c>
      <c r="F409" s="21" t="s">
        <v>521</v>
      </c>
      <c r="G409" s="16">
        <v>1942</v>
      </c>
      <c r="H409" s="16">
        <v>56</v>
      </c>
      <c r="I409" s="16">
        <v>1810</v>
      </c>
      <c r="J409" s="16">
        <v>13</v>
      </c>
      <c r="K409" s="16">
        <v>54</v>
      </c>
      <c r="L409" s="16">
        <v>9</v>
      </c>
    </row>
    <row r="410" spans="1:12">
      <c r="A410" s="21" t="s">
        <v>240</v>
      </c>
      <c r="B410" s="21" t="s">
        <v>237</v>
      </c>
      <c r="C410" s="21" t="s">
        <v>265</v>
      </c>
      <c r="D410" s="21" t="s">
        <v>535</v>
      </c>
      <c r="E410" s="21" t="s">
        <v>215</v>
      </c>
      <c r="F410" s="21" t="s">
        <v>522</v>
      </c>
      <c r="G410" s="16">
        <v>1947</v>
      </c>
      <c r="H410" s="16">
        <v>95</v>
      </c>
      <c r="I410" s="16">
        <v>1758</v>
      </c>
      <c r="J410" s="16">
        <v>13</v>
      </c>
      <c r="K410" s="16">
        <v>77</v>
      </c>
      <c r="L410" s="16">
        <v>4</v>
      </c>
    </row>
    <row r="411" spans="1:12">
      <c r="A411" s="21" t="s">
        <v>240</v>
      </c>
      <c r="B411" s="21" t="s">
        <v>237</v>
      </c>
      <c r="C411" s="21" t="s">
        <v>265</v>
      </c>
      <c r="D411" s="21" t="s">
        <v>535</v>
      </c>
      <c r="E411" s="21" t="s">
        <v>215</v>
      </c>
      <c r="F411" s="21" t="s">
        <v>523</v>
      </c>
      <c r="G411" s="16">
        <v>2259</v>
      </c>
      <c r="H411" s="16">
        <v>127</v>
      </c>
      <c r="I411" s="16">
        <v>2014</v>
      </c>
      <c r="J411" s="16">
        <v>13</v>
      </c>
      <c r="K411" s="16">
        <v>100</v>
      </c>
      <c r="L411" s="16">
        <v>5</v>
      </c>
    </row>
    <row r="412" spans="1:12">
      <c r="A412" s="21" t="s">
        <v>240</v>
      </c>
      <c r="B412" s="21" t="s">
        <v>237</v>
      </c>
      <c r="C412" s="21" t="s">
        <v>265</v>
      </c>
      <c r="D412" s="21" t="s">
        <v>535</v>
      </c>
      <c r="E412" s="21" t="s">
        <v>215</v>
      </c>
      <c r="F412" s="21" t="s">
        <v>524</v>
      </c>
      <c r="G412" s="16">
        <v>2777</v>
      </c>
      <c r="H412" s="16">
        <v>108</v>
      </c>
      <c r="I412" s="16">
        <v>2520</v>
      </c>
      <c r="J412" s="16">
        <v>35</v>
      </c>
      <c r="K412" s="16">
        <v>107</v>
      </c>
      <c r="L412" s="16">
        <v>7</v>
      </c>
    </row>
    <row r="413" spans="1:12">
      <c r="A413" s="21" t="s">
        <v>240</v>
      </c>
      <c r="B413" s="21" t="s">
        <v>237</v>
      </c>
      <c r="C413" s="21" t="s">
        <v>265</v>
      </c>
      <c r="D413" s="21" t="s">
        <v>535</v>
      </c>
      <c r="E413" s="21" t="s">
        <v>215</v>
      </c>
      <c r="F413" s="21" t="s">
        <v>525</v>
      </c>
      <c r="G413" s="16">
        <v>3447</v>
      </c>
      <c r="H413" s="16">
        <v>79</v>
      </c>
      <c r="I413" s="16">
        <v>3204</v>
      </c>
      <c r="J413" s="16">
        <v>73</v>
      </c>
      <c r="K413" s="16">
        <v>88</v>
      </c>
      <c r="L413" s="16">
        <v>3</v>
      </c>
    </row>
    <row r="414" spans="1:12">
      <c r="A414" s="21" t="s">
        <v>240</v>
      </c>
      <c r="B414" s="21" t="s">
        <v>237</v>
      </c>
      <c r="C414" s="21" t="s">
        <v>265</v>
      </c>
      <c r="D414" s="21" t="s">
        <v>535</v>
      </c>
      <c r="E414" s="21" t="s">
        <v>215</v>
      </c>
      <c r="F414" s="21" t="s">
        <v>526</v>
      </c>
      <c r="G414" s="16">
        <v>3625</v>
      </c>
      <c r="H414" s="16">
        <v>34</v>
      </c>
      <c r="I414" s="16">
        <v>3431</v>
      </c>
      <c r="J414" s="16">
        <v>90</v>
      </c>
      <c r="K414" s="16">
        <v>66</v>
      </c>
      <c r="L414" s="16">
        <v>4</v>
      </c>
    </row>
    <row r="415" spans="1:12">
      <c r="A415" s="21" t="s">
        <v>240</v>
      </c>
      <c r="B415" s="21" t="s">
        <v>237</v>
      </c>
      <c r="C415" s="21" t="s">
        <v>265</v>
      </c>
      <c r="D415" s="21" t="s">
        <v>535</v>
      </c>
      <c r="E415" s="21" t="s">
        <v>215</v>
      </c>
      <c r="F415" s="21" t="s">
        <v>527</v>
      </c>
      <c r="G415" s="16">
        <v>2558</v>
      </c>
      <c r="H415" s="16">
        <v>9</v>
      </c>
      <c r="I415" s="16">
        <v>2433</v>
      </c>
      <c r="J415" s="16">
        <v>87</v>
      </c>
      <c r="K415" s="16">
        <v>25</v>
      </c>
      <c r="L415" s="16">
        <v>4</v>
      </c>
    </row>
    <row r="416" spans="1:12">
      <c r="A416" s="21" t="s">
        <v>240</v>
      </c>
      <c r="B416" s="21" t="s">
        <v>237</v>
      </c>
      <c r="C416" s="21" t="s">
        <v>265</v>
      </c>
      <c r="D416" s="21" t="s">
        <v>535</v>
      </c>
      <c r="E416" s="21" t="s">
        <v>215</v>
      </c>
      <c r="F416" s="21" t="s">
        <v>528</v>
      </c>
      <c r="G416" s="16">
        <v>1971</v>
      </c>
      <c r="H416" s="16">
        <v>4</v>
      </c>
      <c r="I416" s="16">
        <v>1832</v>
      </c>
      <c r="J416" s="16">
        <v>125</v>
      </c>
      <c r="K416" s="16">
        <v>8</v>
      </c>
      <c r="L416" s="16">
        <v>2</v>
      </c>
    </row>
    <row r="417" spans="1:12">
      <c r="A417" s="21" t="s">
        <v>240</v>
      </c>
      <c r="B417" s="21" t="s">
        <v>237</v>
      </c>
      <c r="C417" s="21" t="s">
        <v>265</v>
      </c>
      <c r="D417" s="21" t="s">
        <v>535</v>
      </c>
      <c r="E417" s="21" t="s">
        <v>215</v>
      </c>
      <c r="F417" s="21" t="s">
        <v>529</v>
      </c>
      <c r="G417" s="16">
        <v>1109</v>
      </c>
      <c r="H417" s="16">
        <v>1</v>
      </c>
      <c r="I417" s="16">
        <v>971</v>
      </c>
      <c r="J417" s="16">
        <v>133</v>
      </c>
      <c r="K417" s="16">
        <v>2</v>
      </c>
      <c r="L417" s="16">
        <v>2</v>
      </c>
    </row>
    <row r="418" spans="1:12">
      <c r="A418" s="21" t="s">
        <v>240</v>
      </c>
      <c r="B418" s="21" t="s">
        <v>237</v>
      </c>
      <c r="C418" s="21" t="s">
        <v>265</v>
      </c>
      <c r="D418" s="21" t="s">
        <v>535</v>
      </c>
      <c r="E418" s="21" t="s">
        <v>215</v>
      </c>
      <c r="F418" s="21" t="s">
        <v>530</v>
      </c>
      <c r="G418" s="16">
        <v>373</v>
      </c>
      <c r="H418" s="22" t="s">
        <v>268</v>
      </c>
      <c r="I418" s="16">
        <v>296</v>
      </c>
      <c r="J418" s="16">
        <v>76</v>
      </c>
      <c r="K418" s="22" t="s">
        <v>268</v>
      </c>
      <c r="L418" s="16">
        <v>1</v>
      </c>
    </row>
    <row r="419" spans="1:12">
      <c r="A419" s="21" t="s">
        <v>240</v>
      </c>
      <c r="B419" s="21" t="s">
        <v>237</v>
      </c>
      <c r="C419" s="21" t="s">
        <v>265</v>
      </c>
      <c r="D419" s="21" t="s">
        <v>535</v>
      </c>
      <c r="E419" s="21" t="s">
        <v>215</v>
      </c>
      <c r="F419" s="21" t="s">
        <v>531</v>
      </c>
      <c r="G419" s="16">
        <v>49</v>
      </c>
      <c r="H419" s="22" t="s">
        <v>268</v>
      </c>
      <c r="I419" s="16">
        <v>25</v>
      </c>
      <c r="J419" s="16">
        <v>24</v>
      </c>
      <c r="K419" s="22" t="s">
        <v>268</v>
      </c>
      <c r="L419" s="22" t="s">
        <v>268</v>
      </c>
    </row>
    <row r="420" spans="1:12">
      <c r="A420" s="21" t="s">
        <v>240</v>
      </c>
      <c r="B420" s="21" t="s">
        <v>237</v>
      </c>
      <c r="C420" s="21" t="s">
        <v>265</v>
      </c>
      <c r="D420" s="21" t="s">
        <v>535</v>
      </c>
      <c r="E420" s="21" t="s">
        <v>215</v>
      </c>
      <c r="F420" s="21" t="s">
        <v>532</v>
      </c>
      <c r="G420" s="16">
        <v>4</v>
      </c>
      <c r="H420" s="22" t="s">
        <v>268</v>
      </c>
      <c r="I420" s="16">
        <v>2</v>
      </c>
      <c r="J420" s="16">
        <v>2</v>
      </c>
      <c r="K420" s="22" t="s">
        <v>268</v>
      </c>
      <c r="L420" s="22" t="s">
        <v>268</v>
      </c>
    </row>
    <row r="421" spans="1:12">
      <c r="A421" s="21" t="s">
        <v>240</v>
      </c>
      <c r="B421" s="21" t="s">
        <v>237</v>
      </c>
      <c r="C421" s="21" t="s">
        <v>265</v>
      </c>
      <c r="D421" s="21" t="s">
        <v>535</v>
      </c>
      <c r="E421" s="21" t="s">
        <v>215</v>
      </c>
      <c r="F421" s="21" t="s">
        <v>533</v>
      </c>
      <c r="G421" s="16">
        <v>54</v>
      </c>
      <c r="H421" s="22" t="s">
        <v>268</v>
      </c>
      <c r="I421" s="22" t="s">
        <v>268</v>
      </c>
      <c r="J421" s="22" t="s">
        <v>268</v>
      </c>
      <c r="K421" s="22" t="s">
        <v>268</v>
      </c>
      <c r="L421" s="16">
        <v>54</v>
      </c>
    </row>
    <row r="422" spans="1:12">
      <c r="A422" s="21" t="s">
        <v>240</v>
      </c>
      <c r="B422" s="21" t="s">
        <v>237</v>
      </c>
      <c r="C422" s="21" t="s">
        <v>265</v>
      </c>
      <c r="D422" s="21" t="s">
        <v>535</v>
      </c>
      <c r="E422" s="21" t="s">
        <v>215</v>
      </c>
      <c r="F422" s="21" t="s">
        <v>461</v>
      </c>
      <c r="G422" s="16">
        <v>14087</v>
      </c>
      <c r="H422" s="16">
        <v>593</v>
      </c>
      <c r="I422" s="16">
        <v>12965</v>
      </c>
      <c r="J422" s="16">
        <v>76</v>
      </c>
      <c r="K422" s="16">
        <v>409</v>
      </c>
      <c r="L422" s="16">
        <v>44</v>
      </c>
    </row>
    <row r="423" spans="1:12">
      <c r="A423" s="21" t="s">
        <v>240</v>
      </c>
      <c r="B423" s="21" t="s">
        <v>237</v>
      </c>
      <c r="C423" s="21" t="s">
        <v>265</v>
      </c>
      <c r="D423" s="21" t="s">
        <v>535</v>
      </c>
      <c r="E423" s="21" t="s">
        <v>215</v>
      </c>
      <c r="F423" s="21" t="s">
        <v>462</v>
      </c>
      <c r="G423" s="16">
        <v>13136</v>
      </c>
      <c r="H423" s="16">
        <v>127</v>
      </c>
      <c r="I423" s="16">
        <v>12194</v>
      </c>
      <c r="J423" s="16">
        <v>610</v>
      </c>
      <c r="K423" s="16">
        <v>189</v>
      </c>
      <c r="L423" s="16">
        <v>16</v>
      </c>
    </row>
    <row r="424" spans="1:12">
      <c r="A424" s="21" t="s">
        <v>240</v>
      </c>
      <c r="B424" s="21" t="s">
        <v>237</v>
      </c>
      <c r="C424" s="21" t="s">
        <v>265</v>
      </c>
      <c r="D424" s="21" t="s">
        <v>535</v>
      </c>
      <c r="E424" s="21" t="s">
        <v>215</v>
      </c>
      <c r="F424" s="21" t="s">
        <v>463</v>
      </c>
      <c r="G424" s="16">
        <v>6064</v>
      </c>
      <c r="H424" s="16">
        <v>14</v>
      </c>
      <c r="I424" s="16">
        <v>5559</v>
      </c>
      <c r="J424" s="16">
        <v>447</v>
      </c>
      <c r="K424" s="16">
        <v>35</v>
      </c>
      <c r="L424" s="16">
        <v>9</v>
      </c>
    </row>
    <row r="425" spans="1:12">
      <c r="A425" s="21" t="s">
        <v>240</v>
      </c>
      <c r="B425" s="21" t="s">
        <v>237</v>
      </c>
      <c r="C425" s="21" t="s">
        <v>265</v>
      </c>
      <c r="D425" s="21" t="s">
        <v>535</v>
      </c>
      <c r="E425" s="21" t="s">
        <v>215</v>
      </c>
      <c r="F425" s="21" t="s">
        <v>464</v>
      </c>
      <c r="G425" s="16">
        <v>1535</v>
      </c>
      <c r="H425" s="16">
        <v>1</v>
      </c>
      <c r="I425" s="16">
        <v>1294</v>
      </c>
      <c r="J425" s="16">
        <v>235</v>
      </c>
      <c r="K425" s="16">
        <v>2</v>
      </c>
      <c r="L425" s="16">
        <v>3</v>
      </c>
    </row>
    <row r="426" spans="1:12">
      <c r="A426" s="21" t="s">
        <v>240</v>
      </c>
      <c r="B426" s="21" t="s">
        <v>237</v>
      </c>
      <c r="C426" s="21" t="s">
        <v>265</v>
      </c>
      <c r="D426" s="21" t="s">
        <v>535</v>
      </c>
      <c r="E426" s="21" t="s">
        <v>215</v>
      </c>
      <c r="F426" s="21" t="s">
        <v>431</v>
      </c>
      <c r="G426" s="16">
        <v>17529</v>
      </c>
      <c r="H426" s="16">
        <v>670</v>
      </c>
      <c r="I426" s="16">
        <v>16166</v>
      </c>
      <c r="J426" s="16">
        <v>149</v>
      </c>
      <c r="K426" s="16">
        <v>497</v>
      </c>
      <c r="L426" s="16">
        <v>47</v>
      </c>
    </row>
    <row r="427" spans="1:12">
      <c r="A427" s="21" t="s">
        <v>240</v>
      </c>
      <c r="B427" s="21" t="s">
        <v>237</v>
      </c>
      <c r="C427" s="21" t="s">
        <v>265</v>
      </c>
      <c r="D427" s="21" t="s">
        <v>536</v>
      </c>
      <c r="E427" s="21" t="s">
        <v>215</v>
      </c>
      <c r="F427" s="21" t="s">
        <v>401</v>
      </c>
      <c r="G427" s="16">
        <v>6794</v>
      </c>
      <c r="H427" s="16">
        <v>2899</v>
      </c>
      <c r="I427" s="16">
        <v>693</v>
      </c>
      <c r="J427" s="16">
        <v>761</v>
      </c>
      <c r="K427" s="16">
        <v>1229</v>
      </c>
      <c r="L427" s="16">
        <v>1212</v>
      </c>
    </row>
    <row r="428" spans="1:12">
      <c r="A428" s="21" t="s">
        <v>240</v>
      </c>
      <c r="B428" s="21" t="s">
        <v>237</v>
      </c>
      <c r="C428" s="21" t="s">
        <v>265</v>
      </c>
      <c r="D428" s="21" t="s">
        <v>536</v>
      </c>
      <c r="E428" s="21" t="s">
        <v>215</v>
      </c>
      <c r="F428" s="21" t="s">
        <v>514</v>
      </c>
      <c r="G428" s="22" t="s">
        <v>268</v>
      </c>
      <c r="H428" s="22" t="s">
        <v>268</v>
      </c>
      <c r="I428" s="22" t="s">
        <v>268</v>
      </c>
      <c r="J428" s="22" t="s">
        <v>268</v>
      </c>
      <c r="K428" s="22" t="s">
        <v>268</v>
      </c>
      <c r="L428" s="22" t="s">
        <v>268</v>
      </c>
    </row>
    <row r="429" spans="1:12">
      <c r="A429" s="21" t="s">
        <v>240</v>
      </c>
      <c r="B429" s="21" t="s">
        <v>237</v>
      </c>
      <c r="C429" s="21" t="s">
        <v>265</v>
      </c>
      <c r="D429" s="21" t="s">
        <v>536</v>
      </c>
      <c r="E429" s="21" t="s">
        <v>215</v>
      </c>
      <c r="F429" s="21" t="s">
        <v>515</v>
      </c>
      <c r="G429" s="16">
        <v>58</v>
      </c>
      <c r="H429" s="16">
        <v>50</v>
      </c>
      <c r="I429" s="16">
        <v>1</v>
      </c>
      <c r="J429" s="22" t="s">
        <v>268</v>
      </c>
      <c r="K429" s="22" t="s">
        <v>268</v>
      </c>
      <c r="L429" s="16">
        <v>7</v>
      </c>
    </row>
    <row r="430" spans="1:12">
      <c r="A430" s="21" t="s">
        <v>240</v>
      </c>
      <c r="B430" s="21" t="s">
        <v>237</v>
      </c>
      <c r="C430" s="21" t="s">
        <v>265</v>
      </c>
      <c r="D430" s="21" t="s">
        <v>536</v>
      </c>
      <c r="E430" s="21" t="s">
        <v>215</v>
      </c>
      <c r="F430" s="21" t="s">
        <v>516</v>
      </c>
      <c r="G430" s="16">
        <v>402</v>
      </c>
      <c r="H430" s="16">
        <v>331</v>
      </c>
      <c r="I430" s="16">
        <v>4</v>
      </c>
      <c r="J430" s="22" t="s">
        <v>268</v>
      </c>
      <c r="K430" s="16">
        <v>1</v>
      </c>
      <c r="L430" s="16">
        <v>66</v>
      </c>
    </row>
    <row r="431" spans="1:12">
      <c r="A431" s="21" t="s">
        <v>240</v>
      </c>
      <c r="B431" s="21" t="s">
        <v>237</v>
      </c>
      <c r="C431" s="21" t="s">
        <v>265</v>
      </c>
      <c r="D431" s="21" t="s">
        <v>536</v>
      </c>
      <c r="E431" s="21" t="s">
        <v>215</v>
      </c>
      <c r="F431" s="21" t="s">
        <v>517</v>
      </c>
      <c r="G431" s="16">
        <v>502</v>
      </c>
      <c r="H431" s="16">
        <v>374</v>
      </c>
      <c r="I431" s="16">
        <v>21</v>
      </c>
      <c r="J431" s="22" t="s">
        <v>268</v>
      </c>
      <c r="K431" s="16">
        <v>7</v>
      </c>
      <c r="L431" s="16">
        <v>100</v>
      </c>
    </row>
    <row r="432" spans="1:12">
      <c r="A432" s="21" t="s">
        <v>240</v>
      </c>
      <c r="B432" s="21" t="s">
        <v>237</v>
      </c>
      <c r="C432" s="21" t="s">
        <v>265</v>
      </c>
      <c r="D432" s="21" t="s">
        <v>536</v>
      </c>
      <c r="E432" s="21" t="s">
        <v>215</v>
      </c>
      <c r="F432" s="21" t="s">
        <v>518</v>
      </c>
      <c r="G432" s="16">
        <v>398</v>
      </c>
      <c r="H432" s="16">
        <v>256</v>
      </c>
      <c r="I432" s="16">
        <v>39</v>
      </c>
      <c r="J432" s="22" t="s">
        <v>268</v>
      </c>
      <c r="K432" s="16">
        <v>32</v>
      </c>
      <c r="L432" s="16">
        <v>71</v>
      </c>
    </row>
    <row r="433" spans="1:12">
      <c r="A433" s="21" t="s">
        <v>240</v>
      </c>
      <c r="B433" s="21" t="s">
        <v>237</v>
      </c>
      <c r="C433" s="21" t="s">
        <v>265</v>
      </c>
      <c r="D433" s="21" t="s">
        <v>536</v>
      </c>
      <c r="E433" s="21" t="s">
        <v>215</v>
      </c>
      <c r="F433" s="21" t="s">
        <v>519</v>
      </c>
      <c r="G433" s="16">
        <v>349</v>
      </c>
      <c r="H433" s="16">
        <v>198</v>
      </c>
      <c r="I433" s="16">
        <v>37</v>
      </c>
      <c r="J433" s="16">
        <v>1</v>
      </c>
      <c r="K433" s="16">
        <v>48</v>
      </c>
      <c r="L433" s="16">
        <v>65</v>
      </c>
    </row>
    <row r="434" spans="1:12">
      <c r="A434" s="21" t="s">
        <v>240</v>
      </c>
      <c r="B434" s="21" t="s">
        <v>237</v>
      </c>
      <c r="C434" s="21" t="s">
        <v>265</v>
      </c>
      <c r="D434" s="21" t="s">
        <v>536</v>
      </c>
      <c r="E434" s="21" t="s">
        <v>215</v>
      </c>
      <c r="F434" s="21" t="s">
        <v>520</v>
      </c>
      <c r="G434" s="16">
        <v>318</v>
      </c>
      <c r="H434" s="16">
        <v>158</v>
      </c>
      <c r="I434" s="16">
        <v>45</v>
      </c>
      <c r="J434" s="16">
        <v>2</v>
      </c>
      <c r="K434" s="16">
        <v>44</v>
      </c>
      <c r="L434" s="16">
        <v>69</v>
      </c>
    </row>
    <row r="435" spans="1:12">
      <c r="A435" s="21" t="s">
        <v>240</v>
      </c>
      <c r="B435" s="21" t="s">
        <v>237</v>
      </c>
      <c r="C435" s="21" t="s">
        <v>265</v>
      </c>
      <c r="D435" s="21" t="s">
        <v>536</v>
      </c>
      <c r="E435" s="21" t="s">
        <v>215</v>
      </c>
      <c r="F435" s="21" t="s">
        <v>521</v>
      </c>
      <c r="G435" s="16">
        <v>457</v>
      </c>
      <c r="H435" s="16">
        <v>204</v>
      </c>
      <c r="I435" s="16">
        <v>83</v>
      </c>
      <c r="J435" s="16">
        <v>1</v>
      </c>
      <c r="K435" s="16">
        <v>105</v>
      </c>
      <c r="L435" s="16">
        <v>64</v>
      </c>
    </row>
    <row r="436" spans="1:12">
      <c r="A436" s="21" t="s">
        <v>240</v>
      </c>
      <c r="B436" s="21" t="s">
        <v>237</v>
      </c>
      <c r="C436" s="21" t="s">
        <v>265</v>
      </c>
      <c r="D436" s="21" t="s">
        <v>536</v>
      </c>
      <c r="E436" s="21" t="s">
        <v>215</v>
      </c>
      <c r="F436" s="21" t="s">
        <v>522</v>
      </c>
      <c r="G436" s="16">
        <v>461</v>
      </c>
      <c r="H436" s="16">
        <v>201</v>
      </c>
      <c r="I436" s="16">
        <v>89</v>
      </c>
      <c r="J436" s="16">
        <v>5</v>
      </c>
      <c r="K436" s="16">
        <v>113</v>
      </c>
      <c r="L436" s="16">
        <v>53</v>
      </c>
    </row>
    <row r="437" spans="1:12">
      <c r="A437" s="21" t="s">
        <v>240</v>
      </c>
      <c r="B437" s="21" t="s">
        <v>237</v>
      </c>
      <c r="C437" s="21" t="s">
        <v>265</v>
      </c>
      <c r="D437" s="21" t="s">
        <v>536</v>
      </c>
      <c r="E437" s="21" t="s">
        <v>215</v>
      </c>
      <c r="F437" s="21" t="s">
        <v>523</v>
      </c>
      <c r="G437" s="16">
        <v>563</v>
      </c>
      <c r="H437" s="16">
        <v>262</v>
      </c>
      <c r="I437" s="16">
        <v>104</v>
      </c>
      <c r="J437" s="16">
        <v>15</v>
      </c>
      <c r="K437" s="16">
        <v>128</v>
      </c>
      <c r="L437" s="16">
        <v>54</v>
      </c>
    </row>
    <row r="438" spans="1:12">
      <c r="A438" s="21" t="s">
        <v>240</v>
      </c>
      <c r="B438" s="21" t="s">
        <v>237</v>
      </c>
      <c r="C438" s="21" t="s">
        <v>265</v>
      </c>
      <c r="D438" s="21" t="s">
        <v>536</v>
      </c>
      <c r="E438" s="21" t="s">
        <v>215</v>
      </c>
      <c r="F438" s="21" t="s">
        <v>524</v>
      </c>
      <c r="G438" s="16">
        <v>644</v>
      </c>
      <c r="H438" s="16">
        <v>307</v>
      </c>
      <c r="I438" s="16">
        <v>64</v>
      </c>
      <c r="J438" s="16">
        <v>37</v>
      </c>
      <c r="K438" s="16">
        <v>184</v>
      </c>
      <c r="L438" s="16">
        <v>52</v>
      </c>
    </row>
    <row r="439" spans="1:12">
      <c r="A439" s="21" t="s">
        <v>240</v>
      </c>
      <c r="B439" s="21" t="s">
        <v>237</v>
      </c>
      <c r="C439" s="21" t="s">
        <v>265</v>
      </c>
      <c r="D439" s="21" t="s">
        <v>536</v>
      </c>
      <c r="E439" s="21" t="s">
        <v>215</v>
      </c>
      <c r="F439" s="21" t="s">
        <v>525</v>
      </c>
      <c r="G439" s="16">
        <v>708</v>
      </c>
      <c r="H439" s="16">
        <v>285</v>
      </c>
      <c r="I439" s="16">
        <v>60</v>
      </c>
      <c r="J439" s="16">
        <v>72</v>
      </c>
      <c r="K439" s="16">
        <v>246</v>
      </c>
      <c r="L439" s="16">
        <v>45</v>
      </c>
    </row>
    <row r="440" spans="1:12">
      <c r="A440" s="21" t="s">
        <v>240</v>
      </c>
      <c r="B440" s="21" t="s">
        <v>237</v>
      </c>
      <c r="C440" s="21" t="s">
        <v>265</v>
      </c>
      <c r="D440" s="21" t="s">
        <v>536</v>
      </c>
      <c r="E440" s="21" t="s">
        <v>215</v>
      </c>
      <c r="F440" s="21" t="s">
        <v>526</v>
      </c>
      <c r="G440" s="16">
        <v>595</v>
      </c>
      <c r="H440" s="16">
        <v>190</v>
      </c>
      <c r="I440" s="16">
        <v>54</v>
      </c>
      <c r="J440" s="16">
        <v>132</v>
      </c>
      <c r="K440" s="16">
        <v>194</v>
      </c>
      <c r="L440" s="16">
        <v>25</v>
      </c>
    </row>
    <row r="441" spans="1:12">
      <c r="A441" s="21" t="s">
        <v>240</v>
      </c>
      <c r="B441" s="21" t="s">
        <v>237</v>
      </c>
      <c r="C441" s="21" t="s">
        <v>265</v>
      </c>
      <c r="D441" s="21" t="s">
        <v>536</v>
      </c>
      <c r="E441" s="21" t="s">
        <v>215</v>
      </c>
      <c r="F441" s="21" t="s">
        <v>527</v>
      </c>
      <c r="G441" s="16">
        <v>320</v>
      </c>
      <c r="H441" s="16">
        <v>63</v>
      </c>
      <c r="I441" s="16">
        <v>25</v>
      </c>
      <c r="J441" s="16">
        <v>141</v>
      </c>
      <c r="K441" s="16">
        <v>74</v>
      </c>
      <c r="L441" s="16">
        <v>17</v>
      </c>
    </row>
    <row r="442" spans="1:12">
      <c r="A442" s="21" t="s">
        <v>240</v>
      </c>
      <c r="B442" s="21" t="s">
        <v>237</v>
      </c>
      <c r="C442" s="21" t="s">
        <v>265</v>
      </c>
      <c r="D442" s="21" t="s">
        <v>536</v>
      </c>
      <c r="E442" s="21" t="s">
        <v>215</v>
      </c>
      <c r="F442" s="21" t="s">
        <v>528</v>
      </c>
      <c r="G442" s="16">
        <v>204</v>
      </c>
      <c r="H442" s="16">
        <v>8</v>
      </c>
      <c r="I442" s="16">
        <v>28</v>
      </c>
      <c r="J442" s="16">
        <v>121</v>
      </c>
      <c r="K442" s="16">
        <v>39</v>
      </c>
      <c r="L442" s="16">
        <v>8</v>
      </c>
    </row>
    <row r="443" spans="1:12">
      <c r="A443" s="21" t="s">
        <v>240</v>
      </c>
      <c r="B443" s="21" t="s">
        <v>237</v>
      </c>
      <c r="C443" s="21" t="s">
        <v>265</v>
      </c>
      <c r="D443" s="21" t="s">
        <v>536</v>
      </c>
      <c r="E443" s="21" t="s">
        <v>215</v>
      </c>
      <c r="F443" s="21" t="s">
        <v>529</v>
      </c>
      <c r="G443" s="16">
        <v>204</v>
      </c>
      <c r="H443" s="16">
        <v>10</v>
      </c>
      <c r="I443" s="16">
        <v>25</v>
      </c>
      <c r="J443" s="16">
        <v>148</v>
      </c>
      <c r="K443" s="16">
        <v>13</v>
      </c>
      <c r="L443" s="16">
        <v>8</v>
      </c>
    </row>
    <row r="444" spans="1:12">
      <c r="A444" s="21" t="s">
        <v>240</v>
      </c>
      <c r="B444" s="21" t="s">
        <v>237</v>
      </c>
      <c r="C444" s="21" t="s">
        <v>265</v>
      </c>
      <c r="D444" s="21" t="s">
        <v>536</v>
      </c>
      <c r="E444" s="21" t="s">
        <v>215</v>
      </c>
      <c r="F444" s="21" t="s">
        <v>530</v>
      </c>
      <c r="G444" s="16">
        <v>87</v>
      </c>
      <c r="H444" s="16">
        <v>2</v>
      </c>
      <c r="I444" s="16">
        <v>11</v>
      </c>
      <c r="J444" s="16">
        <v>72</v>
      </c>
      <c r="K444" s="16">
        <v>1</v>
      </c>
      <c r="L444" s="16">
        <v>1</v>
      </c>
    </row>
    <row r="445" spans="1:12">
      <c r="A445" s="21" t="s">
        <v>240</v>
      </c>
      <c r="B445" s="21" t="s">
        <v>237</v>
      </c>
      <c r="C445" s="21" t="s">
        <v>265</v>
      </c>
      <c r="D445" s="21" t="s">
        <v>536</v>
      </c>
      <c r="E445" s="21" t="s">
        <v>215</v>
      </c>
      <c r="F445" s="21" t="s">
        <v>531</v>
      </c>
      <c r="G445" s="16">
        <v>15</v>
      </c>
      <c r="H445" s="22" t="s">
        <v>268</v>
      </c>
      <c r="I445" s="16">
        <v>3</v>
      </c>
      <c r="J445" s="16">
        <v>12</v>
      </c>
      <c r="K445" s="22" t="s">
        <v>268</v>
      </c>
      <c r="L445" s="22" t="s">
        <v>268</v>
      </c>
    </row>
    <row r="446" spans="1:12">
      <c r="A446" s="21" t="s">
        <v>240</v>
      </c>
      <c r="B446" s="21" t="s">
        <v>237</v>
      </c>
      <c r="C446" s="21" t="s">
        <v>265</v>
      </c>
      <c r="D446" s="21" t="s">
        <v>536</v>
      </c>
      <c r="E446" s="21" t="s">
        <v>215</v>
      </c>
      <c r="F446" s="21" t="s">
        <v>532</v>
      </c>
      <c r="G446" s="16">
        <v>2</v>
      </c>
      <c r="H446" s="22" t="s">
        <v>268</v>
      </c>
      <c r="I446" s="22" t="s">
        <v>268</v>
      </c>
      <c r="J446" s="16">
        <v>2</v>
      </c>
      <c r="K446" s="22" t="s">
        <v>268</v>
      </c>
      <c r="L446" s="22" t="s">
        <v>268</v>
      </c>
    </row>
    <row r="447" spans="1:12">
      <c r="A447" s="21" t="s">
        <v>240</v>
      </c>
      <c r="B447" s="21" t="s">
        <v>237</v>
      </c>
      <c r="C447" s="21" t="s">
        <v>265</v>
      </c>
      <c r="D447" s="21" t="s">
        <v>536</v>
      </c>
      <c r="E447" s="21" t="s">
        <v>215</v>
      </c>
      <c r="F447" s="21" t="s">
        <v>533</v>
      </c>
      <c r="G447" s="16">
        <v>507</v>
      </c>
      <c r="H447" s="22" t="s">
        <v>268</v>
      </c>
      <c r="I447" s="22" t="s">
        <v>268</v>
      </c>
      <c r="J447" s="22" t="s">
        <v>268</v>
      </c>
      <c r="K447" s="22" t="s">
        <v>268</v>
      </c>
      <c r="L447" s="16">
        <v>507</v>
      </c>
    </row>
    <row r="448" spans="1:12">
      <c r="A448" s="21" t="s">
        <v>240</v>
      </c>
      <c r="B448" s="21" t="s">
        <v>237</v>
      </c>
      <c r="C448" s="21" t="s">
        <v>265</v>
      </c>
      <c r="D448" s="21" t="s">
        <v>536</v>
      </c>
      <c r="E448" s="21" t="s">
        <v>215</v>
      </c>
      <c r="F448" s="21" t="s">
        <v>461</v>
      </c>
      <c r="G448" s="16">
        <v>4152</v>
      </c>
      <c r="H448" s="16">
        <v>2341</v>
      </c>
      <c r="I448" s="16">
        <v>487</v>
      </c>
      <c r="J448" s="16">
        <v>61</v>
      </c>
      <c r="K448" s="16">
        <v>662</v>
      </c>
      <c r="L448" s="16">
        <v>601</v>
      </c>
    </row>
    <row r="449" spans="1:12">
      <c r="A449" s="21" t="s">
        <v>240</v>
      </c>
      <c r="B449" s="21" t="s">
        <v>237</v>
      </c>
      <c r="C449" s="21" t="s">
        <v>265</v>
      </c>
      <c r="D449" s="21" t="s">
        <v>536</v>
      </c>
      <c r="E449" s="21" t="s">
        <v>215</v>
      </c>
      <c r="F449" s="21" t="s">
        <v>462</v>
      </c>
      <c r="G449" s="16">
        <v>2135</v>
      </c>
      <c r="H449" s="16">
        <v>558</v>
      </c>
      <c r="I449" s="16">
        <v>206</v>
      </c>
      <c r="J449" s="16">
        <v>700</v>
      </c>
      <c r="K449" s="16">
        <v>567</v>
      </c>
      <c r="L449" s="16">
        <v>104</v>
      </c>
    </row>
    <row r="450" spans="1:12">
      <c r="A450" s="21" t="s">
        <v>240</v>
      </c>
      <c r="B450" s="21" t="s">
        <v>237</v>
      </c>
      <c r="C450" s="21" t="s">
        <v>265</v>
      </c>
      <c r="D450" s="21" t="s">
        <v>536</v>
      </c>
      <c r="E450" s="21" t="s">
        <v>215</v>
      </c>
      <c r="F450" s="21" t="s">
        <v>463</v>
      </c>
      <c r="G450" s="16">
        <v>832</v>
      </c>
      <c r="H450" s="16">
        <v>83</v>
      </c>
      <c r="I450" s="16">
        <v>92</v>
      </c>
      <c r="J450" s="16">
        <v>496</v>
      </c>
      <c r="K450" s="16">
        <v>127</v>
      </c>
      <c r="L450" s="16">
        <v>34</v>
      </c>
    </row>
    <row r="451" spans="1:12">
      <c r="A451" s="21" t="s">
        <v>240</v>
      </c>
      <c r="B451" s="21" t="s">
        <v>237</v>
      </c>
      <c r="C451" s="21" t="s">
        <v>265</v>
      </c>
      <c r="D451" s="21" t="s">
        <v>536</v>
      </c>
      <c r="E451" s="21" t="s">
        <v>215</v>
      </c>
      <c r="F451" s="21" t="s">
        <v>464</v>
      </c>
      <c r="G451" s="16">
        <v>308</v>
      </c>
      <c r="H451" s="16">
        <v>12</v>
      </c>
      <c r="I451" s="16">
        <v>39</v>
      </c>
      <c r="J451" s="16">
        <v>234</v>
      </c>
      <c r="K451" s="16">
        <v>14</v>
      </c>
      <c r="L451" s="16">
        <v>9</v>
      </c>
    </row>
    <row r="452" spans="1:12">
      <c r="A452" s="21" t="s">
        <v>240</v>
      </c>
      <c r="B452" s="21" t="s">
        <v>237</v>
      </c>
      <c r="C452" s="21" t="s">
        <v>265</v>
      </c>
      <c r="D452" s="21" t="s">
        <v>536</v>
      </c>
      <c r="E452" s="21" t="s">
        <v>215</v>
      </c>
      <c r="F452" s="21" t="s">
        <v>431</v>
      </c>
      <c r="G452" s="16">
        <v>4802</v>
      </c>
      <c r="H452" s="16">
        <v>2576</v>
      </c>
      <c r="I452" s="16">
        <v>546</v>
      </c>
      <c r="J452" s="16">
        <v>133</v>
      </c>
      <c r="K452" s="16">
        <v>908</v>
      </c>
      <c r="L452" s="16">
        <v>639</v>
      </c>
    </row>
    <row r="453" spans="1:12">
      <c r="A453" s="21" t="s">
        <v>240</v>
      </c>
      <c r="B453" s="21" t="s">
        <v>237</v>
      </c>
      <c r="C453" s="21" t="s">
        <v>265</v>
      </c>
      <c r="D453" s="21" t="s">
        <v>218</v>
      </c>
      <c r="E453" s="21" t="s">
        <v>215</v>
      </c>
      <c r="F453" s="21" t="s">
        <v>401</v>
      </c>
      <c r="G453" s="16">
        <v>1932</v>
      </c>
      <c r="H453" s="16">
        <v>985</v>
      </c>
      <c r="I453" s="16">
        <v>423</v>
      </c>
      <c r="J453" s="16">
        <v>293</v>
      </c>
      <c r="K453" s="16">
        <v>135</v>
      </c>
      <c r="L453" s="16">
        <v>96</v>
      </c>
    </row>
    <row r="454" spans="1:12">
      <c r="A454" s="21" t="s">
        <v>240</v>
      </c>
      <c r="B454" s="21" t="s">
        <v>237</v>
      </c>
      <c r="C454" s="21" t="s">
        <v>265</v>
      </c>
      <c r="D454" s="21" t="s">
        <v>218</v>
      </c>
      <c r="E454" s="21" t="s">
        <v>215</v>
      </c>
      <c r="F454" s="21" t="s">
        <v>514</v>
      </c>
      <c r="G454" s="16">
        <v>15</v>
      </c>
      <c r="H454" s="16">
        <v>15</v>
      </c>
      <c r="I454" s="22" t="s">
        <v>268</v>
      </c>
      <c r="J454" s="22" t="s">
        <v>268</v>
      </c>
      <c r="K454" s="22" t="s">
        <v>268</v>
      </c>
      <c r="L454" s="22" t="s">
        <v>268</v>
      </c>
    </row>
    <row r="455" spans="1:12">
      <c r="A455" s="21" t="s">
        <v>240</v>
      </c>
      <c r="B455" s="21" t="s">
        <v>237</v>
      </c>
      <c r="C455" s="21" t="s">
        <v>265</v>
      </c>
      <c r="D455" s="21" t="s">
        <v>218</v>
      </c>
      <c r="E455" s="21" t="s">
        <v>215</v>
      </c>
      <c r="F455" s="21" t="s">
        <v>515</v>
      </c>
      <c r="G455" s="16">
        <v>520</v>
      </c>
      <c r="H455" s="16">
        <v>520</v>
      </c>
      <c r="I455" s="22" t="s">
        <v>268</v>
      </c>
      <c r="J455" s="22" t="s">
        <v>268</v>
      </c>
      <c r="K455" s="22" t="s">
        <v>268</v>
      </c>
      <c r="L455" s="22" t="s">
        <v>268</v>
      </c>
    </row>
    <row r="456" spans="1:12">
      <c r="A456" s="21" t="s">
        <v>240</v>
      </c>
      <c r="B456" s="21" t="s">
        <v>237</v>
      </c>
      <c r="C456" s="21" t="s">
        <v>265</v>
      </c>
      <c r="D456" s="21" t="s">
        <v>218</v>
      </c>
      <c r="E456" s="21" t="s">
        <v>215</v>
      </c>
      <c r="F456" s="21" t="s">
        <v>516</v>
      </c>
      <c r="G456" s="16">
        <v>34</v>
      </c>
      <c r="H456" s="16">
        <v>34</v>
      </c>
      <c r="I456" s="22" t="s">
        <v>268</v>
      </c>
      <c r="J456" s="22" t="s">
        <v>268</v>
      </c>
      <c r="K456" s="22" t="s">
        <v>268</v>
      </c>
      <c r="L456" s="22" t="s">
        <v>268</v>
      </c>
    </row>
    <row r="457" spans="1:12">
      <c r="A457" s="21" t="s">
        <v>240</v>
      </c>
      <c r="B457" s="21" t="s">
        <v>237</v>
      </c>
      <c r="C457" s="21" t="s">
        <v>265</v>
      </c>
      <c r="D457" s="21" t="s">
        <v>218</v>
      </c>
      <c r="E457" s="21" t="s">
        <v>215</v>
      </c>
      <c r="F457" s="21" t="s">
        <v>517</v>
      </c>
      <c r="G457" s="16">
        <v>4</v>
      </c>
      <c r="H457" s="16">
        <v>2</v>
      </c>
      <c r="I457" s="22" t="s">
        <v>268</v>
      </c>
      <c r="J457" s="22" t="s">
        <v>268</v>
      </c>
      <c r="K457" s="16">
        <v>2</v>
      </c>
      <c r="L457" s="22" t="s">
        <v>268</v>
      </c>
    </row>
    <row r="458" spans="1:12">
      <c r="A458" s="21" t="s">
        <v>240</v>
      </c>
      <c r="B458" s="21" t="s">
        <v>237</v>
      </c>
      <c r="C458" s="21" t="s">
        <v>265</v>
      </c>
      <c r="D458" s="21" t="s">
        <v>218</v>
      </c>
      <c r="E458" s="21" t="s">
        <v>215</v>
      </c>
      <c r="F458" s="21" t="s">
        <v>518</v>
      </c>
      <c r="G458" s="16">
        <v>13</v>
      </c>
      <c r="H458" s="16">
        <v>13</v>
      </c>
      <c r="I458" s="22" t="s">
        <v>268</v>
      </c>
      <c r="J458" s="22" t="s">
        <v>268</v>
      </c>
      <c r="K458" s="22" t="s">
        <v>268</v>
      </c>
      <c r="L458" s="22" t="s">
        <v>268</v>
      </c>
    </row>
    <row r="459" spans="1:12">
      <c r="A459" s="21" t="s">
        <v>240</v>
      </c>
      <c r="B459" s="21" t="s">
        <v>237</v>
      </c>
      <c r="C459" s="21" t="s">
        <v>265</v>
      </c>
      <c r="D459" s="21" t="s">
        <v>218</v>
      </c>
      <c r="E459" s="21" t="s">
        <v>215</v>
      </c>
      <c r="F459" s="21" t="s">
        <v>519</v>
      </c>
      <c r="G459" s="16">
        <v>9</v>
      </c>
      <c r="H459" s="16">
        <v>8</v>
      </c>
      <c r="I459" s="22" t="s">
        <v>268</v>
      </c>
      <c r="J459" s="22" t="s">
        <v>268</v>
      </c>
      <c r="K459" s="16">
        <v>1</v>
      </c>
      <c r="L459" s="22" t="s">
        <v>268</v>
      </c>
    </row>
    <row r="460" spans="1:12">
      <c r="A460" s="21" t="s">
        <v>240</v>
      </c>
      <c r="B460" s="21" t="s">
        <v>237</v>
      </c>
      <c r="C460" s="21" t="s">
        <v>265</v>
      </c>
      <c r="D460" s="21" t="s">
        <v>218</v>
      </c>
      <c r="E460" s="21" t="s">
        <v>215</v>
      </c>
      <c r="F460" s="21" t="s">
        <v>520</v>
      </c>
      <c r="G460" s="16">
        <v>13</v>
      </c>
      <c r="H460" s="16">
        <v>12</v>
      </c>
      <c r="I460" s="22" t="s">
        <v>268</v>
      </c>
      <c r="J460" s="22" t="s">
        <v>268</v>
      </c>
      <c r="K460" s="16">
        <v>1</v>
      </c>
      <c r="L460" s="22" t="s">
        <v>268</v>
      </c>
    </row>
    <row r="461" spans="1:12">
      <c r="A461" s="21" t="s">
        <v>240</v>
      </c>
      <c r="B461" s="21" t="s">
        <v>237</v>
      </c>
      <c r="C461" s="21" t="s">
        <v>265</v>
      </c>
      <c r="D461" s="21" t="s">
        <v>218</v>
      </c>
      <c r="E461" s="21" t="s">
        <v>215</v>
      </c>
      <c r="F461" s="21" t="s">
        <v>521</v>
      </c>
      <c r="G461" s="16">
        <v>35</v>
      </c>
      <c r="H461" s="16">
        <v>33</v>
      </c>
      <c r="I461" s="16">
        <v>1</v>
      </c>
      <c r="J461" s="22" t="s">
        <v>268</v>
      </c>
      <c r="K461" s="16">
        <v>1</v>
      </c>
      <c r="L461" s="22" t="s">
        <v>268</v>
      </c>
    </row>
    <row r="462" spans="1:12">
      <c r="A462" s="21" t="s">
        <v>240</v>
      </c>
      <c r="B462" s="21" t="s">
        <v>237</v>
      </c>
      <c r="C462" s="21" t="s">
        <v>265</v>
      </c>
      <c r="D462" s="21" t="s">
        <v>218</v>
      </c>
      <c r="E462" s="21" t="s">
        <v>215</v>
      </c>
      <c r="F462" s="21" t="s">
        <v>522</v>
      </c>
      <c r="G462" s="16">
        <v>43</v>
      </c>
      <c r="H462" s="16">
        <v>37</v>
      </c>
      <c r="I462" s="16">
        <v>3</v>
      </c>
      <c r="J462" s="22" t="s">
        <v>268</v>
      </c>
      <c r="K462" s="16">
        <v>3</v>
      </c>
      <c r="L462" s="22" t="s">
        <v>268</v>
      </c>
    </row>
    <row r="463" spans="1:12">
      <c r="A463" s="21" t="s">
        <v>240</v>
      </c>
      <c r="B463" s="21" t="s">
        <v>237</v>
      </c>
      <c r="C463" s="21" t="s">
        <v>265</v>
      </c>
      <c r="D463" s="21" t="s">
        <v>218</v>
      </c>
      <c r="E463" s="21" t="s">
        <v>215</v>
      </c>
      <c r="F463" s="21" t="s">
        <v>523</v>
      </c>
      <c r="G463" s="16">
        <v>48</v>
      </c>
      <c r="H463" s="16">
        <v>35</v>
      </c>
      <c r="I463" s="16">
        <v>2</v>
      </c>
      <c r="J463" s="22" t="s">
        <v>268</v>
      </c>
      <c r="K463" s="16">
        <v>10</v>
      </c>
      <c r="L463" s="16">
        <v>1</v>
      </c>
    </row>
    <row r="464" spans="1:12">
      <c r="A464" s="21" t="s">
        <v>240</v>
      </c>
      <c r="B464" s="21" t="s">
        <v>237</v>
      </c>
      <c r="C464" s="21" t="s">
        <v>265</v>
      </c>
      <c r="D464" s="21" t="s">
        <v>218</v>
      </c>
      <c r="E464" s="21" t="s">
        <v>215</v>
      </c>
      <c r="F464" s="21" t="s">
        <v>524</v>
      </c>
      <c r="G464" s="16">
        <v>89</v>
      </c>
      <c r="H464" s="16">
        <v>60</v>
      </c>
      <c r="I464" s="16">
        <v>10</v>
      </c>
      <c r="J464" s="16">
        <v>1</v>
      </c>
      <c r="K464" s="16">
        <v>11</v>
      </c>
      <c r="L464" s="16">
        <v>7</v>
      </c>
    </row>
    <row r="465" spans="1:12">
      <c r="A465" s="21" t="s">
        <v>240</v>
      </c>
      <c r="B465" s="21" t="s">
        <v>237</v>
      </c>
      <c r="C465" s="21" t="s">
        <v>265</v>
      </c>
      <c r="D465" s="21" t="s">
        <v>218</v>
      </c>
      <c r="E465" s="21" t="s">
        <v>215</v>
      </c>
      <c r="F465" s="21" t="s">
        <v>525</v>
      </c>
      <c r="G465" s="16">
        <v>128</v>
      </c>
      <c r="H465" s="16">
        <v>75</v>
      </c>
      <c r="I465" s="16">
        <v>18</v>
      </c>
      <c r="J465" s="16">
        <v>8</v>
      </c>
      <c r="K465" s="16">
        <v>16</v>
      </c>
      <c r="L465" s="16">
        <v>11</v>
      </c>
    </row>
    <row r="466" spans="1:12">
      <c r="A466" s="21" t="s">
        <v>240</v>
      </c>
      <c r="B466" s="21" t="s">
        <v>237</v>
      </c>
      <c r="C466" s="21" t="s">
        <v>265</v>
      </c>
      <c r="D466" s="21" t="s">
        <v>218</v>
      </c>
      <c r="E466" s="21" t="s">
        <v>215</v>
      </c>
      <c r="F466" s="21" t="s">
        <v>526</v>
      </c>
      <c r="G466" s="16">
        <v>170</v>
      </c>
      <c r="H466" s="16">
        <v>65</v>
      </c>
      <c r="I466" s="16">
        <v>43</v>
      </c>
      <c r="J466" s="16">
        <v>15</v>
      </c>
      <c r="K466" s="16">
        <v>33</v>
      </c>
      <c r="L466" s="16">
        <v>14</v>
      </c>
    </row>
    <row r="467" spans="1:12">
      <c r="A467" s="21" t="s">
        <v>240</v>
      </c>
      <c r="B467" s="21" t="s">
        <v>237</v>
      </c>
      <c r="C467" s="21" t="s">
        <v>265</v>
      </c>
      <c r="D467" s="21" t="s">
        <v>218</v>
      </c>
      <c r="E467" s="21" t="s">
        <v>215</v>
      </c>
      <c r="F467" s="21" t="s">
        <v>527</v>
      </c>
      <c r="G467" s="16">
        <v>170</v>
      </c>
      <c r="H467" s="16">
        <v>47</v>
      </c>
      <c r="I467" s="16">
        <v>55</v>
      </c>
      <c r="J467" s="16">
        <v>32</v>
      </c>
      <c r="K467" s="16">
        <v>23</v>
      </c>
      <c r="L467" s="16">
        <v>13</v>
      </c>
    </row>
    <row r="468" spans="1:12">
      <c r="A468" s="21" t="s">
        <v>240</v>
      </c>
      <c r="B468" s="21" t="s">
        <v>237</v>
      </c>
      <c r="C468" s="21" t="s">
        <v>265</v>
      </c>
      <c r="D468" s="21" t="s">
        <v>218</v>
      </c>
      <c r="E468" s="21" t="s">
        <v>215</v>
      </c>
      <c r="F468" s="21" t="s">
        <v>528</v>
      </c>
      <c r="G468" s="16">
        <v>186</v>
      </c>
      <c r="H468" s="16">
        <v>21</v>
      </c>
      <c r="I468" s="16">
        <v>81</v>
      </c>
      <c r="J468" s="16">
        <v>47</v>
      </c>
      <c r="K468" s="16">
        <v>21</v>
      </c>
      <c r="L468" s="16">
        <v>16</v>
      </c>
    </row>
    <row r="469" spans="1:12">
      <c r="A469" s="21" t="s">
        <v>240</v>
      </c>
      <c r="B469" s="21" t="s">
        <v>237</v>
      </c>
      <c r="C469" s="21" t="s">
        <v>265</v>
      </c>
      <c r="D469" s="21" t="s">
        <v>218</v>
      </c>
      <c r="E469" s="21" t="s">
        <v>215</v>
      </c>
      <c r="F469" s="21" t="s">
        <v>529</v>
      </c>
      <c r="G469" s="16">
        <v>264</v>
      </c>
      <c r="H469" s="16">
        <v>7</v>
      </c>
      <c r="I469" s="16">
        <v>131</v>
      </c>
      <c r="J469" s="16">
        <v>98</v>
      </c>
      <c r="K469" s="16">
        <v>8</v>
      </c>
      <c r="L469" s="16">
        <v>20</v>
      </c>
    </row>
    <row r="470" spans="1:12">
      <c r="A470" s="21" t="s">
        <v>240</v>
      </c>
      <c r="B470" s="21" t="s">
        <v>237</v>
      </c>
      <c r="C470" s="21" t="s">
        <v>265</v>
      </c>
      <c r="D470" s="21" t="s">
        <v>218</v>
      </c>
      <c r="E470" s="21" t="s">
        <v>215</v>
      </c>
      <c r="F470" s="21" t="s">
        <v>530</v>
      </c>
      <c r="G470" s="16">
        <v>156</v>
      </c>
      <c r="H470" s="16">
        <v>1</v>
      </c>
      <c r="I470" s="16">
        <v>73</v>
      </c>
      <c r="J470" s="16">
        <v>69</v>
      </c>
      <c r="K470" s="16">
        <v>4</v>
      </c>
      <c r="L470" s="16">
        <v>9</v>
      </c>
    </row>
    <row r="471" spans="1:12">
      <c r="A471" s="21" t="s">
        <v>240</v>
      </c>
      <c r="B471" s="21" t="s">
        <v>237</v>
      </c>
      <c r="C471" s="21" t="s">
        <v>265</v>
      </c>
      <c r="D471" s="21" t="s">
        <v>218</v>
      </c>
      <c r="E471" s="21" t="s">
        <v>215</v>
      </c>
      <c r="F471" s="21" t="s">
        <v>531</v>
      </c>
      <c r="G471" s="16">
        <v>30</v>
      </c>
      <c r="H471" s="22" t="s">
        <v>268</v>
      </c>
      <c r="I471" s="16">
        <v>5</v>
      </c>
      <c r="J471" s="16">
        <v>21</v>
      </c>
      <c r="K471" s="16">
        <v>1</v>
      </c>
      <c r="L471" s="16">
        <v>3</v>
      </c>
    </row>
    <row r="472" spans="1:12">
      <c r="A472" s="21" t="s">
        <v>240</v>
      </c>
      <c r="B472" s="21" t="s">
        <v>237</v>
      </c>
      <c r="C472" s="21" t="s">
        <v>265</v>
      </c>
      <c r="D472" s="21" t="s">
        <v>218</v>
      </c>
      <c r="E472" s="21" t="s">
        <v>215</v>
      </c>
      <c r="F472" s="21" t="s">
        <v>532</v>
      </c>
      <c r="G472" s="16">
        <v>3</v>
      </c>
      <c r="H472" s="22" t="s">
        <v>268</v>
      </c>
      <c r="I472" s="16">
        <v>1</v>
      </c>
      <c r="J472" s="16">
        <v>2</v>
      </c>
      <c r="K472" s="22" t="s">
        <v>268</v>
      </c>
      <c r="L472" s="22" t="s">
        <v>268</v>
      </c>
    </row>
    <row r="473" spans="1:12">
      <c r="A473" s="21" t="s">
        <v>240</v>
      </c>
      <c r="B473" s="21" t="s">
        <v>237</v>
      </c>
      <c r="C473" s="21" t="s">
        <v>265</v>
      </c>
      <c r="D473" s="21" t="s">
        <v>218</v>
      </c>
      <c r="E473" s="21" t="s">
        <v>215</v>
      </c>
      <c r="F473" s="21" t="s">
        <v>533</v>
      </c>
      <c r="G473" s="16">
        <v>2</v>
      </c>
      <c r="H473" s="22" t="s">
        <v>268</v>
      </c>
      <c r="I473" s="22" t="s">
        <v>268</v>
      </c>
      <c r="J473" s="22" t="s">
        <v>268</v>
      </c>
      <c r="K473" s="22" t="s">
        <v>268</v>
      </c>
      <c r="L473" s="16">
        <v>2</v>
      </c>
    </row>
    <row r="474" spans="1:12">
      <c r="A474" s="21" t="s">
        <v>240</v>
      </c>
      <c r="B474" s="21" t="s">
        <v>237</v>
      </c>
      <c r="C474" s="21" t="s">
        <v>265</v>
      </c>
      <c r="D474" s="21" t="s">
        <v>218</v>
      </c>
      <c r="E474" s="21" t="s">
        <v>215</v>
      </c>
      <c r="F474" s="21" t="s">
        <v>461</v>
      </c>
      <c r="G474" s="16">
        <v>808</v>
      </c>
      <c r="H474" s="16">
        <v>754</v>
      </c>
      <c r="I474" s="16">
        <v>16</v>
      </c>
      <c r="J474" s="16">
        <v>1</v>
      </c>
      <c r="K474" s="16">
        <v>29</v>
      </c>
      <c r="L474" s="16">
        <v>8</v>
      </c>
    </row>
    <row r="475" spans="1:12">
      <c r="A475" s="21" t="s">
        <v>240</v>
      </c>
      <c r="B475" s="21" t="s">
        <v>237</v>
      </c>
      <c r="C475" s="21" t="s">
        <v>265</v>
      </c>
      <c r="D475" s="21" t="s">
        <v>218</v>
      </c>
      <c r="E475" s="21" t="s">
        <v>215</v>
      </c>
      <c r="F475" s="21" t="s">
        <v>462</v>
      </c>
      <c r="G475" s="16">
        <v>1107</v>
      </c>
      <c r="H475" s="16">
        <v>216</v>
      </c>
      <c r="I475" s="16">
        <v>407</v>
      </c>
      <c r="J475" s="16">
        <v>292</v>
      </c>
      <c r="K475" s="16">
        <v>106</v>
      </c>
      <c r="L475" s="16">
        <v>86</v>
      </c>
    </row>
    <row r="476" spans="1:12">
      <c r="A476" s="21" t="s">
        <v>240</v>
      </c>
      <c r="B476" s="21" t="s">
        <v>237</v>
      </c>
      <c r="C476" s="21" t="s">
        <v>265</v>
      </c>
      <c r="D476" s="21" t="s">
        <v>218</v>
      </c>
      <c r="E476" s="21" t="s">
        <v>215</v>
      </c>
      <c r="F476" s="21" t="s">
        <v>463</v>
      </c>
      <c r="G476" s="16">
        <v>809</v>
      </c>
      <c r="H476" s="16">
        <v>76</v>
      </c>
      <c r="I476" s="16">
        <v>346</v>
      </c>
      <c r="J476" s="16">
        <v>269</v>
      </c>
      <c r="K476" s="16">
        <v>57</v>
      </c>
      <c r="L476" s="16">
        <v>61</v>
      </c>
    </row>
    <row r="477" spans="1:12">
      <c r="A477" s="21" t="s">
        <v>240</v>
      </c>
      <c r="B477" s="21" t="s">
        <v>237</v>
      </c>
      <c r="C477" s="21" t="s">
        <v>265</v>
      </c>
      <c r="D477" s="21" t="s">
        <v>218</v>
      </c>
      <c r="E477" s="21" t="s">
        <v>215</v>
      </c>
      <c r="F477" s="21" t="s">
        <v>464</v>
      </c>
      <c r="G477" s="16">
        <v>453</v>
      </c>
      <c r="H477" s="16">
        <v>8</v>
      </c>
      <c r="I477" s="16">
        <v>210</v>
      </c>
      <c r="J477" s="16">
        <v>190</v>
      </c>
      <c r="K477" s="16">
        <v>13</v>
      </c>
      <c r="L477" s="16">
        <v>32</v>
      </c>
    </row>
    <row r="478" spans="1:12">
      <c r="A478" s="21" t="s">
        <v>240</v>
      </c>
      <c r="B478" s="21" t="s">
        <v>237</v>
      </c>
      <c r="C478" s="21" t="s">
        <v>265</v>
      </c>
      <c r="D478" s="21" t="s">
        <v>218</v>
      </c>
      <c r="E478" s="21" t="s">
        <v>215</v>
      </c>
      <c r="F478" s="21" t="s">
        <v>431</v>
      </c>
      <c r="G478" s="16">
        <v>416</v>
      </c>
      <c r="H478" s="16">
        <v>309</v>
      </c>
      <c r="I478" s="16">
        <v>34</v>
      </c>
      <c r="J478" s="16">
        <v>9</v>
      </c>
      <c r="K478" s="16">
        <v>45</v>
      </c>
      <c r="L478" s="16">
        <v>19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3" orientation="portrait" r:id="rId1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9E8A75-0F22-4BEF-8DBB-699382CFB726}">
  <sheetPr>
    <pageSetUpPr fitToPage="1"/>
  </sheetPr>
  <dimension ref="A1:L478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23.875" style="20" bestFit="1" customWidth="1"/>
    <col min="5" max="5" width="12.625" style="20"/>
    <col min="6" max="6" width="19" style="20" bestFit="1" customWidth="1"/>
    <col min="7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538</v>
      </c>
    </row>
    <row r="3" spans="1:12" s="11" customFormat="1"/>
    <row r="4" spans="1:12" s="11" customFormat="1" hidden="1"/>
    <row r="5" spans="1:12" s="11" customFormat="1">
      <c r="G5" s="12" t="s">
        <v>211</v>
      </c>
      <c r="H5" s="12" t="s">
        <v>211</v>
      </c>
      <c r="I5" s="12" t="s">
        <v>211</v>
      </c>
      <c r="J5" s="12" t="s">
        <v>211</v>
      </c>
      <c r="K5" s="12" t="s">
        <v>211</v>
      </c>
      <c r="L5" s="12" t="s">
        <v>211</v>
      </c>
    </row>
    <row r="6" spans="1:12" s="11" customFormat="1">
      <c r="G6" s="12" t="s">
        <v>465</v>
      </c>
      <c r="H6" s="12" t="s">
        <v>465</v>
      </c>
      <c r="I6" s="12" t="s">
        <v>465</v>
      </c>
      <c r="J6" s="12" t="s">
        <v>465</v>
      </c>
      <c r="K6" s="12" t="s">
        <v>465</v>
      </c>
      <c r="L6" s="12" t="s">
        <v>465</v>
      </c>
    </row>
    <row r="7" spans="1:12" s="11" customFormat="1"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</row>
    <row r="8" spans="1:12" s="11" customFormat="1" ht="24">
      <c r="G8" s="12" t="s">
        <v>214</v>
      </c>
      <c r="H8" s="12" t="s">
        <v>466</v>
      </c>
      <c r="I8" s="12" t="s">
        <v>467</v>
      </c>
      <c r="J8" s="12" t="s">
        <v>468</v>
      </c>
      <c r="K8" s="12" t="s">
        <v>469</v>
      </c>
      <c r="L8" s="12" t="s">
        <v>470</v>
      </c>
    </row>
    <row r="9" spans="1:12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</row>
    <row r="10" spans="1:12" s="11" customFormat="1">
      <c r="A10" s="14" t="s">
        <v>224</v>
      </c>
      <c r="B10" s="14" t="s">
        <v>259</v>
      </c>
      <c r="C10" s="14" t="s">
        <v>230</v>
      </c>
      <c r="D10" s="14" t="s">
        <v>213</v>
      </c>
      <c r="E10" s="14" t="s">
        <v>212</v>
      </c>
      <c r="F10" s="14" t="s">
        <v>282</v>
      </c>
      <c r="G10" s="14" t="s">
        <v>231</v>
      </c>
      <c r="H10" s="14"/>
      <c r="I10" s="14"/>
      <c r="J10" s="14"/>
      <c r="K10" s="14"/>
      <c r="L10" s="14"/>
    </row>
    <row r="11" spans="1:12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216</v>
      </c>
      <c r="F11" s="15" t="s">
        <v>401</v>
      </c>
      <c r="G11" s="16">
        <v>64796518</v>
      </c>
      <c r="H11" s="16">
        <v>19946442</v>
      </c>
      <c r="I11" s="16">
        <v>30330906</v>
      </c>
      <c r="J11" s="16">
        <v>7508978</v>
      </c>
      <c r="K11" s="16">
        <v>3547821</v>
      </c>
      <c r="L11" s="16">
        <v>3462371</v>
      </c>
    </row>
    <row r="12" spans="1:12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216</v>
      </c>
      <c r="F12" s="21" t="s">
        <v>514</v>
      </c>
      <c r="G12" s="16">
        <v>7295721</v>
      </c>
      <c r="H12" s="16">
        <v>7295721</v>
      </c>
      <c r="I12" s="22" t="s">
        <v>268</v>
      </c>
      <c r="J12" s="22" t="s">
        <v>268</v>
      </c>
      <c r="K12" s="22" t="s">
        <v>268</v>
      </c>
      <c r="L12" s="22" t="s">
        <v>268</v>
      </c>
    </row>
    <row r="13" spans="1:12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216</v>
      </c>
      <c r="F13" s="21" t="s">
        <v>515</v>
      </c>
      <c r="G13" s="16">
        <v>2737411</v>
      </c>
      <c r="H13" s="16">
        <v>2713902</v>
      </c>
      <c r="I13" s="16">
        <v>9134</v>
      </c>
      <c r="J13" s="16">
        <v>220</v>
      </c>
      <c r="K13" s="16">
        <v>775</v>
      </c>
      <c r="L13" s="16">
        <v>13380</v>
      </c>
    </row>
    <row r="14" spans="1:12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216</v>
      </c>
      <c r="F14" s="21" t="s">
        <v>516</v>
      </c>
      <c r="G14" s="16">
        <v>2913437</v>
      </c>
      <c r="H14" s="16">
        <v>2537761</v>
      </c>
      <c r="I14" s="16">
        <v>195541</v>
      </c>
      <c r="J14" s="16">
        <v>874</v>
      </c>
      <c r="K14" s="16">
        <v>14123</v>
      </c>
      <c r="L14" s="16">
        <v>165138</v>
      </c>
    </row>
    <row r="15" spans="1:12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216</v>
      </c>
      <c r="F15" s="21" t="s">
        <v>517</v>
      </c>
      <c r="G15" s="16">
        <v>2957877</v>
      </c>
      <c r="H15" s="16">
        <v>1720868</v>
      </c>
      <c r="I15" s="16">
        <v>978633</v>
      </c>
      <c r="J15" s="16">
        <v>1335</v>
      </c>
      <c r="K15" s="16">
        <v>55727</v>
      </c>
      <c r="L15" s="16">
        <v>201314</v>
      </c>
    </row>
    <row r="16" spans="1:12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216</v>
      </c>
      <c r="F16" s="21" t="s">
        <v>518</v>
      </c>
      <c r="G16" s="16">
        <v>3187563</v>
      </c>
      <c r="H16" s="16">
        <v>1070318</v>
      </c>
      <c r="I16" s="16">
        <v>1842521</v>
      </c>
      <c r="J16" s="16">
        <v>3157</v>
      </c>
      <c r="K16" s="16">
        <v>120371</v>
      </c>
      <c r="L16" s="16">
        <v>151196</v>
      </c>
    </row>
    <row r="17" spans="1:12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216</v>
      </c>
      <c r="F17" s="21" t="s">
        <v>519</v>
      </c>
      <c r="G17" s="16">
        <v>3614712</v>
      </c>
      <c r="H17" s="16">
        <v>822942</v>
      </c>
      <c r="I17" s="16">
        <v>2447690</v>
      </c>
      <c r="J17" s="16">
        <v>8218</v>
      </c>
      <c r="K17" s="16">
        <v>202379</v>
      </c>
      <c r="L17" s="16">
        <v>133483</v>
      </c>
    </row>
    <row r="18" spans="1:12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216</v>
      </c>
      <c r="F18" s="21" t="s">
        <v>520</v>
      </c>
      <c r="G18" s="16">
        <v>4101631</v>
      </c>
      <c r="H18" s="16">
        <v>769440</v>
      </c>
      <c r="I18" s="16">
        <v>2880530</v>
      </c>
      <c r="J18" s="16">
        <v>19259</v>
      </c>
      <c r="K18" s="16">
        <v>298483</v>
      </c>
      <c r="L18" s="16">
        <v>133919</v>
      </c>
    </row>
    <row r="19" spans="1:12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216</v>
      </c>
      <c r="F19" s="21" t="s">
        <v>521</v>
      </c>
      <c r="G19" s="16">
        <v>4787303</v>
      </c>
      <c r="H19" s="16">
        <v>813608</v>
      </c>
      <c r="I19" s="16">
        <v>3331082</v>
      </c>
      <c r="J19" s="16">
        <v>44978</v>
      </c>
      <c r="K19" s="16">
        <v>441243</v>
      </c>
      <c r="L19" s="16">
        <v>156392</v>
      </c>
    </row>
    <row r="20" spans="1:12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216</v>
      </c>
      <c r="F20" s="21" t="s">
        <v>522</v>
      </c>
      <c r="G20" s="16">
        <v>4262848</v>
      </c>
      <c r="H20" s="16">
        <v>626024</v>
      </c>
      <c r="I20" s="16">
        <v>2976025</v>
      </c>
      <c r="J20" s="16">
        <v>78587</v>
      </c>
      <c r="K20" s="16">
        <v>446233</v>
      </c>
      <c r="L20" s="16">
        <v>135979</v>
      </c>
    </row>
    <row r="21" spans="1:12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216</v>
      </c>
      <c r="F21" s="21" t="s">
        <v>523</v>
      </c>
      <c r="G21" s="16">
        <v>3902179</v>
      </c>
      <c r="H21" s="16">
        <v>430090</v>
      </c>
      <c r="I21" s="16">
        <v>2814453</v>
      </c>
      <c r="J21" s="16">
        <v>140838</v>
      </c>
      <c r="K21" s="16">
        <v>413663</v>
      </c>
      <c r="L21" s="16">
        <v>103135</v>
      </c>
    </row>
    <row r="22" spans="1:12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216</v>
      </c>
      <c r="F22" s="21" t="s">
        <v>524</v>
      </c>
      <c r="G22" s="16">
        <v>3704287</v>
      </c>
      <c r="H22" s="16">
        <v>285484</v>
      </c>
      <c r="I22" s="16">
        <v>2736233</v>
      </c>
      <c r="J22" s="16">
        <v>245766</v>
      </c>
      <c r="K22" s="16">
        <v>356258</v>
      </c>
      <c r="L22" s="16">
        <v>80546</v>
      </c>
    </row>
    <row r="23" spans="1:12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216</v>
      </c>
      <c r="F23" s="21" t="s">
        <v>525</v>
      </c>
      <c r="G23" s="16">
        <v>4165208</v>
      </c>
      <c r="H23" s="16">
        <v>238610</v>
      </c>
      <c r="I23" s="16">
        <v>2996530</v>
      </c>
      <c r="J23" s="16">
        <v>478912</v>
      </c>
      <c r="K23" s="16">
        <v>361229</v>
      </c>
      <c r="L23" s="16">
        <v>89927</v>
      </c>
    </row>
    <row r="24" spans="1:12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216</v>
      </c>
      <c r="F24" s="21" t="s">
        <v>526</v>
      </c>
      <c r="G24" s="16">
        <v>4762509</v>
      </c>
      <c r="H24" s="16">
        <v>228799</v>
      </c>
      <c r="I24" s="16">
        <v>3140917</v>
      </c>
      <c r="J24" s="16">
        <v>894085</v>
      </c>
      <c r="K24" s="16">
        <v>368419</v>
      </c>
      <c r="L24" s="16">
        <v>130289</v>
      </c>
    </row>
    <row r="25" spans="1:12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216</v>
      </c>
      <c r="F25" s="21" t="s">
        <v>527</v>
      </c>
      <c r="G25" s="16">
        <v>3838068</v>
      </c>
      <c r="H25" s="16">
        <v>149577</v>
      </c>
      <c r="I25" s="16">
        <v>2117338</v>
      </c>
      <c r="J25" s="16">
        <v>1199867</v>
      </c>
      <c r="K25" s="16">
        <v>223840</v>
      </c>
      <c r="L25" s="16">
        <v>147446</v>
      </c>
    </row>
    <row r="26" spans="1:12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216</v>
      </c>
      <c r="F26" s="21" t="s">
        <v>528</v>
      </c>
      <c r="G26" s="16">
        <v>3100635</v>
      </c>
      <c r="H26" s="16">
        <v>105970</v>
      </c>
      <c r="I26" s="16">
        <v>1218650</v>
      </c>
      <c r="J26" s="16">
        <v>1478057</v>
      </c>
      <c r="K26" s="16">
        <v>130269</v>
      </c>
      <c r="L26" s="16">
        <v>167689</v>
      </c>
    </row>
    <row r="27" spans="1:12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216</v>
      </c>
      <c r="F27" s="21" t="s">
        <v>529</v>
      </c>
      <c r="G27" s="16">
        <v>2366350</v>
      </c>
      <c r="H27" s="16">
        <v>80058</v>
      </c>
      <c r="I27" s="16">
        <v>515677</v>
      </c>
      <c r="J27" s="16">
        <v>1532922</v>
      </c>
      <c r="K27" s="16">
        <v>72458</v>
      </c>
      <c r="L27" s="16">
        <v>165235</v>
      </c>
    </row>
    <row r="28" spans="1:12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216</v>
      </c>
      <c r="F28" s="21" t="s">
        <v>530</v>
      </c>
      <c r="G28" s="16">
        <v>1287713</v>
      </c>
      <c r="H28" s="16">
        <v>43833</v>
      </c>
      <c r="I28" s="16">
        <v>116814</v>
      </c>
      <c r="J28" s="16">
        <v>990040</v>
      </c>
      <c r="K28" s="16">
        <v>32548</v>
      </c>
      <c r="L28" s="16">
        <v>104478</v>
      </c>
    </row>
    <row r="29" spans="1:12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216</v>
      </c>
      <c r="F29" s="21" t="s">
        <v>531</v>
      </c>
      <c r="G29" s="16">
        <v>400614</v>
      </c>
      <c r="H29" s="16">
        <v>11831</v>
      </c>
      <c r="I29" s="16">
        <v>12101</v>
      </c>
      <c r="J29" s="16">
        <v>332883</v>
      </c>
      <c r="K29" s="16">
        <v>8692</v>
      </c>
      <c r="L29" s="16">
        <v>35107</v>
      </c>
    </row>
    <row r="30" spans="1:12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216</v>
      </c>
      <c r="F30" s="21" t="s">
        <v>532</v>
      </c>
      <c r="G30" s="16">
        <v>69757</v>
      </c>
      <c r="H30" s="16">
        <v>1606</v>
      </c>
      <c r="I30" s="16">
        <v>1037</v>
      </c>
      <c r="J30" s="16">
        <v>58980</v>
      </c>
      <c r="K30" s="16">
        <v>1111</v>
      </c>
      <c r="L30" s="16">
        <v>7023</v>
      </c>
    </row>
    <row r="31" spans="1:12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216</v>
      </c>
      <c r="F31" s="21" t="s">
        <v>533</v>
      </c>
      <c r="G31" s="16">
        <v>1340695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16">
        <v>1340695</v>
      </c>
    </row>
    <row r="32" spans="1:12">
      <c r="A32" s="21" t="s">
        <v>232</v>
      </c>
      <c r="B32" s="21" t="s">
        <v>233</v>
      </c>
      <c r="C32" s="21" t="s">
        <v>262</v>
      </c>
      <c r="D32" s="21" t="s">
        <v>214</v>
      </c>
      <c r="E32" s="21" t="s">
        <v>216</v>
      </c>
      <c r="F32" s="21" t="s">
        <v>461</v>
      </c>
      <c r="G32" s="16">
        <v>36169248</v>
      </c>
      <c r="H32" s="16">
        <v>11790437</v>
      </c>
      <c r="I32" s="16">
        <v>20211842</v>
      </c>
      <c r="J32" s="16">
        <v>543232</v>
      </c>
      <c r="K32" s="16">
        <v>2349255</v>
      </c>
      <c r="L32" s="16">
        <v>1274482</v>
      </c>
    </row>
    <row r="33" spans="1:12">
      <c r="A33" s="21" t="s">
        <v>232</v>
      </c>
      <c r="B33" s="21" t="s">
        <v>233</v>
      </c>
      <c r="C33" s="21" t="s">
        <v>262</v>
      </c>
      <c r="D33" s="21" t="s">
        <v>214</v>
      </c>
      <c r="E33" s="21" t="s">
        <v>216</v>
      </c>
      <c r="F33" s="21" t="s">
        <v>462</v>
      </c>
      <c r="G33" s="16">
        <v>19990854</v>
      </c>
      <c r="H33" s="16">
        <v>860284</v>
      </c>
      <c r="I33" s="16">
        <v>10119064</v>
      </c>
      <c r="J33" s="16">
        <v>6965746</v>
      </c>
      <c r="K33" s="16">
        <v>1198566</v>
      </c>
      <c r="L33" s="16">
        <v>847194</v>
      </c>
    </row>
    <row r="34" spans="1:12">
      <c r="A34" s="21" t="s">
        <v>232</v>
      </c>
      <c r="B34" s="21" t="s">
        <v>233</v>
      </c>
      <c r="C34" s="21" t="s">
        <v>262</v>
      </c>
      <c r="D34" s="21" t="s">
        <v>214</v>
      </c>
      <c r="E34" s="21" t="s">
        <v>216</v>
      </c>
      <c r="F34" s="21" t="s">
        <v>463</v>
      </c>
      <c r="G34" s="16">
        <v>11063137</v>
      </c>
      <c r="H34" s="16">
        <v>392875</v>
      </c>
      <c r="I34" s="16">
        <v>3981617</v>
      </c>
      <c r="J34" s="16">
        <v>5592749</v>
      </c>
      <c r="K34" s="16">
        <v>468918</v>
      </c>
      <c r="L34" s="16">
        <v>626978</v>
      </c>
    </row>
    <row r="35" spans="1:12">
      <c r="A35" s="21" t="s">
        <v>232</v>
      </c>
      <c r="B35" s="21" t="s">
        <v>233</v>
      </c>
      <c r="C35" s="21" t="s">
        <v>262</v>
      </c>
      <c r="D35" s="21" t="s">
        <v>214</v>
      </c>
      <c r="E35" s="21" t="s">
        <v>216</v>
      </c>
      <c r="F35" s="21" t="s">
        <v>464</v>
      </c>
      <c r="G35" s="16">
        <v>4124434</v>
      </c>
      <c r="H35" s="16">
        <v>137328</v>
      </c>
      <c r="I35" s="16">
        <v>645629</v>
      </c>
      <c r="J35" s="16">
        <v>2914825</v>
      </c>
      <c r="K35" s="16">
        <v>114809</v>
      </c>
      <c r="L35" s="16">
        <v>311843</v>
      </c>
    </row>
    <row r="36" spans="1:12">
      <c r="A36" s="21" t="s">
        <v>232</v>
      </c>
      <c r="B36" s="21" t="s">
        <v>233</v>
      </c>
      <c r="C36" s="21" t="s">
        <v>262</v>
      </c>
      <c r="D36" s="21" t="s">
        <v>214</v>
      </c>
      <c r="E36" s="21" t="s">
        <v>216</v>
      </c>
      <c r="F36" s="21" t="s">
        <v>431</v>
      </c>
      <c r="G36" s="16">
        <v>37597045</v>
      </c>
      <c r="H36" s="16">
        <v>9315145</v>
      </c>
      <c r="I36" s="16">
        <v>23199238</v>
      </c>
      <c r="J36" s="16">
        <v>1021924</v>
      </c>
      <c r="K36" s="16">
        <v>2709709</v>
      </c>
      <c r="L36" s="16">
        <v>1351029</v>
      </c>
    </row>
    <row r="37" spans="1:12">
      <c r="A37" s="21" t="s">
        <v>232</v>
      </c>
      <c r="B37" s="21" t="s">
        <v>233</v>
      </c>
      <c r="C37" s="21" t="s">
        <v>262</v>
      </c>
      <c r="D37" s="21" t="s">
        <v>217</v>
      </c>
      <c r="E37" s="21" t="s">
        <v>216</v>
      </c>
      <c r="F37" s="21" t="s">
        <v>401</v>
      </c>
      <c r="G37" s="16">
        <v>62942453</v>
      </c>
      <c r="H37" s="16">
        <v>19624861</v>
      </c>
      <c r="I37" s="16">
        <v>30141239</v>
      </c>
      <c r="J37" s="16">
        <v>6494322</v>
      </c>
      <c r="K37" s="16">
        <v>3461743</v>
      </c>
      <c r="L37" s="16">
        <v>3220288</v>
      </c>
    </row>
    <row r="38" spans="1:12">
      <c r="A38" s="21" t="s">
        <v>232</v>
      </c>
      <c r="B38" s="21" t="s">
        <v>233</v>
      </c>
      <c r="C38" s="21" t="s">
        <v>262</v>
      </c>
      <c r="D38" s="21" t="s">
        <v>217</v>
      </c>
      <c r="E38" s="21" t="s">
        <v>216</v>
      </c>
      <c r="F38" s="21" t="s">
        <v>514</v>
      </c>
      <c r="G38" s="16">
        <v>7280895</v>
      </c>
      <c r="H38" s="16">
        <v>7280895</v>
      </c>
      <c r="I38" s="22" t="s">
        <v>268</v>
      </c>
      <c r="J38" s="22" t="s">
        <v>268</v>
      </c>
      <c r="K38" s="22" t="s">
        <v>268</v>
      </c>
      <c r="L38" s="22" t="s">
        <v>268</v>
      </c>
    </row>
    <row r="39" spans="1:12">
      <c r="A39" s="21" t="s">
        <v>232</v>
      </c>
      <c r="B39" s="21" t="s">
        <v>233</v>
      </c>
      <c r="C39" s="21" t="s">
        <v>262</v>
      </c>
      <c r="D39" s="21" t="s">
        <v>217</v>
      </c>
      <c r="E39" s="21" t="s">
        <v>216</v>
      </c>
      <c r="F39" s="21" t="s">
        <v>515</v>
      </c>
      <c r="G39" s="16">
        <v>2686488</v>
      </c>
      <c r="H39" s="16">
        <v>2663351</v>
      </c>
      <c r="I39" s="16">
        <v>9058</v>
      </c>
      <c r="J39" s="16">
        <v>211</v>
      </c>
      <c r="K39" s="16">
        <v>766</v>
      </c>
      <c r="L39" s="16">
        <v>13102</v>
      </c>
    </row>
    <row r="40" spans="1:12">
      <c r="A40" s="21" t="s">
        <v>232</v>
      </c>
      <c r="B40" s="21" t="s">
        <v>233</v>
      </c>
      <c r="C40" s="21" t="s">
        <v>262</v>
      </c>
      <c r="D40" s="21" t="s">
        <v>217</v>
      </c>
      <c r="E40" s="21" t="s">
        <v>216</v>
      </c>
      <c r="F40" s="21" t="s">
        <v>516</v>
      </c>
      <c r="G40" s="16">
        <v>2884412</v>
      </c>
      <c r="H40" s="16">
        <v>2509333</v>
      </c>
      <c r="I40" s="16">
        <v>195390</v>
      </c>
      <c r="J40" s="16">
        <v>842</v>
      </c>
      <c r="K40" s="16">
        <v>14089</v>
      </c>
      <c r="L40" s="16">
        <v>164758</v>
      </c>
    </row>
    <row r="41" spans="1:12">
      <c r="A41" s="21" t="s">
        <v>232</v>
      </c>
      <c r="B41" s="21" t="s">
        <v>233</v>
      </c>
      <c r="C41" s="21" t="s">
        <v>262</v>
      </c>
      <c r="D41" s="21" t="s">
        <v>217</v>
      </c>
      <c r="E41" s="21" t="s">
        <v>216</v>
      </c>
      <c r="F41" s="21" t="s">
        <v>517</v>
      </c>
      <c r="G41" s="16">
        <v>2949069</v>
      </c>
      <c r="H41" s="16">
        <v>1712877</v>
      </c>
      <c r="I41" s="16">
        <v>978372</v>
      </c>
      <c r="J41" s="16">
        <v>1295</v>
      </c>
      <c r="K41" s="16">
        <v>55592</v>
      </c>
      <c r="L41" s="16">
        <v>200933</v>
      </c>
    </row>
    <row r="42" spans="1:12">
      <c r="A42" s="21" t="s">
        <v>232</v>
      </c>
      <c r="B42" s="21" t="s">
        <v>233</v>
      </c>
      <c r="C42" s="21" t="s">
        <v>262</v>
      </c>
      <c r="D42" s="21" t="s">
        <v>217</v>
      </c>
      <c r="E42" s="21" t="s">
        <v>216</v>
      </c>
      <c r="F42" s="21" t="s">
        <v>518</v>
      </c>
      <c r="G42" s="16">
        <v>3179760</v>
      </c>
      <c r="H42" s="16">
        <v>1063542</v>
      </c>
      <c r="I42" s="16">
        <v>1842221</v>
      </c>
      <c r="J42" s="16">
        <v>3141</v>
      </c>
      <c r="K42" s="16">
        <v>120128</v>
      </c>
      <c r="L42" s="16">
        <v>150728</v>
      </c>
    </row>
    <row r="43" spans="1:12">
      <c r="A43" s="21" t="s">
        <v>232</v>
      </c>
      <c r="B43" s="21" t="s">
        <v>233</v>
      </c>
      <c r="C43" s="21" t="s">
        <v>262</v>
      </c>
      <c r="D43" s="21" t="s">
        <v>217</v>
      </c>
      <c r="E43" s="21" t="s">
        <v>216</v>
      </c>
      <c r="F43" s="21" t="s">
        <v>519</v>
      </c>
      <c r="G43" s="16">
        <v>3605421</v>
      </c>
      <c r="H43" s="16">
        <v>815061</v>
      </c>
      <c r="I43" s="16">
        <v>2447351</v>
      </c>
      <c r="J43" s="16">
        <v>8180</v>
      </c>
      <c r="K43" s="16">
        <v>201914</v>
      </c>
      <c r="L43" s="16">
        <v>132915</v>
      </c>
    </row>
    <row r="44" spans="1:12">
      <c r="A44" s="21" t="s">
        <v>232</v>
      </c>
      <c r="B44" s="21" t="s">
        <v>233</v>
      </c>
      <c r="C44" s="21" t="s">
        <v>262</v>
      </c>
      <c r="D44" s="21" t="s">
        <v>217</v>
      </c>
      <c r="E44" s="21" t="s">
        <v>216</v>
      </c>
      <c r="F44" s="21" t="s">
        <v>520</v>
      </c>
      <c r="G44" s="16">
        <v>4089364</v>
      </c>
      <c r="H44" s="16">
        <v>759408</v>
      </c>
      <c r="I44" s="16">
        <v>2879951</v>
      </c>
      <c r="J44" s="16">
        <v>19208</v>
      </c>
      <c r="K44" s="16">
        <v>297714</v>
      </c>
      <c r="L44" s="16">
        <v>133083</v>
      </c>
    </row>
    <row r="45" spans="1:12">
      <c r="A45" s="21" t="s">
        <v>232</v>
      </c>
      <c r="B45" s="21" t="s">
        <v>233</v>
      </c>
      <c r="C45" s="21" t="s">
        <v>262</v>
      </c>
      <c r="D45" s="21" t="s">
        <v>217</v>
      </c>
      <c r="E45" s="21" t="s">
        <v>216</v>
      </c>
      <c r="F45" s="21" t="s">
        <v>521</v>
      </c>
      <c r="G45" s="16">
        <v>4768900</v>
      </c>
      <c r="H45" s="16">
        <v>799360</v>
      </c>
      <c r="I45" s="16">
        <v>3330055</v>
      </c>
      <c r="J45" s="16">
        <v>44813</v>
      </c>
      <c r="K45" s="16">
        <v>439677</v>
      </c>
      <c r="L45" s="16">
        <v>154995</v>
      </c>
    </row>
    <row r="46" spans="1:12">
      <c r="A46" s="21" t="s">
        <v>232</v>
      </c>
      <c r="B46" s="21" t="s">
        <v>233</v>
      </c>
      <c r="C46" s="21" t="s">
        <v>262</v>
      </c>
      <c r="D46" s="21" t="s">
        <v>217</v>
      </c>
      <c r="E46" s="21" t="s">
        <v>216</v>
      </c>
      <c r="F46" s="21" t="s">
        <v>522</v>
      </c>
      <c r="G46" s="16">
        <v>4242467</v>
      </c>
      <c r="H46" s="16">
        <v>611411</v>
      </c>
      <c r="I46" s="16">
        <v>2974515</v>
      </c>
      <c r="J46" s="16">
        <v>78240</v>
      </c>
      <c r="K46" s="16">
        <v>444082</v>
      </c>
      <c r="L46" s="16">
        <v>134219</v>
      </c>
    </row>
    <row r="47" spans="1:12">
      <c r="A47" s="21" t="s">
        <v>232</v>
      </c>
      <c r="B47" s="21" t="s">
        <v>233</v>
      </c>
      <c r="C47" s="21" t="s">
        <v>262</v>
      </c>
      <c r="D47" s="21" t="s">
        <v>217</v>
      </c>
      <c r="E47" s="21" t="s">
        <v>216</v>
      </c>
      <c r="F47" s="21" t="s">
        <v>523</v>
      </c>
      <c r="G47" s="16">
        <v>3878674</v>
      </c>
      <c r="H47" s="16">
        <v>415015</v>
      </c>
      <c r="I47" s="16">
        <v>2812022</v>
      </c>
      <c r="J47" s="16">
        <v>140060</v>
      </c>
      <c r="K47" s="16">
        <v>410556</v>
      </c>
      <c r="L47" s="16">
        <v>101021</v>
      </c>
    </row>
    <row r="48" spans="1:12">
      <c r="A48" s="21" t="s">
        <v>232</v>
      </c>
      <c r="B48" s="21" t="s">
        <v>233</v>
      </c>
      <c r="C48" s="21" t="s">
        <v>262</v>
      </c>
      <c r="D48" s="21" t="s">
        <v>217</v>
      </c>
      <c r="E48" s="21" t="s">
        <v>216</v>
      </c>
      <c r="F48" s="21" t="s">
        <v>524</v>
      </c>
      <c r="G48" s="16">
        <v>3675708</v>
      </c>
      <c r="H48" s="16">
        <v>270342</v>
      </c>
      <c r="I48" s="16">
        <v>2732122</v>
      </c>
      <c r="J48" s="16">
        <v>243744</v>
      </c>
      <c r="K48" s="16">
        <v>351853</v>
      </c>
      <c r="L48" s="16">
        <v>77647</v>
      </c>
    </row>
    <row r="49" spans="1:12">
      <c r="A49" s="21" t="s">
        <v>232</v>
      </c>
      <c r="B49" s="21" t="s">
        <v>233</v>
      </c>
      <c r="C49" s="21" t="s">
        <v>262</v>
      </c>
      <c r="D49" s="21" t="s">
        <v>217</v>
      </c>
      <c r="E49" s="21" t="s">
        <v>216</v>
      </c>
      <c r="F49" s="21" t="s">
        <v>525</v>
      </c>
      <c r="G49" s="16">
        <v>4120029</v>
      </c>
      <c r="H49" s="16">
        <v>220144</v>
      </c>
      <c r="I49" s="16">
        <v>2988468</v>
      </c>
      <c r="J49" s="16">
        <v>472732</v>
      </c>
      <c r="K49" s="16">
        <v>354039</v>
      </c>
      <c r="L49" s="16">
        <v>84646</v>
      </c>
    </row>
    <row r="50" spans="1:12">
      <c r="A50" s="21" t="s">
        <v>232</v>
      </c>
      <c r="B50" s="21" t="s">
        <v>233</v>
      </c>
      <c r="C50" s="21" t="s">
        <v>262</v>
      </c>
      <c r="D50" s="21" t="s">
        <v>217</v>
      </c>
      <c r="E50" s="21" t="s">
        <v>216</v>
      </c>
      <c r="F50" s="21" t="s">
        <v>526</v>
      </c>
      <c r="G50" s="16">
        <v>4683688</v>
      </c>
      <c r="H50" s="16">
        <v>208261</v>
      </c>
      <c r="I50" s="16">
        <v>3123717</v>
      </c>
      <c r="J50" s="16">
        <v>874586</v>
      </c>
      <c r="K50" s="16">
        <v>357153</v>
      </c>
      <c r="L50" s="16">
        <v>119971</v>
      </c>
    </row>
    <row r="51" spans="1:12">
      <c r="A51" s="21" t="s">
        <v>232</v>
      </c>
      <c r="B51" s="21" t="s">
        <v>233</v>
      </c>
      <c r="C51" s="21" t="s">
        <v>262</v>
      </c>
      <c r="D51" s="21" t="s">
        <v>217</v>
      </c>
      <c r="E51" s="21" t="s">
        <v>216</v>
      </c>
      <c r="F51" s="21" t="s">
        <v>527</v>
      </c>
      <c r="G51" s="16">
        <v>3702406</v>
      </c>
      <c r="H51" s="16">
        <v>130289</v>
      </c>
      <c r="I51" s="16">
        <v>2087120</v>
      </c>
      <c r="J51" s="16">
        <v>1145002</v>
      </c>
      <c r="K51" s="16">
        <v>210828</v>
      </c>
      <c r="L51" s="16">
        <v>129167</v>
      </c>
    </row>
    <row r="52" spans="1:12">
      <c r="A52" s="21" t="s">
        <v>232</v>
      </c>
      <c r="B52" s="21" t="s">
        <v>233</v>
      </c>
      <c r="C52" s="21" t="s">
        <v>262</v>
      </c>
      <c r="D52" s="21" t="s">
        <v>217</v>
      </c>
      <c r="E52" s="21" t="s">
        <v>216</v>
      </c>
      <c r="F52" s="21" t="s">
        <v>528</v>
      </c>
      <c r="G52" s="16">
        <v>2840243</v>
      </c>
      <c r="H52" s="16">
        <v>84436</v>
      </c>
      <c r="I52" s="16">
        <v>1172233</v>
      </c>
      <c r="J52" s="16">
        <v>1333613</v>
      </c>
      <c r="K52" s="16">
        <v>115915</v>
      </c>
      <c r="L52" s="16">
        <v>134046</v>
      </c>
    </row>
    <row r="53" spans="1:12">
      <c r="A53" s="21" t="s">
        <v>232</v>
      </c>
      <c r="B53" s="21" t="s">
        <v>233</v>
      </c>
      <c r="C53" s="21" t="s">
        <v>262</v>
      </c>
      <c r="D53" s="21" t="s">
        <v>217</v>
      </c>
      <c r="E53" s="21" t="s">
        <v>216</v>
      </c>
      <c r="F53" s="21" t="s">
        <v>529</v>
      </c>
      <c r="G53" s="16">
        <v>1935478</v>
      </c>
      <c r="H53" s="16">
        <v>54147</v>
      </c>
      <c r="I53" s="16">
        <v>467001</v>
      </c>
      <c r="J53" s="16">
        <v>1243802</v>
      </c>
      <c r="K53" s="16">
        <v>58509</v>
      </c>
      <c r="L53" s="16">
        <v>112019</v>
      </c>
    </row>
    <row r="54" spans="1:12">
      <c r="A54" s="21" t="s">
        <v>232</v>
      </c>
      <c r="B54" s="21" t="s">
        <v>233</v>
      </c>
      <c r="C54" s="21" t="s">
        <v>262</v>
      </c>
      <c r="D54" s="21" t="s">
        <v>217</v>
      </c>
      <c r="E54" s="21" t="s">
        <v>216</v>
      </c>
      <c r="F54" s="21" t="s">
        <v>530</v>
      </c>
      <c r="G54" s="16">
        <v>873442</v>
      </c>
      <c r="H54" s="16">
        <v>22428</v>
      </c>
      <c r="I54" s="16">
        <v>93300</v>
      </c>
      <c r="J54" s="16">
        <v>679117</v>
      </c>
      <c r="K54" s="16">
        <v>23102</v>
      </c>
      <c r="L54" s="16">
        <v>55495</v>
      </c>
    </row>
    <row r="55" spans="1:12">
      <c r="A55" s="21" t="s">
        <v>232</v>
      </c>
      <c r="B55" s="21" t="s">
        <v>233</v>
      </c>
      <c r="C55" s="21" t="s">
        <v>262</v>
      </c>
      <c r="D55" s="21" t="s">
        <v>217</v>
      </c>
      <c r="E55" s="21" t="s">
        <v>216</v>
      </c>
      <c r="F55" s="21" t="s">
        <v>531</v>
      </c>
      <c r="G55" s="16">
        <v>211826</v>
      </c>
      <c r="H55" s="16">
        <v>4116</v>
      </c>
      <c r="I55" s="16">
        <v>7721</v>
      </c>
      <c r="J55" s="16">
        <v>181028</v>
      </c>
      <c r="K55" s="16">
        <v>5269</v>
      </c>
      <c r="L55" s="16">
        <v>13692</v>
      </c>
    </row>
    <row r="56" spans="1:12">
      <c r="A56" s="21" t="s">
        <v>232</v>
      </c>
      <c r="B56" s="21" t="s">
        <v>233</v>
      </c>
      <c r="C56" s="21" t="s">
        <v>262</v>
      </c>
      <c r="D56" s="21" t="s">
        <v>217</v>
      </c>
      <c r="E56" s="21" t="s">
        <v>216</v>
      </c>
      <c r="F56" s="21" t="s">
        <v>532</v>
      </c>
      <c r="G56" s="16">
        <v>28597</v>
      </c>
      <c r="H56" s="16">
        <v>445</v>
      </c>
      <c r="I56" s="16">
        <v>622</v>
      </c>
      <c r="J56" s="16">
        <v>24708</v>
      </c>
      <c r="K56" s="16">
        <v>557</v>
      </c>
      <c r="L56" s="16">
        <v>2265</v>
      </c>
    </row>
    <row r="57" spans="1:12">
      <c r="A57" s="21" t="s">
        <v>232</v>
      </c>
      <c r="B57" s="21" t="s">
        <v>233</v>
      </c>
      <c r="C57" s="21" t="s">
        <v>262</v>
      </c>
      <c r="D57" s="21" t="s">
        <v>217</v>
      </c>
      <c r="E57" s="21" t="s">
        <v>216</v>
      </c>
      <c r="F57" s="21" t="s">
        <v>533</v>
      </c>
      <c r="G57" s="16">
        <v>1305586</v>
      </c>
      <c r="H57" s="22" t="s">
        <v>268</v>
      </c>
      <c r="I57" s="22" t="s">
        <v>268</v>
      </c>
      <c r="J57" s="22" t="s">
        <v>268</v>
      </c>
      <c r="K57" s="22" t="s">
        <v>268</v>
      </c>
      <c r="L57" s="16">
        <v>1305586</v>
      </c>
    </row>
    <row r="58" spans="1:12">
      <c r="A58" s="21" t="s">
        <v>232</v>
      </c>
      <c r="B58" s="21" t="s">
        <v>233</v>
      </c>
      <c r="C58" s="21" t="s">
        <v>262</v>
      </c>
      <c r="D58" s="21" t="s">
        <v>217</v>
      </c>
      <c r="E58" s="21" t="s">
        <v>216</v>
      </c>
      <c r="F58" s="21" t="s">
        <v>461</v>
      </c>
      <c r="G58" s="16">
        <v>35960263</v>
      </c>
      <c r="H58" s="16">
        <v>11619700</v>
      </c>
      <c r="I58" s="16">
        <v>20201057</v>
      </c>
      <c r="J58" s="16">
        <v>539734</v>
      </c>
      <c r="K58" s="16">
        <v>2336371</v>
      </c>
      <c r="L58" s="16">
        <v>1263401</v>
      </c>
    </row>
    <row r="59" spans="1:12">
      <c r="A59" s="21" t="s">
        <v>232</v>
      </c>
      <c r="B59" s="21" t="s">
        <v>233</v>
      </c>
      <c r="C59" s="21" t="s">
        <v>262</v>
      </c>
      <c r="D59" s="21" t="s">
        <v>217</v>
      </c>
      <c r="E59" s="21" t="s">
        <v>216</v>
      </c>
      <c r="F59" s="21" t="s">
        <v>462</v>
      </c>
      <c r="G59" s="16">
        <v>18395709</v>
      </c>
      <c r="H59" s="16">
        <v>724266</v>
      </c>
      <c r="I59" s="16">
        <v>9940182</v>
      </c>
      <c r="J59" s="16">
        <v>5954588</v>
      </c>
      <c r="K59" s="16">
        <v>1125372</v>
      </c>
      <c r="L59" s="16">
        <v>651301</v>
      </c>
    </row>
    <row r="60" spans="1:12">
      <c r="A60" s="21" t="s">
        <v>232</v>
      </c>
      <c r="B60" s="21" t="s">
        <v>233</v>
      </c>
      <c r="C60" s="21" t="s">
        <v>262</v>
      </c>
      <c r="D60" s="21" t="s">
        <v>217</v>
      </c>
      <c r="E60" s="21" t="s">
        <v>216</v>
      </c>
      <c r="F60" s="21" t="s">
        <v>463</v>
      </c>
      <c r="G60" s="16">
        <v>9591992</v>
      </c>
      <c r="H60" s="16">
        <v>295861</v>
      </c>
      <c r="I60" s="16">
        <v>3827997</v>
      </c>
      <c r="J60" s="16">
        <v>4607270</v>
      </c>
      <c r="K60" s="16">
        <v>414180</v>
      </c>
      <c r="L60" s="16">
        <v>446684</v>
      </c>
    </row>
    <row r="61" spans="1:12">
      <c r="A61" s="21" t="s">
        <v>232</v>
      </c>
      <c r="B61" s="21" t="s">
        <v>233</v>
      </c>
      <c r="C61" s="21" t="s">
        <v>262</v>
      </c>
      <c r="D61" s="21" t="s">
        <v>217</v>
      </c>
      <c r="E61" s="21" t="s">
        <v>216</v>
      </c>
      <c r="F61" s="21" t="s">
        <v>464</v>
      </c>
      <c r="G61" s="16">
        <v>3049343</v>
      </c>
      <c r="H61" s="16">
        <v>81136</v>
      </c>
      <c r="I61" s="16">
        <v>568644</v>
      </c>
      <c r="J61" s="16">
        <v>2128655</v>
      </c>
      <c r="K61" s="16">
        <v>87437</v>
      </c>
      <c r="L61" s="16">
        <v>183471</v>
      </c>
    </row>
    <row r="62" spans="1:12">
      <c r="A62" s="21" t="s">
        <v>232</v>
      </c>
      <c r="B62" s="21" t="s">
        <v>233</v>
      </c>
      <c r="C62" s="21" t="s">
        <v>262</v>
      </c>
      <c r="D62" s="21" t="s">
        <v>217</v>
      </c>
      <c r="E62" s="21" t="s">
        <v>216</v>
      </c>
      <c r="F62" s="21" t="s">
        <v>431</v>
      </c>
      <c r="G62" s="16">
        <v>37393804</v>
      </c>
      <c r="H62" s="16">
        <v>9176493</v>
      </c>
      <c r="I62" s="16">
        <v>23180467</v>
      </c>
      <c r="J62" s="16">
        <v>1012255</v>
      </c>
      <c r="K62" s="16">
        <v>2689644</v>
      </c>
      <c r="L62" s="16">
        <v>1334945</v>
      </c>
    </row>
    <row r="63" spans="1:12">
      <c r="A63" s="21" t="s">
        <v>232</v>
      </c>
      <c r="B63" s="21" t="s">
        <v>233</v>
      </c>
      <c r="C63" s="21" t="s">
        <v>262</v>
      </c>
      <c r="D63" s="21" t="s">
        <v>534</v>
      </c>
      <c r="E63" s="21" t="s">
        <v>216</v>
      </c>
      <c r="F63" s="21" t="s">
        <v>401</v>
      </c>
      <c r="G63" s="16">
        <v>52727657</v>
      </c>
      <c r="H63" s="16">
        <v>16389188</v>
      </c>
      <c r="I63" s="16">
        <v>29779726</v>
      </c>
      <c r="J63" s="16">
        <v>3510683</v>
      </c>
      <c r="K63" s="16">
        <v>2244040</v>
      </c>
      <c r="L63" s="16">
        <v>804020</v>
      </c>
    </row>
    <row r="64" spans="1:12">
      <c r="A64" s="21" t="s">
        <v>232</v>
      </c>
      <c r="B64" s="21" t="s">
        <v>233</v>
      </c>
      <c r="C64" s="21" t="s">
        <v>262</v>
      </c>
      <c r="D64" s="21" t="s">
        <v>534</v>
      </c>
      <c r="E64" s="21" t="s">
        <v>216</v>
      </c>
      <c r="F64" s="21" t="s">
        <v>514</v>
      </c>
      <c r="G64" s="16">
        <v>7280861</v>
      </c>
      <c r="H64" s="16">
        <v>7280861</v>
      </c>
      <c r="I64" s="22" t="s">
        <v>268</v>
      </c>
      <c r="J64" s="22" t="s">
        <v>268</v>
      </c>
      <c r="K64" s="22" t="s">
        <v>268</v>
      </c>
      <c r="L64" s="22" t="s">
        <v>268</v>
      </c>
    </row>
    <row r="65" spans="1:12">
      <c r="A65" s="21" t="s">
        <v>232</v>
      </c>
      <c r="B65" s="21" t="s">
        <v>233</v>
      </c>
      <c r="C65" s="21" t="s">
        <v>262</v>
      </c>
      <c r="D65" s="21" t="s">
        <v>534</v>
      </c>
      <c r="E65" s="21" t="s">
        <v>216</v>
      </c>
      <c r="F65" s="21" t="s">
        <v>515</v>
      </c>
      <c r="G65" s="16">
        <v>2560003</v>
      </c>
      <c r="H65" s="16">
        <v>2549326</v>
      </c>
      <c r="I65" s="16">
        <v>8672</v>
      </c>
      <c r="J65" s="16">
        <v>128</v>
      </c>
      <c r="K65" s="16">
        <v>694</v>
      </c>
      <c r="L65" s="16">
        <v>1183</v>
      </c>
    </row>
    <row r="66" spans="1:12">
      <c r="A66" s="21" t="s">
        <v>232</v>
      </c>
      <c r="B66" s="21" t="s">
        <v>233</v>
      </c>
      <c r="C66" s="21" t="s">
        <v>262</v>
      </c>
      <c r="D66" s="21" t="s">
        <v>534</v>
      </c>
      <c r="E66" s="21" t="s">
        <v>216</v>
      </c>
      <c r="F66" s="21" t="s">
        <v>516</v>
      </c>
      <c r="G66" s="16">
        <v>2123517</v>
      </c>
      <c r="H66" s="16">
        <v>1908555</v>
      </c>
      <c r="I66" s="16">
        <v>192384</v>
      </c>
      <c r="J66" s="16">
        <v>510</v>
      </c>
      <c r="K66" s="16">
        <v>13169</v>
      </c>
      <c r="L66" s="16">
        <v>8899</v>
      </c>
    </row>
    <row r="67" spans="1:12">
      <c r="A67" s="21" t="s">
        <v>232</v>
      </c>
      <c r="B67" s="21" t="s">
        <v>233</v>
      </c>
      <c r="C67" s="21" t="s">
        <v>262</v>
      </c>
      <c r="D67" s="21" t="s">
        <v>534</v>
      </c>
      <c r="E67" s="21" t="s">
        <v>216</v>
      </c>
      <c r="F67" s="21" t="s">
        <v>517</v>
      </c>
      <c r="G67" s="16">
        <v>2216948</v>
      </c>
      <c r="H67" s="16">
        <v>1185445</v>
      </c>
      <c r="I67" s="16">
        <v>962749</v>
      </c>
      <c r="J67" s="16">
        <v>911</v>
      </c>
      <c r="K67" s="16">
        <v>49994</v>
      </c>
      <c r="L67" s="16">
        <v>17849</v>
      </c>
    </row>
    <row r="68" spans="1:12">
      <c r="A68" s="21" t="s">
        <v>232</v>
      </c>
      <c r="B68" s="21" t="s">
        <v>233</v>
      </c>
      <c r="C68" s="21" t="s">
        <v>262</v>
      </c>
      <c r="D68" s="21" t="s">
        <v>534</v>
      </c>
      <c r="E68" s="21" t="s">
        <v>216</v>
      </c>
      <c r="F68" s="21" t="s">
        <v>518</v>
      </c>
      <c r="G68" s="16">
        <v>2699854</v>
      </c>
      <c r="H68" s="16">
        <v>741846</v>
      </c>
      <c r="I68" s="16">
        <v>1822057</v>
      </c>
      <c r="J68" s="16">
        <v>2509</v>
      </c>
      <c r="K68" s="16">
        <v>106698</v>
      </c>
      <c r="L68" s="16">
        <v>26744</v>
      </c>
    </row>
    <row r="69" spans="1:12">
      <c r="A69" s="21" t="s">
        <v>232</v>
      </c>
      <c r="B69" s="21" t="s">
        <v>233</v>
      </c>
      <c r="C69" s="21" t="s">
        <v>262</v>
      </c>
      <c r="D69" s="21" t="s">
        <v>534</v>
      </c>
      <c r="E69" s="21" t="s">
        <v>216</v>
      </c>
      <c r="F69" s="21" t="s">
        <v>519</v>
      </c>
      <c r="G69" s="16">
        <v>3235251</v>
      </c>
      <c r="H69" s="16">
        <v>575199</v>
      </c>
      <c r="I69" s="16">
        <v>2432349</v>
      </c>
      <c r="J69" s="16">
        <v>6797</v>
      </c>
      <c r="K69" s="16">
        <v>182300</v>
      </c>
      <c r="L69" s="16">
        <v>38606</v>
      </c>
    </row>
    <row r="70" spans="1:12">
      <c r="A70" s="21" t="s">
        <v>232</v>
      </c>
      <c r="B70" s="21" t="s">
        <v>233</v>
      </c>
      <c r="C70" s="21" t="s">
        <v>262</v>
      </c>
      <c r="D70" s="21" t="s">
        <v>534</v>
      </c>
      <c r="E70" s="21" t="s">
        <v>216</v>
      </c>
      <c r="F70" s="21" t="s">
        <v>520</v>
      </c>
      <c r="G70" s="16">
        <v>3733853</v>
      </c>
      <c r="H70" s="16">
        <v>540758</v>
      </c>
      <c r="I70" s="16">
        <v>2864896</v>
      </c>
      <c r="J70" s="16">
        <v>15429</v>
      </c>
      <c r="K70" s="16">
        <v>262199</v>
      </c>
      <c r="L70" s="16">
        <v>50571</v>
      </c>
    </row>
    <row r="71" spans="1:12">
      <c r="A71" s="21" t="s">
        <v>232</v>
      </c>
      <c r="B71" s="21" t="s">
        <v>233</v>
      </c>
      <c r="C71" s="21" t="s">
        <v>262</v>
      </c>
      <c r="D71" s="21" t="s">
        <v>534</v>
      </c>
      <c r="E71" s="21" t="s">
        <v>216</v>
      </c>
      <c r="F71" s="21" t="s">
        <v>521</v>
      </c>
      <c r="G71" s="16">
        <v>4320612</v>
      </c>
      <c r="H71" s="16">
        <v>560033</v>
      </c>
      <c r="I71" s="16">
        <v>3304913</v>
      </c>
      <c r="J71" s="16">
        <v>33991</v>
      </c>
      <c r="K71" s="16">
        <v>357265</v>
      </c>
      <c r="L71" s="16">
        <v>64410</v>
      </c>
    </row>
    <row r="72" spans="1:12">
      <c r="A72" s="21" t="s">
        <v>232</v>
      </c>
      <c r="B72" s="21" t="s">
        <v>233</v>
      </c>
      <c r="C72" s="21" t="s">
        <v>262</v>
      </c>
      <c r="D72" s="21" t="s">
        <v>534</v>
      </c>
      <c r="E72" s="21" t="s">
        <v>216</v>
      </c>
      <c r="F72" s="21" t="s">
        <v>522</v>
      </c>
      <c r="G72" s="16">
        <v>3765965</v>
      </c>
      <c r="H72" s="16">
        <v>403935</v>
      </c>
      <c r="I72" s="16">
        <v>2932417</v>
      </c>
      <c r="J72" s="16">
        <v>54559</v>
      </c>
      <c r="K72" s="16">
        <v>320381</v>
      </c>
      <c r="L72" s="16">
        <v>54673</v>
      </c>
    </row>
    <row r="73" spans="1:12">
      <c r="A73" s="21" t="s">
        <v>232</v>
      </c>
      <c r="B73" s="21" t="s">
        <v>233</v>
      </c>
      <c r="C73" s="21" t="s">
        <v>262</v>
      </c>
      <c r="D73" s="21" t="s">
        <v>534</v>
      </c>
      <c r="E73" s="21" t="s">
        <v>216</v>
      </c>
      <c r="F73" s="21" t="s">
        <v>523</v>
      </c>
      <c r="G73" s="16">
        <v>3385262</v>
      </c>
      <c r="H73" s="16">
        <v>246724</v>
      </c>
      <c r="I73" s="16">
        <v>2757690</v>
      </c>
      <c r="J73" s="16">
        <v>88120</v>
      </c>
      <c r="K73" s="16">
        <v>254786</v>
      </c>
      <c r="L73" s="16">
        <v>37942</v>
      </c>
    </row>
    <row r="74" spans="1:12">
      <c r="A74" s="21" t="s">
        <v>232</v>
      </c>
      <c r="B74" s="21" t="s">
        <v>233</v>
      </c>
      <c r="C74" s="21" t="s">
        <v>262</v>
      </c>
      <c r="D74" s="21" t="s">
        <v>534</v>
      </c>
      <c r="E74" s="21" t="s">
        <v>216</v>
      </c>
      <c r="F74" s="21" t="s">
        <v>524</v>
      </c>
      <c r="G74" s="16">
        <v>3180896</v>
      </c>
      <c r="H74" s="16">
        <v>135711</v>
      </c>
      <c r="I74" s="16">
        <v>2690567</v>
      </c>
      <c r="J74" s="16">
        <v>138131</v>
      </c>
      <c r="K74" s="16">
        <v>188792</v>
      </c>
      <c r="L74" s="16">
        <v>27695</v>
      </c>
    </row>
    <row r="75" spans="1:12">
      <c r="A75" s="21" t="s">
        <v>232</v>
      </c>
      <c r="B75" s="21" t="s">
        <v>233</v>
      </c>
      <c r="C75" s="21" t="s">
        <v>262</v>
      </c>
      <c r="D75" s="21" t="s">
        <v>534</v>
      </c>
      <c r="E75" s="21" t="s">
        <v>216</v>
      </c>
      <c r="F75" s="21" t="s">
        <v>525</v>
      </c>
      <c r="G75" s="16">
        <v>3479893</v>
      </c>
      <c r="H75" s="16">
        <v>90125</v>
      </c>
      <c r="I75" s="16">
        <v>2955136</v>
      </c>
      <c r="J75" s="16">
        <v>241011</v>
      </c>
      <c r="K75" s="16">
        <v>163845</v>
      </c>
      <c r="L75" s="16">
        <v>29776</v>
      </c>
    </row>
    <row r="76" spans="1:12">
      <c r="A76" s="21" t="s">
        <v>232</v>
      </c>
      <c r="B76" s="21" t="s">
        <v>233</v>
      </c>
      <c r="C76" s="21" t="s">
        <v>262</v>
      </c>
      <c r="D76" s="21" t="s">
        <v>534</v>
      </c>
      <c r="E76" s="21" t="s">
        <v>216</v>
      </c>
      <c r="F76" s="21" t="s">
        <v>526</v>
      </c>
      <c r="G76" s="16">
        <v>3775395</v>
      </c>
      <c r="H76" s="16">
        <v>71370</v>
      </c>
      <c r="I76" s="16">
        <v>3091258</v>
      </c>
      <c r="J76" s="16">
        <v>417386</v>
      </c>
      <c r="K76" s="16">
        <v>153851</v>
      </c>
      <c r="L76" s="16">
        <v>41530</v>
      </c>
    </row>
    <row r="77" spans="1:12">
      <c r="A77" s="21" t="s">
        <v>232</v>
      </c>
      <c r="B77" s="21" t="s">
        <v>233</v>
      </c>
      <c r="C77" s="21" t="s">
        <v>262</v>
      </c>
      <c r="D77" s="21" t="s">
        <v>534</v>
      </c>
      <c r="E77" s="21" t="s">
        <v>216</v>
      </c>
      <c r="F77" s="21" t="s">
        <v>527</v>
      </c>
      <c r="G77" s="16">
        <v>2787227</v>
      </c>
      <c r="H77" s="16">
        <v>41597</v>
      </c>
      <c r="I77" s="16">
        <v>2063078</v>
      </c>
      <c r="J77" s="16">
        <v>547719</v>
      </c>
      <c r="K77" s="16">
        <v>90043</v>
      </c>
      <c r="L77" s="16">
        <v>44790</v>
      </c>
    </row>
    <row r="78" spans="1:12">
      <c r="A78" s="21" t="s">
        <v>232</v>
      </c>
      <c r="B78" s="21" t="s">
        <v>233</v>
      </c>
      <c r="C78" s="21" t="s">
        <v>262</v>
      </c>
      <c r="D78" s="21" t="s">
        <v>534</v>
      </c>
      <c r="E78" s="21" t="s">
        <v>216</v>
      </c>
      <c r="F78" s="21" t="s">
        <v>528</v>
      </c>
      <c r="G78" s="16">
        <v>1952106</v>
      </c>
      <c r="H78" s="16">
        <v>28223</v>
      </c>
      <c r="I78" s="16">
        <v>1151511</v>
      </c>
      <c r="J78" s="16">
        <v>673489</v>
      </c>
      <c r="K78" s="16">
        <v>52620</v>
      </c>
      <c r="L78" s="16">
        <v>46263</v>
      </c>
    </row>
    <row r="79" spans="1:12">
      <c r="A79" s="21" t="s">
        <v>232</v>
      </c>
      <c r="B79" s="21" t="s">
        <v>233</v>
      </c>
      <c r="C79" s="21" t="s">
        <v>262</v>
      </c>
      <c r="D79" s="21" t="s">
        <v>534</v>
      </c>
      <c r="E79" s="21" t="s">
        <v>216</v>
      </c>
      <c r="F79" s="21" t="s">
        <v>529</v>
      </c>
      <c r="G79" s="16">
        <v>1241224</v>
      </c>
      <c r="H79" s="16">
        <v>19013</v>
      </c>
      <c r="I79" s="16">
        <v>453285</v>
      </c>
      <c r="J79" s="16">
        <v>697797</v>
      </c>
      <c r="K79" s="16">
        <v>29781</v>
      </c>
      <c r="L79" s="16">
        <v>41348</v>
      </c>
    </row>
    <row r="80" spans="1:12">
      <c r="A80" s="21" t="s">
        <v>232</v>
      </c>
      <c r="B80" s="21" t="s">
        <v>233</v>
      </c>
      <c r="C80" s="21" t="s">
        <v>262</v>
      </c>
      <c r="D80" s="21" t="s">
        <v>534</v>
      </c>
      <c r="E80" s="21" t="s">
        <v>216</v>
      </c>
      <c r="F80" s="21" t="s">
        <v>530</v>
      </c>
      <c r="G80" s="16">
        <v>575391</v>
      </c>
      <c r="H80" s="16">
        <v>8455</v>
      </c>
      <c r="I80" s="16">
        <v>88856</v>
      </c>
      <c r="J80" s="16">
        <v>439840</v>
      </c>
      <c r="K80" s="16">
        <v>13614</v>
      </c>
      <c r="L80" s="16">
        <v>24626</v>
      </c>
    </row>
    <row r="81" spans="1:12">
      <c r="A81" s="21" t="s">
        <v>232</v>
      </c>
      <c r="B81" s="21" t="s">
        <v>233</v>
      </c>
      <c r="C81" s="21" t="s">
        <v>262</v>
      </c>
      <c r="D81" s="21" t="s">
        <v>534</v>
      </c>
      <c r="E81" s="21" t="s">
        <v>216</v>
      </c>
      <c r="F81" s="21" t="s">
        <v>531</v>
      </c>
      <c r="G81" s="16">
        <v>153387</v>
      </c>
      <c r="H81" s="16">
        <v>1780</v>
      </c>
      <c r="I81" s="16">
        <v>7313</v>
      </c>
      <c r="J81" s="16">
        <v>132690</v>
      </c>
      <c r="K81" s="16">
        <v>3576</v>
      </c>
      <c r="L81" s="16">
        <v>8028</v>
      </c>
    </row>
    <row r="82" spans="1:12">
      <c r="A82" s="21" t="s">
        <v>232</v>
      </c>
      <c r="B82" s="21" t="s">
        <v>233</v>
      </c>
      <c r="C82" s="21" t="s">
        <v>262</v>
      </c>
      <c r="D82" s="21" t="s">
        <v>534</v>
      </c>
      <c r="E82" s="21" t="s">
        <v>216</v>
      </c>
      <c r="F82" s="21" t="s">
        <v>532</v>
      </c>
      <c r="G82" s="16">
        <v>22451</v>
      </c>
      <c r="H82" s="16">
        <v>232</v>
      </c>
      <c r="I82" s="16">
        <v>595</v>
      </c>
      <c r="J82" s="16">
        <v>19666</v>
      </c>
      <c r="K82" s="16">
        <v>432</v>
      </c>
      <c r="L82" s="16">
        <v>1526</v>
      </c>
    </row>
    <row r="83" spans="1:12">
      <c r="A83" s="21" t="s">
        <v>232</v>
      </c>
      <c r="B83" s="21" t="s">
        <v>233</v>
      </c>
      <c r="C83" s="21" t="s">
        <v>262</v>
      </c>
      <c r="D83" s="21" t="s">
        <v>534</v>
      </c>
      <c r="E83" s="21" t="s">
        <v>216</v>
      </c>
      <c r="F83" s="21" t="s">
        <v>533</v>
      </c>
      <c r="G83" s="16">
        <v>237561</v>
      </c>
      <c r="H83" s="22" t="s">
        <v>268</v>
      </c>
      <c r="I83" s="22" t="s">
        <v>268</v>
      </c>
      <c r="J83" s="22" t="s">
        <v>268</v>
      </c>
      <c r="K83" s="22" t="s">
        <v>268</v>
      </c>
      <c r="L83" s="16">
        <v>237561</v>
      </c>
    </row>
    <row r="84" spans="1:12">
      <c r="A84" s="21" t="s">
        <v>232</v>
      </c>
      <c r="B84" s="21" t="s">
        <v>233</v>
      </c>
      <c r="C84" s="21" t="s">
        <v>262</v>
      </c>
      <c r="D84" s="21" t="s">
        <v>534</v>
      </c>
      <c r="E84" s="21" t="s">
        <v>216</v>
      </c>
      <c r="F84" s="21" t="s">
        <v>461</v>
      </c>
      <c r="G84" s="16">
        <v>31222161</v>
      </c>
      <c r="H84" s="16">
        <v>8847532</v>
      </c>
      <c r="I84" s="16">
        <v>19968694</v>
      </c>
      <c r="J84" s="16">
        <v>341085</v>
      </c>
      <c r="K84" s="16">
        <v>1736278</v>
      </c>
      <c r="L84" s="16">
        <v>328572</v>
      </c>
    </row>
    <row r="85" spans="1:12">
      <c r="A85" s="21" t="s">
        <v>232</v>
      </c>
      <c r="B85" s="21" t="s">
        <v>233</v>
      </c>
      <c r="C85" s="21" t="s">
        <v>262</v>
      </c>
      <c r="D85" s="21" t="s">
        <v>534</v>
      </c>
      <c r="E85" s="21" t="s">
        <v>216</v>
      </c>
      <c r="F85" s="21" t="s">
        <v>462</v>
      </c>
      <c r="G85" s="16">
        <v>13987074</v>
      </c>
      <c r="H85" s="16">
        <v>260795</v>
      </c>
      <c r="I85" s="16">
        <v>9811032</v>
      </c>
      <c r="J85" s="16">
        <v>3169598</v>
      </c>
      <c r="K85" s="16">
        <v>507762</v>
      </c>
      <c r="L85" s="16">
        <v>237887</v>
      </c>
    </row>
    <row r="86" spans="1:12">
      <c r="A86" s="21" t="s">
        <v>232</v>
      </c>
      <c r="B86" s="21" t="s">
        <v>233</v>
      </c>
      <c r="C86" s="21" t="s">
        <v>262</v>
      </c>
      <c r="D86" s="21" t="s">
        <v>534</v>
      </c>
      <c r="E86" s="21" t="s">
        <v>216</v>
      </c>
      <c r="F86" s="21" t="s">
        <v>463</v>
      </c>
      <c r="G86" s="16">
        <v>6731786</v>
      </c>
      <c r="H86" s="16">
        <v>99300</v>
      </c>
      <c r="I86" s="16">
        <v>3764638</v>
      </c>
      <c r="J86" s="16">
        <v>2511201</v>
      </c>
      <c r="K86" s="16">
        <v>190066</v>
      </c>
      <c r="L86" s="16">
        <v>166581</v>
      </c>
    </row>
    <row r="87" spans="1:12">
      <c r="A87" s="21" t="s">
        <v>232</v>
      </c>
      <c r="B87" s="21" t="s">
        <v>233</v>
      </c>
      <c r="C87" s="21" t="s">
        <v>262</v>
      </c>
      <c r="D87" s="21" t="s">
        <v>534</v>
      </c>
      <c r="E87" s="21" t="s">
        <v>216</v>
      </c>
      <c r="F87" s="21" t="s">
        <v>464</v>
      </c>
      <c r="G87" s="16">
        <v>1992453</v>
      </c>
      <c r="H87" s="16">
        <v>29480</v>
      </c>
      <c r="I87" s="16">
        <v>550049</v>
      </c>
      <c r="J87" s="16">
        <v>1289993</v>
      </c>
      <c r="K87" s="16">
        <v>47403</v>
      </c>
      <c r="L87" s="16">
        <v>75528</v>
      </c>
    </row>
    <row r="88" spans="1:12">
      <c r="A88" s="21" t="s">
        <v>232</v>
      </c>
      <c r="B88" s="21" t="s">
        <v>233</v>
      </c>
      <c r="C88" s="21" t="s">
        <v>262</v>
      </c>
      <c r="D88" s="21" t="s">
        <v>534</v>
      </c>
      <c r="E88" s="21" t="s">
        <v>216</v>
      </c>
      <c r="F88" s="21" t="s">
        <v>431</v>
      </c>
      <c r="G88" s="16">
        <v>32142051</v>
      </c>
      <c r="H88" s="16">
        <v>6388331</v>
      </c>
      <c r="I88" s="16">
        <v>22915158</v>
      </c>
      <c r="J88" s="16">
        <v>581968</v>
      </c>
      <c r="K88" s="16">
        <v>1899429</v>
      </c>
      <c r="L88" s="16">
        <v>357165</v>
      </c>
    </row>
    <row r="89" spans="1:12">
      <c r="A89" s="21" t="s">
        <v>232</v>
      </c>
      <c r="B89" s="21" t="s">
        <v>233</v>
      </c>
      <c r="C89" s="21" t="s">
        <v>262</v>
      </c>
      <c r="D89" s="21" t="s">
        <v>535</v>
      </c>
      <c r="E89" s="21" t="s">
        <v>216</v>
      </c>
      <c r="F89" s="21" t="s">
        <v>401</v>
      </c>
      <c r="G89" s="16">
        <v>4971929</v>
      </c>
      <c r="H89" s="16">
        <v>523422</v>
      </c>
      <c r="I89" s="16">
        <v>1038309</v>
      </c>
      <c r="J89" s="16">
        <v>1575166</v>
      </c>
      <c r="K89" s="16">
        <v>1416655</v>
      </c>
      <c r="L89" s="16">
        <v>418377</v>
      </c>
    </row>
    <row r="90" spans="1:12">
      <c r="A90" s="21" t="s">
        <v>232</v>
      </c>
      <c r="B90" s="21" t="s">
        <v>233</v>
      </c>
      <c r="C90" s="21" t="s">
        <v>262</v>
      </c>
      <c r="D90" s="21" t="s">
        <v>535</v>
      </c>
      <c r="E90" s="21" t="s">
        <v>216</v>
      </c>
      <c r="F90" s="21" t="s">
        <v>514</v>
      </c>
      <c r="G90" s="16">
        <v>29</v>
      </c>
      <c r="H90" s="16">
        <v>29</v>
      </c>
      <c r="I90" s="22" t="s">
        <v>268</v>
      </c>
      <c r="J90" s="22" t="s">
        <v>268</v>
      </c>
      <c r="K90" s="22" t="s">
        <v>268</v>
      </c>
      <c r="L90" s="22" t="s">
        <v>268</v>
      </c>
    </row>
    <row r="91" spans="1:12">
      <c r="A91" s="21" t="s">
        <v>232</v>
      </c>
      <c r="B91" s="21" t="s">
        <v>233</v>
      </c>
      <c r="C91" s="21" t="s">
        <v>262</v>
      </c>
      <c r="D91" s="21" t="s">
        <v>535</v>
      </c>
      <c r="E91" s="21" t="s">
        <v>216</v>
      </c>
      <c r="F91" s="21" t="s">
        <v>515</v>
      </c>
      <c r="G91" s="16">
        <v>2747</v>
      </c>
      <c r="H91" s="16">
        <v>2211</v>
      </c>
      <c r="I91" s="16">
        <v>269</v>
      </c>
      <c r="J91" s="16">
        <v>5</v>
      </c>
      <c r="K91" s="16">
        <v>118</v>
      </c>
      <c r="L91" s="16">
        <v>144</v>
      </c>
    </row>
    <row r="92" spans="1:12">
      <c r="A92" s="21" t="s">
        <v>232</v>
      </c>
      <c r="B92" s="21" t="s">
        <v>233</v>
      </c>
      <c r="C92" s="21" t="s">
        <v>262</v>
      </c>
      <c r="D92" s="21" t="s">
        <v>535</v>
      </c>
      <c r="E92" s="21" t="s">
        <v>216</v>
      </c>
      <c r="F92" s="21" t="s">
        <v>516</v>
      </c>
      <c r="G92" s="16">
        <v>57714</v>
      </c>
      <c r="H92" s="16">
        <v>36937</v>
      </c>
      <c r="I92" s="16">
        <v>9792</v>
      </c>
      <c r="J92" s="16">
        <v>103</v>
      </c>
      <c r="K92" s="16">
        <v>6058</v>
      </c>
      <c r="L92" s="16">
        <v>4824</v>
      </c>
    </row>
    <row r="93" spans="1:12">
      <c r="A93" s="21" t="s">
        <v>232</v>
      </c>
      <c r="B93" s="21" t="s">
        <v>233</v>
      </c>
      <c r="C93" s="21" t="s">
        <v>262</v>
      </c>
      <c r="D93" s="21" t="s">
        <v>535</v>
      </c>
      <c r="E93" s="21" t="s">
        <v>216</v>
      </c>
      <c r="F93" s="21" t="s">
        <v>517</v>
      </c>
      <c r="G93" s="16">
        <v>139428</v>
      </c>
      <c r="H93" s="16">
        <v>51676</v>
      </c>
      <c r="I93" s="16">
        <v>46397</v>
      </c>
      <c r="J93" s="16">
        <v>417</v>
      </c>
      <c r="K93" s="16">
        <v>27839</v>
      </c>
      <c r="L93" s="16">
        <v>13099</v>
      </c>
    </row>
    <row r="94" spans="1:12">
      <c r="A94" s="21" t="s">
        <v>232</v>
      </c>
      <c r="B94" s="21" t="s">
        <v>233</v>
      </c>
      <c r="C94" s="21" t="s">
        <v>262</v>
      </c>
      <c r="D94" s="21" t="s">
        <v>535</v>
      </c>
      <c r="E94" s="21" t="s">
        <v>216</v>
      </c>
      <c r="F94" s="21" t="s">
        <v>518</v>
      </c>
      <c r="G94" s="16">
        <v>208059</v>
      </c>
      <c r="H94" s="16">
        <v>41042</v>
      </c>
      <c r="I94" s="16">
        <v>78222</v>
      </c>
      <c r="J94" s="16">
        <v>1608</v>
      </c>
      <c r="K94" s="16">
        <v>64969</v>
      </c>
      <c r="L94" s="16">
        <v>22218</v>
      </c>
    </row>
    <row r="95" spans="1:12">
      <c r="A95" s="21" t="s">
        <v>232</v>
      </c>
      <c r="B95" s="21" t="s">
        <v>233</v>
      </c>
      <c r="C95" s="21" t="s">
        <v>262</v>
      </c>
      <c r="D95" s="21" t="s">
        <v>535</v>
      </c>
      <c r="E95" s="21" t="s">
        <v>216</v>
      </c>
      <c r="F95" s="21" t="s">
        <v>519</v>
      </c>
      <c r="G95" s="16">
        <v>308075</v>
      </c>
      <c r="H95" s="16">
        <v>42175</v>
      </c>
      <c r="I95" s="16">
        <v>106300</v>
      </c>
      <c r="J95" s="16">
        <v>5082</v>
      </c>
      <c r="K95" s="16">
        <v>120760</v>
      </c>
      <c r="L95" s="16">
        <v>33758</v>
      </c>
    </row>
    <row r="96" spans="1:12">
      <c r="A96" s="21" t="s">
        <v>232</v>
      </c>
      <c r="B96" s="21" t="s">
        <v>233</v>
      </c>
      <c r="C96" s="21" t="s">
        <v>262</v>
      </c>
      <c r="D96" s="21" t="s">
        <v>535</v>
      </c>
      <c r="E96" s="21" t="s">
        <v>216</v>
      </c>
      <c r="F96" s="21" t="s">
        <v>520</v>
      </c>
      <c r="G96" s="16">
        <v>422760</v>
      </c>
      <c r="H96" s="16">
        <v>49305</v>
      </c>
      <c r="I96" s="16">
        <v>136136</v>
      </c>
      <c r="J96" s="16">
        <v>12143</v>
      </c>
      <c r="K96" s="16">
        <v>180574</v>
      </c>
      <c r="L96" s="16">
        <v>44602</v>
      </c>
    </row>
    <row r="97" spans="1:12">
      <c r="A97" s="21" t="s">
        <v>232</v>
      </c>
      <c r="B97" s="21" t="s">
        <v>233</v>
      </c>
      <c r="C97" s="21" t="s">
        <v>262</v>
      </c>
      <c r="D97" s="21" t="s">
        <v>535</v>
      </c>
      <c r="E97" s="21" t="s">
        <v>216</v>
      </c>
      <c r="F97" s="21" t="s">
        <v>521</v>
      </c>
      <c r="G97" s="16">
        <v>578170</v>
      </c>
      <c r="H97" s="16">
        <v>64640</v>
      </c>
      <c r="I97" s="16">
        <v>180923</v>
      </c>
      <c r="J97" s="16">
        <v>27663</v>
      </c>
      <c r="K97" s="16">
        <v>248226</v>
      </c>
      <c r="L97" s="16">
        <v>56718</v>
      </c>
    </row>
    <row r="98" spans="1:12">
      <c r="A98" s="21" t="s">
        <v>232</v>
      </c>
      <c r="B98" s="21" t="s">
        <v>233</v>
      </c>
      <c r="C98" s="21" t="s">
        <v>262</v>
      </c>
      <c r="D98" s="21" t="s">
        <v>535</v>
      </c>
      <c r="E98" s="21" t="s">
        <v>216</v>
      </c>
      <c r="F98" s="21" t="s">
        <v>522</v>
      </c>
      <c r="G98" s="16">
        <v>537405</v>
      </c>
      <c r="H98" s="16">
        <v>62672</v>
      </c>
      <c r="I98" s="16">
        <v>162586</v>
      </c>
      <c r="J98" s="16">
        <v>44456</v>
      </c>
      <c r="K98" s="16">
        <v>220488</v>
      </c>
      <c r="L98" s="16">
        <v>47203</v>
      </c>
    </row>
    <row r="99" spans="1:12">
      <c r="A99" s="21" t="s">
        <v>232</v>
      </c>
      <c r="B99" s="21" t="s">
        <v>233</v>
      </c>
      <c r="C99" s="21" t="s">
        <v>262</v>
      </c>
      <c r="D99" s="21" t="s">
        <v>535</v>
      </c>
      <c r="E99" s="21" t="s">
        <v>216</v>
      </c>
      <c r="F99" s="21" t="s">
        <v>523</v>
      </c>
      <c r="G99" s="16">
        <v>432294</v>
      </c>
      <c r="H99" s="16">
        <v>51091</v>
      </c>
      <c r="I99" s="16">
        <v>110785</v>
      </c>
      <c r="J99" s="16">
        <v>69993</v>
      </c>
      <c r="K99" s="16">
        <v>169413</v>
      </c>
      <c r="L99" s="16">
        <v>31012</v>
      </c>
    </row>
    <row r="100" spans="1:12">
      <c r="A100" s="21" t="s">
        <v>232</v>
      </c>
      <c r="B100" s="21" t="s">
        <v>233</v>
      </c>
      <c r="C100" s="21" t="s">
        <v>262</v>
      </c>
      <c r="D100" s="21" t="s">
        <v>535</v>
      </c>
      <c r="E100" s="21" t="s">
        <v>216</v>
      </c>
      <c r="F100" s="21" t="s">
        <v>524</v>
      </c>
      <c r="G100" s="16">
        <v>339647</v>
      </c>
      <c r="H100" s="16">
        <v>35158</v>
      </c>
      <c r="I100" s="16">
        <v>61532</v>
      </c>
      <c r="J100" s="16">
        <v>103112</v>
      </c>
      <c r="K100" s="16">
        <v>119727</v>
      </c>
      <c r="L100" s="16">
        <v>20118</v>
      </c>
    </row>
    <row r="101" spans="1:12">
      <c r="A101" s="21" t="s">
        <v>232</v>
      </c>
      <c r="B101" s="21" t="s">
        <v>233</v>
      </c>
      <c r="C101" s="21" t="s">
        <v>262</v>
      </c>
      <c r="D101" s="21" t="s">
        <v>535</v>
      </c>
      <c r="E101" s="21" t="s">
        <v>216</v>
      </c>
      <c r="F101" s="21" t="s">
        <v>525</v>
      </c>
      <c r="G101" s="16">
        <v>351023</v>
      </c>
      <c r="H101" s="16">
        <v>26243</v>
      </c>
      <c r="I101" s="16">
        <v>43899</v>
      </c>
      <c r="J101" s="16">
        <v>163820</v>
      </c>
      <c r="K101" s="16">
        <v>98053</v>
      </c>
      <c r="L101" s="16">
        <v>19008</v>
      </c>
    </row>
    <row r="102" spans="1:12">
      <c r="A102" s="21" t="s">
        <v>232</v>
      </c>
      <c r="B102" s="21" t="s">
        <v>233</v>
      </c>
      <c r="C102" s="21" t="s">
        <v>262</v>
      </c>
      <c r="D102" s="21" t="s">
        <v>535</v>
      </c>
      <c r="E102" s="21" t="s">
        <v>216</v>
      </c>
      <c r="F102" s="21" t="s">
        <v>526</v>
      </c>
      <c r="G102" s="16">
        <v>429426</v>
      </c>
      <c r="H102" s="16">
        <v>24102</v>
      </c>
      <c r="I102" s="16">
        <v>39622</v>
      </c>
      <c r="J102" s="16">
        <v>256337</v>
      </c>
      <c r="K102" s="16">
        <v>84947</v>
      </c>
      <c r="L102" s="16">
        <v>24418</v>
      </c>
    </row>
    <row r="103" spans="1:12">
      <c r="A103" s="21" t="s">
        <v>232</v>
      </c>
      <c r="B103" s="21" t="s">
        <v>233</v>
      </c>
      <c r="C103" s="21" t="s">
        <v>262</v>
      </c>
      <c r="D103" s="21" t="s">
        <v>535</v>
      </c>
      <c r="E103" s="21" t="s">
        <v>216</v>
      </c>
      <c r="F103" s="21" t="s">
        <v>527</v>
      </c>
      <c r="G103" s="16">
        <v>395195</v>
      </c>
      <c r="H103" s="16">
        <v>15347</v>
      </c>
      <c r="I103" s="16">
        <v>27517</v>
      </c>
      <c r="J103" s="16">
        <v>286196</v>
      </c>
      <c r="K103" s="16">
        <v>42318</v>
      </c>
      <c r="L103" s="16">
        <v>23817</v>
      </c>
    </row>
    <row r="104" spans="1:12">
      <c r="A104" s="21" t="s">
        <v>232</v>
      </c>
      <c r="B104" s="21" t="s">
        <v>233</v>
      </c>
      <c r="C104" s="21" t="s">
        <v>262</v>
      </c>
      <c r="D104" s="21" t="s">
        <v>535</v>
      </c>
      <c r="E104" s="21" t="s">
        <v>216</v>
      </c>
      <c r="F104" s="21" t="s">
        <v>528</v>
      </c>
      <c r="G104" s="16">
        <v>342722</v>
      </c>
      <c r="H104" s="16">
        <v>10463</v>
      </c>
      <c r="I104" s="16">
        <v>19002</v>
      </c>
      <c r="J104" s="16">
        <v>271898</v>
      </c>
      <c r="K104" s="16">
        <v>20163</v>
      </c>
      <c r="L104" s="16">
        <v>21196</v>
      </c>
    </row>
    <row r="105" spans="1:12">
      <c r="A105" s="21" t="s">
        <v>232</v>
      </c>
      <c r="B105" s="21" t="s">
        <v>233</v>
      </c>
      <c r="C105" s="21" t="s">
        <v>262</v>
      </c>
      <c r="D105" s="21" t="s">
        <v>535</v>
      </c>
      <c r="E105" s="21" t="s">
        <v>216</v>
      </c>
      <c r="F105" s="21" t="s">
        <v>529</v>
      </c>
      <c r="G105" s="16">
        <v>249473</v>
      </c>
      <c r="H105" s="16">
        <v>6983</v>
      </c>
      <c r="I105" s="16">
        <v>10782</v>
      </c>
      <c r="J105" s="16">
        <v>207714</v>
      </c>
      <c r="K105" s="16">
        <v>8998</v>
      </c>
      <c r="L105" s="16">
        <v>14996</v>
      </c>
    </row>
    <row r="106" spans="1:12">
      <c r="A106" s="21" t="s">
        <v>232</v>
      </c>
      <c r="B106" s="21" t="s">
        <v>233</v>
      </c>
      <c r="C106" s="21" t="s">
        <v>262</v>
      </c>
      <c r="D106" s="21" t="s">
        <v>535</v>
      </c>
      <c r="E106" s="21" t="s">
        <v>216</v>
      </c>
      <c r="F106" s="21" t="s">
        <v>530</v>
      </c>
      <c r="G106" s="16">
        <v>113714</v>
      </c>
      <c r="H106" s="16">
        <v>2774</v>
      </c>
      <c r="I106" s="16">
        <v>3813</v>
      </c>
      <c r="J106" s="16">
        <v>97337</v>
      </c>
      <c r="K106" s="16">
        <v>3255</v>
      </c>
      <c r="L106" s="16">
        <v>6535</v>
      </c>
    </row>
    <row r="107" spans="1:12">
      <c r="A107" s="21" t="s">
        <v>232</v>
      </c>
      <c r="B107" s="21" t="s">
        <v>233</v>
      </c>
      <c r="C107" s="21" t="s">
        <v>262</v>
      </c>
      <c r="D107" s="21" t="s">
        <v>535</v>
      </c>
      <c r="E107" s="21" t="s">
        <v>216</v>
      </c>
      <c r="F107" s="21" t="s">
        <v>531</v>
      </c>
      <c r="G107" s="16">
        <v>27490</v>
      </c>
      <c r="H107" s="16">
        <v>519</v>
      </c>
      <c r="I107" s="16">
        <v>657</v>
      </c>
      <c r="J107" s="16">
        <v>24129</v>
      </c>
      <c r="K107" s="16">
        <v>671</v>
      </c>
      <c r="L107" s="16">
        <v>1514</v>
      </c>
    </row>
    <row r="108" spans="1:12">
      <c r="A108" s="21" t="s">
        <v>232</v>
      </c>
      <c r="B108" s="21" t="s">
        <v>233</v>
      </c>
      <c r="C108" s="21" t="s">
        <v>262</v>
      </c>
      <c r="D108" s="21" t="s">
        <v>535</v>
      </c>
      <c r="E108" s="21" t="s">
        <v>216</v>
      </c>
      <c r="F108" s="21" t="s">
        <v>532</v>
      </c>
      <c r="G108" s="16">
        <v>3594</v>
      </c>
      <c r="H108" s="16">
        <v>55</v>
      </c>
      <c r="I108" s="16">
        <v>75</v>
      </c>
      <c r="J108" s="16">
        <v>3153</v>
      </c>
      <c r="K108" s="16">
        <v>78</v>
      </c>
      <c r="L108" s="16">
        <v>233</v>
      </c>
    </row>
    <row r="109" spans="1:12">
      <c r="A109" s="21" t="s">
        <v>232</v>
      </c>
      <c r="B109" s="21" t="s">
        <v>233</v>
      </c>
      <c r="C109" s="21" t="s">
        <v>262</v>
      </c>
      <c r="D109" s="21" t="s">
        <v>535</v>
      </c>
      <c r="E109" s="21" t="s">
        <v>216</v>
      </c>
      <c r="F109" s="21" t="s">
        <v>533</v>
      </c>
      <c r="G109" s="16">
        <v>32964</v>
      </c>
      <c r="H109" s="22" t="s">
        <v>268</v>
      </c>
      <c r="I109" s="22" t="s">
        <v>268</v>
      </c>
      <c r="J109" s="22" t="s">
        <v>268</v>
      </c>
      <c r="K109" s="22" t="s">
        <v>268</v>
      </c>
      <c r="L109" s="16">
        <v>32964</v>
      </c>
    </row>
    <row r="110" spans="1:12">
      <c r="A110" s="21" t="s">
        <v>232</v>
      </c>
      <c r="B110" s="21" t="s">
        <v>233</v>
      </c>
      <c r="C110" s="21" t="s">
        <v>262</v>
      </c>
      <c r="D110" s="21" t="s">
        <v>535</v>
      </c>
      <c r="E110" s="21" t="s">
        <v>216</v>
      </c>
      <c r="F110" s="21" t="s">
        <v>461</v>
      </c>
      <c r="G110" s="16">
        <v>3026299</v>
      </c>
      <c r="H110" s="16">
        <v>436907</v>
      </c>
      <c r="I110" s="16">
        <v>892942</v>
      </c>
      <c r="J110" s="16">
        <v>264582</v>
      </c>
      <c r="K110" s="16">
        <v>1158172</v>
      </c>
      <c r="L110" s="16">
        <v>273696</v>
      </c>
    </row>
    <row r="111" spans="1:12">
      <c r="A111" s="21" t="s">
        <v>232</v>
      </c>
      <c r="B111" s="21" t="s">
        <v>233</v>
      </c>
      <c r="C111" s="21" t="s">
        <v>262</v>
      </c>
      <c r="D111" s="21" t="s">
        <v>535</v>
      </c>
      <c r="E111" s="21" t="s">
        <v>216</v>
      </c>
      <c r="F111" s="21" t="s">
        <v>462</v>
      </c>
      <c r="G111" s="16">
        <v>1912637</v>
      </c>
      <c r="H111" s="16">
        <v>86486</v>
      </c>
      <c r="I111" s="16">
        <v>145367</v>
      </c>
      <c r="J111" s="16">
        <v>1310584</v>
      </c>
      <c r="K111" s="16">
        <v>258483</v>
      </c>
      <c r="L111" s="16">
        <v>111717</v>
      </c>
    </row>
    <row r="112" spans="1:12">
      <c r="A112" s="21" t="s">
        <v>232</v>
      </c>
      <c r="B112" s="21" t="s">
        <v>233</v>
      </c>
      <c r="C112" s="21" t="s">
        <v>262</v>
      </c>
      <c r="D112" s="21" t="s">
        <v>535</v>
      </c>
      <c r="E112" s="21" t="s">
        <v>216</v>
      </c>
      <c r="F112" s="21" t="s">
        <v>463</v>
      </c>
      <c r="G112" s="16">
        <v>1132188</v>
      </c>
      <c r="H112" s="16">
        <v>36141</v>
      </c>
      <c r="I112" s="16">
        <v>61846</v>
      </c>
      <c r="J112" s="16">
        <v>890427</v>
      </c>
      <c r="K112" s="16">
        <v>75483</v>
      </c>
      <c r="L112" s="16">
        <v>68291</v>
      </c>
    </row>
    <row r="113" spans="1:12">
      <c r="A113" s="21" t="s">
        <v>232</v>
      </c>
      <c r="B113" s="21" t="s">
        <v>233</v>
      </c>
      <c r="C113" s="21" t="s">
        <v>262</v>
      </c>
      <c r="D113" s="21" t="s">
        <v>535</v>
      </c>
      <c r="E113" s="21" t="s">
        <v>216</v>
      </c>
      <c r="F113" s="21" t="s">
        <v>464</v>
      </c>
      <c r="G113" s="16">
        <v>394271</v>
      </c>
      <c r="H113" s="16">
        <v>10331</v>
      </c>
      <c r="I113" s="16">
        <v>15327</v>
      </c>
      <c r="J113" s="16">
        <v>332333</v>
      </c>
      <c r="K113" s="16">
        <v>13002</v>
      </c>
      <c r="L113" s="16">
        <v>23278</v>
      </c>
    </row>
    <row r="114" spans="1:12">
      <c r="A114" s="21" t="s">
        <v>232</v>
      </c>
      <c r="B114" s="21" t="s">
        <v>233</v>
      </c>
      <c r="C114" s="21" t="s">
        <v>262</v>
      </c>
      <c r="D114" s="21" t="s">
        <v>535</v>
      </c>
      <c r="E114" s="21" t="s">
        <v>216</v>
      </c>
      <c r="F114" s="21" t="s">
        <v>431</v>
      </c>
      <c r="G114" s="16">
        <v>3374575</v>
      </c>
      <c r="H114" s="16">
        <v>460939</v>
      </c>
      <c r="I114" s="16">
        <v>936572</v>
      </c>
      <c r="J114" s="16">
        <v>428397</v>
      </c>
      <c r="K114" s="16">
        <v>1256107</v>
      </c>
      <c r="L114" s="16">
        <v>292560</v>
      </c>
    </row>
    <row r="115" spans="1:12">
      <c r="A115" s="21" t="s">
        <v>232</v>
      </c>
      <c r="B115" s="21" t="s">
        <v>233</v>
      </c>
      <c r="C115" s="21" t="s">
        <v>262</v>
      </c>
      <c r="D115" s="21" t="s">
        <v>536</v>
      </c>
      <c r="E115" s="21" t="s">
        <v>216</v>
      </c>
      <c r="F115" s="21" t="s">
        <v>401</v>
      </c>
      <c r="G115" s="16">
        <v>10214796</v>
      </c>
      <c r="H115" s="16">
        <v>3235673</v>
      </c>
      <c r="I115" s="16">
        <v>361513</v>
      </c>
      <c r="J115" s="16">
        <v>2983639</v>
      </c>
      <c r="K115" s="16">
        <v>1217703</v>
      </c>
      <c r="L115" s="16">
        <v>2416268</v>
      </c>
    </row>
    <row r="116" spans="1:12">
      <c r="A116" s="21" t="s">
        <v>232</v>
      </c>
      <c r="B116" s="21" t="s">
        <v>233</v>
      </c>
      <c r="C116" s="21" t="s">
        <v>262</v>
      </c>
      <c r="D116" s="21" t="s">
        <v>536</v>
      </c>
      <c r="E116" s="21" t="s">
        <v>216</v>
      </c>
      <c r="F116" s="21" t="s">
        <v>514</v>
      </c>
      <c r="G116" s="16">
        <v>34</v>
      </c>
      <c r="H116" s="16">
        <v>34</v>
      </c>
      <c r="I116" s="22" t="s">
        <v>268</v>
      </c>
      <c r="J116" s="22" t="s">
        <v>268</v>
      </c>
      <c r="K116" s="22" t="s">
        <v>268</v>
      </c>
      <c r="L116" s="22" t="s">
        <v>268</v>
      </c>
    </row>
    <row r="117" spans="1:12">
      <c r="A117" s="21" t="s">
        <v>232</v>
      </c>
      <c r="B117" s="21" t="s">
        <v>233</v>
      </c>
      <c r="C117" s="21" t="s">
        <v>262</v>
      </c>
      <c r="D117" s="21" t="s">
        <v>536</v>
      </c>
      <c r="E117" s="21" t="s">
        <v>216</v>
      </c>
      <c r="F117" s="21" t="s">
        <v>515</v>
      </c>
      <c r="G117" s="16">
        <v>126485</v>
      </c>
      <c r="H117" s="16">
        <v>114025</v>
      </c>
      <c r="I117" s="16">
        <v>386</v>
      </c>
      <c r="J117" s="16">
        <v>83</v>
      </c>
      <c r="K117" s="16">
        <v>72</v>
      </c>
      <c r="L117" s="16">
        <v>11919</v>
      </c>
    </row>
    <row r="118" spans="1:12">
      <c r="A118" s="21" t="s">
        <v>232</v>
      </c>
      <c r="B118" s="21" t="s">
        <v>233</v>
      </c>
      <c r="C118" s="21" t="s">
        <v>262</v>
      </c>
      <c r="D118" s="21" t="s">
        <v>536</v>
      </c>
      <c r="E118" s="21" t="s">
        <v>216</v>
      </c>
      <c r="F118" s="21" t="s">
        <v>516</v>
      </c>
      <c r="G118" s="16">
        <v>760895</v>
      </c>
      <c r="H118" s="16">
        <v>600778</v>
      </c>
      <c r="I118" s="16">
        <v>3006</v>
      </c>
      <c r="J118" s="16">
        <v>332</v>
      </c>
      <c r="K118" s="16">
        <v>920</v>
      </c>
      <c r="L118" s="16">
        <v>155859</v>
      </c>
    </row>
    <row r="119" spans="1:12">
      <c r="A119" s="21" t="s">
        <v>232</v>
      </c>
      <c r="B119" s="21" t="s">
        <v>233</v>
      </c>
      <c r="C119" s="21" t="s">
        <v>262</v>
      </c>
      <c r="D119" s="21" t="s">
        <v>536</v>
      </c>
      <c r="E119" s="21" t="s">
        <v>216</v>
      </c>
      <c r="F119" s="21" t="s">
        <v>517</v>
      </c>
      <c r="G119" s="16">
        <v>732121</v>
      </c>
      <c r="H119" s="16">
        <v>527432</v>
      </c>
      <c r="I119" s="16">
        <v>15623</v>
      </c>
      <c r="J119" s="16">
        <v>384</v>
      </c>
      <c r="K119" s="16">
        <v>5598</v>
      </c>
      <c r="L119" s="16">
        <v>183084</v>
      </c>
    </row>
    <row r="120" spans="1:12">
      <c r="A120" s="21" t="s">
        <v>232</v>
      </c>
      <c r="B120" s="21" t="s">
        <v>233</v>
      </c>
      <c r="C120" s="21" t="s">
        <v>262</v>
      </c>
      <c r="D120" s="21" t="s">
        <v>536</v>
      </c>
      <c r="E120" s="21" t="s">
        <v>216</v>
      </c>
      <c r="F120" s="21" t="s">
        <v>518</v>
      </c>
      <c r="G120" s="16">
        <v>479906</v>
      </c>
      <c r="H120" s="16">
        <v>321696</v>
      </c>
      <c r="I120" s="16">
        <v>20164</v>
      </c>
      <c r="J120" s="16">
        <v>632</v>
      </c>
      <c r="K120" s="16">
        <v>13430</v>
      </c>
      <c r="L120" s="16">
        <v>123984</v>
      </c>
    </row>
    <row r="121" spans="1:12">
      <c r="A121" s="21" t="s">
        <v>232</v>
      </c>
      <c r="B121" s="21" t="s">
        <v>233</v>
      </c>
      <c r="C121" s="21" t="s">
        <v>262</v>
      </c>
      <c r="D121" s="21" t="s">
        <v>536</v>
      </c>
      <c r="E121" s="21" t="s">
        <v>216</v>
      </c>
      <c r="F121" s="21" t="s">
        <v>519</v>
      </c>
      <c r="G121" s="16">
        <v>370170</v>
      </c>
      <c r="H121" s="16">
        <v>239862</v>
      </c>
      <c r="I121" s="16">
        <v>15002</v>
      </c>
      <c r="J121" s="16">
        <v>1383</v>
      </c>
      <c r="K121" s="16">
        <v>19614</v>
      </c>
      <c r="L121" s="16">
        <v>94309</v>
      </c>
    </row>
    <row r="122" spans="1:12">
      <c r="A122" s="21" t="s">
        <v>232</v>
      </c>
      <c r="B122" s="21" t="s">
        <v>233</v>
      </c>
      <c r="C122" s="21" t="s">
        <v>262</v>
      </c>
      <c r="D122" s="21" t="s">
        <v>536</v>
      </c>
      <c r="E122" s="21" t="s">
        <v>216</v>
      </c>
      <c r="F122" s="21" t="s">
        <v>520</v>
      </c>
      <c r="G122" s="16">
        <v>355511</v>
      </c>
      <c r="H122" s="16">
        <v>218650</v>
      </c>
      <c r="I122" s="16">
        <v>15055</v>
      </c>
      <c r="J122" s="16">
        <v>3779</v>
      </c>
      <c r="K122" s="16">
        <v>35515</v>
      </c>
      <c r="L122" s="16">
        <v>82512</v>
      </c>
    </row>
    <row r="123" spans="1:12">
      <c r="A123" s="21" t="s">
        <v>232</v>
      </c>
      <c r="B123" s="21" t="s">
        <v>233</v>
      </c>
      <c r="C123" s="21" t="s">
        <v>262</v>
      </c>
      <c r="D123" s="21" t="s">
        <v>536</v>
      </c>
      <c r="E123" s="21" t="s">
        <v>216</v>
      </c>
      <c r="F123" s="21" t="s">
        <v>521</v>
      </c>
      <c r="G123" s="16">
        <v>448288</v>
      </c>
      <c r="H123" s="16">
        <v>239327</v>
      </c>
      <c r="I123" s="16">
        <v>25142</v>
      </c>
      <c r="J123" s="16">
        <v>10822</v>
      </c>
      <c r="K123" s="16">
        <v>82412</v>
      </c>
      <c r="L123" s="16">
        <v>90585</v>
      </c>
    </row>
    <row r="124" spans="1:12">
      <c r="A124" s="21" t="s">
        <v>232</v>
      </c>
      <c r="B124" s="21" t="s">
        <v>233</v>
      </c>
      <c r="C124" s="21" t="s">
        <v>262</v>
      </c>
      <c r="D124" s="21" t="s">
        <v>536</v>
      </c>
      <c r="E124" s="21" t="s">
        <v>216</v>
      </c>
      <c r="F124" s="21" t="s">
        <v>522</v>
      </c>
      <c r="G124" s="16">
        <v>476502</v>
      </c>
      <c r="H124" s="16">
        <v>207476</v>
      </c>
      <c r="I124" s="16">
        <v>42098</v>
      </c>
      <c r="J124" s="16">
        <v>23681</v>
      </c>
      <c r="K124" s="16">
        <v>123701</v>
      </c>
      <c r="L124" s="16">
        <v>79546</v>
      </c>
    </row>
    <row r="125" spans="1:12">
      <c r="A125" s="21" t="s">
        <v>232</v>
      </c>
      <c r="B125" s="21" t="s">
        <v>233</v>
      </c>
      <c r="C125" s="21" t="s">
        <v>262</v>
      </c>
      <c r="D125" s="21" t="s">
        <v>536</v>
      </c>
      <c r="E125" s="21" t="s">
        <v>216</v>
      </c>
      <c r="F125" s="21" t="s">
        <v>523</v>
      </c>
      <c r="G125" s="16">
        <v>493412</v>
      </c>
      <c r="H125" s="16">
        <v>168291</v>
      </c>
      <c r="I125" s="16">
        <v>54332</v>
      </c>
      <c r="J125" s="16">
        <v>51940</v>
      </c>
      <c r="K125" s="16">
        <v>155770</v>
      </c>
      <c r="L125" s="16">
        <v>63079</v>
      </c>
    </row>
    <row r="126" spans="1:12">
      <c r="A126" s="21" t="s">
        <v>232</v>
      </c>
      <c r="B126" s="21" t="s">
        <v>233</v>
      </c>
      <c r="C126" s="21" t="s">
        <v>262</v>
      </c>
      <c r="D126" s="21" t="s">
        <v>536</v>
      </c>
      <c r="E126" s="21" t="s">
        <v>216</v>
      </c>
      <c r="F126" s="21" t="s">
        <v>524</v>
      </c>
      <c r="G126" s="16">
        <v>494812</v>
      </c>
      <c r="H126" s="16">
        <v>134631</v>
      </c>
      <c r="I126" s="16">
        <v>41555</v>
      </c>
      <c r="J126" s="16">
        <v>105613</v>
      </c>
      <c r="K126" s="16">
        <v>163061</v>
      </c>
      <c r="L126" s="16">
        <v>49952</v>
      </c>
    </row>
    <row r="127" spans="1:12">
      <c r="A127" s="21" t="s">
        <v>232</v>
      </c>
      <c r="B127" s="21" t="s">
        <v>233</v>
      </c>
      <c r="C127" s="21" t="s">
        <v>262</v>
      </c>
      <c r="D127" s="21" t="s">
        <v>536</v>
      </c>
      <c r="E127" s="21" t="s">
        <v>216</v>
      </c>
      <c r="F127" s="21" t="s">
        <v>525</v>
      </c>
      <c r="G127" s="16">
        <v>640136</v>
      </c>
      <c r="H127" s="16">
        <v>130019</v>
      </c>
      <c r="I127" s="16">
        <v>33332</v>
      </c>
      <c r="J127" s="16">
        <v>231721</v>
      </c>
      <c r="K127" s="16">
        <v>190194</v>
      </c>
      <c r="L127" s="16">
        <v>54870</v>
      </c>
    </row>
    <row r="128" spans="1:12">
      <c r="A128" s="21" t="s">
        <v>232</v>
      </c>
      <c r="B128" s="21" t="s">
        <v>233</v>
      </c>
      <c r="C128" s="21" t="s">
        <v>262</v>
      </c>
      <c r="D128" s="21" t="s">
        <v>536</v>
      </c>
      <c r="E128" s="21" t="s">
        <v>216</v>
      </c>
      <c r="F128" s="21" t="s">
        <v>526</v>
      </c>
      <c r="G128" s="16">
        <v>908293</v>
      </c>
      <c r="H128" s="16">
        <v>136891</v>
      </c>
      <c r="I128" s="16">
        <v>32459</v>
      </c>
      <c r="J128" s="16">
        <v>457200</v>
      </c>
      <c r="K128" s="16">
        <v>203302</v>
      </c>
      <c r="L128" s="16">
        <v>78441</v>
      </c>
    </row>
    <row r="129" spans="1:12">
      <c r="A129" s="21" t="s">
        <v>232</v>
      </c>
      <c r="B129" s="21" t="s">
        <v>233</v>
      </c>
      <c r="C129" s="21" t="s">
        <v>262</v>
      </c>
      <c r="D129" s="21" t="s">
        <v>536</v>
      </c>
      <c r="E129" s="21" t="s">
        <v>216</v>
      </c>
      <c r="F129" s="21" t="s">
        <v>527</v>
      </c>
      <c r="G129" s="16">
        <v>915179</v>
      </c>
      <c r="H129" s="16">
        <v>88692</v>
      </c>
      <c r="I129" s="16">
        <v>24042</v>
      </c>
      <c r="J129" s="16">
        <v>597283</v>
      </c>
      <c r="K129" s="16">
        <v>120785</v>
      </c>
      <c r="L129" s="16">
        <v>84377</v>
      </c>
    </row>
    <row r="130" spans="1:12">
      <c r="A130" s="21" t="s">
        <v>232</v>
      </c>
      <c r="B130" s="21" t="s">
        <v>233</v>
      </c>
      <c r="C130" s="21" t="s">
        <v>262</v>
      </c>
      <c r="D130" s="21" t="s">
        <v>536</v>
      </c>
      <c r="E130" s="21" t="s">
        <v>216</v>
      </c>
      <c r="F130" s="21" t="s">
        <v>528</v>
      </c>
      <c r="G130" s="16">
        <v>888137</v>
      </c>
      <c r="H130" s="16">
        <v>56213</v>
      </c>
      <c r="I130" s="16">
        <v>20722</v>
      </c>
      <c r="J130" s="16">
        <v>660124</v>
      </c>
      <c r="K130" s="16">
        <v>63295</v>
      </c>
      <c r="L130" s="16">
        <v>87783</v>
      </c>
    </row>
    <row r="131" spans="1:12">
      <c r="A131" s="21" t="s">
        <v>232</v>
      </c>
      <c r="B131" s="21" t="s">
        <v>233</v>
      </c>
      <c r="C131" s="21" t="s">
        <v>262</v>
      </c>
      <c r="D131" s="21" t="s">
        <v>536</v>
      </c>
      <c r="E131" s="21" t="s">
        <v>216</v>
      </c>
      <c r="F131" s="21" t="s">
        <v>529</v>
      </c>
      <c r="G131" s="16">
        <v>694254</v>
      </c>
      <c r="H131" s="16">
        <v>35134</v>
      </c>
      <c r="I131" s="16">
        <v>13716</v>
      </c>
      <c r="J131" s="16">
        <v>546005</v>
      </c>
      <c r="K131" s="16">
        <v>28728</v>
      </c>
      <c r="L131" s="16">
        <v>70671</v>
      </c>
    </row>
    <row r="132" spans="1:12">
      <c r="A132" s="21" t="s">
        <v>232</v>
      </c>
      <c r="B132" s="21" t="s">
        <v>233</v>
      </c>
      <c r="C132" s="21" t="s">
        <v>262</v>
      </c>
      <c r="D132" s="21" t="s">
        <v>536</v>
      </c>
      <c r="E132" s="21" t="s">
        <v>216</v>
      </c>
      <c r="F132" s="21" t="s">
        <v>530</v>
      </c>
      <c r="G132" s="16">
        <v>298051</v>
      </c>
      <c r="H132" s="16">
        <v>13973</v>
      </c>
      <c r="I132" s="16">
        <v>4444</v>
      </c>
      <c r="J132" s="16">
        <v>239277</v>
      </c>
      <c r="K132" s="16">
        <v>9488</v>
      </c>
      <c r="L132" s="16">
        <v>30869</v>
      </c>
    </row>
    <row r="133" spans="1:12">
      <c r="A133" s="21" t="s">
        <v>232</v>
      </c>
      <c r="B133" s="21" t="s">
        <v>233</v>
      </c>
      <c r="C133" s="21" t="s">
        <v>262</v>
      </c>
      <c r="D133" s="21" t="s">
        <v>536</v>
      </c>
      <c r="E133" s="21" t="s">
        <v>216</v>
      </c>
      <c r="F133" s="21" t="s">
        <v>531</v>
      </c>
      <c r="G133" s="16">
        <v>58439</v>
      </c>
      <c r="H133" s="16">
        <v>2336</v>
      </c>
      <c r="I133" s="16">
        <v>408</v>
      </c>
      <c r="J133" s="16">
        <v>48338</v>
      </c>
      <c r="K133" s="16">
        <v>1693</v>
      </c>
      <c r="L133" s="16">
        <v>5664</v>
      </c>
    </row>
    <row r="134" spans="1:12">
      <c r="A134" s="21" t="s">
        <v>232</v>
      </c>
      <c r="B134" s="21" t="s">
        <v>233</v>
      </c>
      <c r="C134" s="21" t="s">
        <v>262</v>
      </c>
      <c r="D134" s="21" t="s">
        <v>536</v>
      </c>
      <c r="E134" s="21" t="s">
        <v>216</v>
      </c>
      <c r="F134" s="21" t="s">
        <v>532</v>
      </c>
      <c r="G134" s="16">
        <v>6146</v>
      </c>
      <c r="H134" s="16">
        <v>213</v>
      </c>
      <c r="I134" s="16">
        <v>27</v>
      </c>
      <c r="J134" s="16">
        <v>5042</v>
      </c>
      <c r="K134" s="16">
        <v>125</v>
      </c>
      <c r="L134" s="16">
        <v>739</v>
      </c>
    </row>
    <row r="135" spans="1:12">
      <c r="A135" s="21" t="s">
        <v>232</v>
      </c>
      <c r="B135" s="21" t="s">
        <v>233</v>
      </c>
      <c r="C135" s="21" t="s">
        <v>262</v>
      </c>
      <c r="D135" s="21" t="s">
        <v>536</v>
      </c>
      <c r="E135" s="21" t="s">
        <v>216</v>
      </c>
      <c r="F135" s="21" t="s">
        <v>533</v>
      </c>
      <c r="G135" s="16">
        <v>1068025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16">
        <v>1068025</v>
      </c>
    </row>
    <row r="136" spans="1:12">
      <c r="A136" s="21" t="s">
        <v>232</v>
      </c>
      <c r="B136" s="21" t="s">
        <v>233</v>
      </c>
      <c r="C136" s="21" t="s">
        <v>262</v>
      </c>
      <c r="D136" s="21" t="s">
        <v>536</v>
      </c>
      <c r="E136" s="21" t="s">
        <v>216</v>
      </c>
      <c r="F136" s="21" t="s">
        <v>461</v>
      </c>
      <c r="G136" s="16">
        <v>4738102</v>
      </c>
      <c r="H136" s="16">
        <v>2772168</v>
      </c>
      <c r="I136" s="16">
        <v>232363</v>
      </c>
      <c r="J136" s="16">
        <v>198649</v>
      </c>
      <c r="K136" s="16">
        <v>600093</v>
      </c>
      <c r="L136" s="16">
        <v>934829</v>
      </c>
    </row>
    <row r="137" spans="1:12">
      <c r="A137" s="21" t="s">
        <v>232</v>
      </c>
      <c r="B137" s="21" t="s">
        <v>233</v>
      </c>
      <c r="C137" s="21" t="s">
        <v>262</v>
      </c>
      <c r="D137" s="21" t="s">
        <v>536</v>
      </c>
      <c r="E137" s="21" t="s">
        <v>216</v>
      </c>
      <c r="F137" s="21" t="s">
        <v>462</v>
      </c>
      <c r="G137" s="16">
        <v>4408635</v>
      </c>
      <c r="H137" s="16">
        <v>463471</v>
      </c>
      <c r="I137" s="16">
        <v>129150</v>
      </c>
      <c r="J137" s="16">
        <v>2784990</v>
      </c>
      <c r="K137" s="16">
        <v>617610</v>
      </c>
      <c r="L137" s="16">
        <v>413414</v>
      </c>
    </row>
    <row r="138" spans="1:12">
      <c r="A138" s="21" t="s">
        <v>232</v>
      </c>
      <c r="B138" s="21" t="s">
        <v>233</v>
      </c>
      <c r="C138" s="21" t="s">
        <v>262</v>
      </c>
      <c r="D138" s="21" t="s">
        <v>536</v>
      </c>
      <c r="E138" s="21" t="s">
        <v>216</v>
      </c>
      <c r="F138" s="21" t="s">
        <v>463</v>
      </c>
      <c r="G138" s="16">
        <v>2860206</v>
      </c>
      <c r="H138" s="16">
        <v>196561</v>
      </c>
      <c r="I138" s="16">
        <v>63359</v>
      </c>
      <c r="J138" s="16">
        <v>2096069</v>
      </c>
      <c r="K138" s="16">
        <v>224114</v>
      </c>
      <c r="L138" s="16">
        <v>280103</v>
      </c>
    </row>
    <row r="139" spans="1:12">
      <c r="A139" s="21" t="s">
        <v>232</v>
      </c>
      <c r="B139" s="21" t="s">
        <v>233</v>
      </c>
      <c r="C139" s="21" t="s">
        <v>262</v>
      </c>
      <c r="D139" s="21" t="s">
        <v>536</v>
      </c>
      <c r="E139" s="21" t="s">
        <v>216</v>
      </c>
      <c r="F139" s="21" t="s">
        <v>464</v>
      </c>
      <c r="G139" s="16">
        <v>1056890</v>
      </c>
      <c r="H139" s="16">
        <v>51656</v>
      </c>
      <c r="I139" s="16">
        <v>18595</v>
      </c>
      <c r="J139" s="16">
        <v>838662</v>
      </c>
      <c r="K139" s="16">
        <v>40034</v>
      </c>
      <c r="L139" s="16">
        <v>107943</v>
      </c>
    </row>
    <row r="140" spans="1:12">
      <c r="A140" s="21" t="s">
        <v>232</v>
      </c>
      <c r="B140" s="21" t="s">
        <v>233</v>
      </c>
      <c r="C140" s="21" t="s">
        <v>262</v>
      </c>
      <c r="D140" s="21" t="s">
        <v>536</v>
      </c>
      <c r="E140" s="21" t="s">
        <v>216</v>
      </c>
      <c r="F140" s="21" t="s">
        <v>431</v>
      </c>
      <c r="G140" s="16">
        <v>5251753</v>
      </c>
      <c r="H140" s="16">
        <v>2788162</v>
      </c>
      <c r="I140" s="16">
        <v>265309</v>
      </c>
      <c r="J140" s="16">
        <v>430287</v>
      </c>
      <c r="K140" s="16">
        <v>790215</v>
      </c>
      <c r="L140" s="16">
        <v>977780</v>
      </c>
    </row>
    <row r="141" spans="1:12">
      <c r="A141" s="21" t="s">
        <v>232</v>
      </c>
      <c r="B141" s="21" t="s">
        <v>233</v>
      </c>
      <c r="C141" s="21" t="s">
        <v>262</v>
      </c>
      <c r="D141" s="21" t="s">
        <v>218</v>
      </c>
      <c r="E141" s="21" t="s">
        <v>216</v>
      </c>
      <c r="F141" s="21" t="s">
        <v>401</v>
      </c>
      <c r="G141" s="16">
        <v>1854065</v>
      </c>
      <c r="H141" s="16">
        <v>321581</v>
      </c>
      <c r="I141" s="16">
        <v>189667</v>
      </c>
      <c r="J141" s="16">
        <v>1014656</v>
      </c>
      <c r="K141" s="16">
        <v>86078</v>
      </c>
      <c r="L141" s="16">
        <v>242083</v>
      </c>
    </row>
    <row r="142" spans="1:12">
      <c r="A142" s="21" t="s">
        <v>232</v>
      </c>
      <c r="B142" s="21" t="s">
        <v>233</v>
      </c>
      <c r="C142" s="21" t="s">
        <v>262</v>
      </c>
      <c r="D142" s="21" t="s">
        <v>218</v>
      </c>
      <c r="E142" s="21" t="s">
        <v>216</v>
      </c>
      <c r="F142" s="21" t="s">
        <v>514</v>
      </c>
      <c r="G142" s="16">
        <v>14826</v>
      </c>
      <c r="H142" s="16">
        <v>14826</v>
      </c>
      <c r="I142" s="22" t="s">
        <v>268</v>
      </c>
      <c r="J142" s="22" t="s">
        <v>268</v>
      </c>
      <c r="K142" s="22" t="s">
        <v>268</v>
      </c>
      <c r="L142" s="22" t="s">
        <v>268</v>
      </c>
    </row>
    <row r="143" spans="1:12">
      <c r="A143" s="21" t="s">
        <v>232</v>
      </c>
      <c r="B143" s="21" t="s">
        <v>233</v>
      </c>
      <c r="C143" s="21" t="s">
        <v>262</v>
      </c>
      <c r="D143" s="21" t="s">
        <v>218</v>
      </c>
      <c r="E143" s="21" t="s">
        <v>216</v>
      </c>
      <c r="F143" s="21" t="s">
        <v>515</v>
      </c>
      <c r="G143" s="16">
        <v>50923</v>
      </c>
      <c r="H143" s="16">
        <v>50551</v>
      </c>
      <c r="I143" s="16">
        <v>76</v>
      </c>
      <c r="J143" s="16">
        <v>9</v>
      </c>
      <c r="K143" s="16">
        <v>9</v>
      </c>
      <c r="L143" s="16">
        <v>278</v>
      </c>
    </row>
    <row r="144" spans="1:12">
      <c r="A144" s="21" t="s">
        <v>232</v>
      </c>
      <c r="B144" s="21" t="s">
        <v>233</v>
      </c>
      <c r="C144" s="21" t="s">
        <v>262</v>
      </c>
      <c r="D144" s="21" t="s">
        <v>218</v>
      </c>
      <c r="E144" s="21" t="s">
        <v>216</v>
      </c>
      <c r="F144" s="21" t="s">
        <v>516</v>
      </c>
      <c r="G144" s="16">
        <v>29025</v>
      </c>
      <c r="H144" s="16">
        <v>28428</v>
      </c>
      <c r="I144" s="16">
        <v>151</v>
      </c>
      <c r="J144" s="16">
        <v>32</v>
      </c>
      <c r="K144" s="16">
        <v>34</v>
      </c>
      <c r="L144" s="16">
        <v>380</v>
      </c>
    </row>
    <row r="145" spans="1:12">
      <c r="A145" s="21" t="s">
        <v>232</v>
      </c>
      <c r="B145" s="21" t="s">
        <v>233</v>
      </c>
      <c r="C145" s="21" t="s">
        <v>262</v>
      </c>
      <c r="D145" s="21" t="s">
        <v>218</v>
      </c>
      <c r="E145" s="21" t="s">
        <v>216</v>
      </c>
      <c r="F145" s="21" t="s">
        <v>517</v>
      </c>
      <c r="G145" s="16">
        <v>8808</v>
      </c>
      <c r="H145" s="16">
        <v>7991</v>
      </c>
      <c r="I145" s="16">
        <v>261</v>
      </c>
      <c r="J145" s="16">
        <v>40</v>
      </c>
      <c r="K145" s="16">
        <v>135</v>
      </c>
      <c r="L145" s="16">
        <v>381</v>
      </c>
    </row>
    <row r="146" spans="1:12">
      <c r="A146" s="21" t="s">
        <v>232</v>
      </c>
      <c r="B146" s="21" t="s">
        <v>233</v>
      </c>
      <c r="C146" s="21" t="s">
        <v>262</v>
      </c>
      <c r="D146" s="21" t="s">
        <v>218</v>
      </c>
      <c r="E146" s="21" t="s">
        <v>216</v>
      </c>
      <c r="F146" s="21" t="s">
        <v>518</v>
      </c>
      <c r="G146" s="16">
        <v>7803</v>
      </c>
      <c r="H146" s="16">
        <v>6776</v>
      </c>
      <c r="I146" s="16">
        <v>300</v>
      </c>
      <c r="J146" s="16">
        <v>16</v>
      </c>
      <c r="K146" s="16">
        <v>243</v>
      </c>
      <c r="L146" s="16">
        <v>468</v>
      </c>
    </row>
    <row r="147" spans="1:12">
      <c r="A147" s="21" t="s">
        <v>232</v>
      </c>
      <c r="B147" s="21" t="s">
        <v>233</v>
      </c>
      <c r="C147" s="21" t="s">
        <v>262</v>
      </c>
      <c r="D147" s="21" t="s">
        <v>218</v>
      </c>
      <c r="E147" s="21" t="s">
        <v>216</v>
      </c>
      <c r="F147" s="21" t="s">
        <v>519</v>
      </c>
      <c r="G147" s="16">
        <v>9291</v>
      </c>
      <c r="H147" s="16">
        <v>7881</v>
      </c>
      <c r="I147" s="16">
        <v>339</v>
      </c>
      <c r="J147" s="16">
        <v>38</v>
      </c>
      <c r="K147" s="16">
        <v>465</v>
      </c>
      <c r="L147" s="16">
        <v>568</v>
      </c>
    </row>
    <row r="148" spans="1:12">
      <c r="A148" s="21" t="s">
        <v>232</v>
      </c>
      <c r="B148" s="21" t="s">
        <v>233</v>
      </c>
      <c r="C148" s="21" t="s">
        <v>262</v>
      </c>
      <c r="D148" s="21" t="s">
        <v>218</v>
      </c>
      <c r="E148" s="21" t="s">
        <v>216</v>
      </c>
      <c r="F148" s="21" t="s">
        <v>520</v>
      </c>
      <c r="G148" s="16">
        <v>12267</v>
      </c>
      <c r="H148" s="16">
        <v>10032</v>
      </c>
      <c r="I148" s="16">
        <v>579</v>
      </c>
      <c r="J148" s="16">
        <v>51</v>
      </c>
      <c r="K148" s="16">
        <v>769</v>
      </c>
      <c r="L148" s="16">
        <v>836</v>
      </c>
    </row>
    <row r="149" spans="1:12">
      <c r="A149" s="21" t="s">
        <v>232</v>
      </c>
      <c r="B149" s="21" t="s">
        <v>233</v>
      </c>
      <c r="C149" s="21" t="s">
        <v>262</v>
      </c>
      <c r="D149" s="21" t="s">
        <v>218</v>
      </c>
      <c r="E149" s="21" t="s">
        <v>216</v>
      </c>
      <c r="F149" s="21" t="s">
        <v>521</v>
      </c>
      <c r="G149" s="16">
        <v>18403</v>
      </c>
      <c r="H149" s="16">
        <v>14248</v>
      </c>
      <c r="I149" s="16">
        <v>1027</v>
      </c>
      <c r="J149" s="16">
        <v>165</v>
      </c>
      <c r="K149" s="16">
        <v>1566</v>
      </c>
      <c r="L149" s="16">
        <v>1397</v>
      </c>
    </row>
    <row r="150" spans="1:12">
      <c r="A150" s="21" t="s">
        <v>232</v>
      </c>
      <c r="B150" s="21" t="s">
        <v>233</v>
      </c>
      <c r="C150" s="21" t="s">
        <v>262</v>
      </c>
      <c r="D150" s="21" t="s">
        <v>218</v>
      </c>
      <c r="E150" s="21" t="s">
        <v>216</v>
      </c>
      <c r="F150" s="21" t="s">
        <v>522</v>
      </c>
      <c r="G150" s="16">
        <v>20381</v>
      </c>
      <c r="H150" s="16">
        <v>14613</v>
      </c>
      <c r="I150" s="16">
        <v>1510</v>
      </c>
      <c r="J150" s="16">
        <v>347</v>
      </c>
      <c r="K150" s="16">
        <v>2151</v>
      </c>
      <c r="L150" s="16">
        <v>1760</v>
      </c>
    </row>
    <row r="151" spans="1:12">
      <c r="A151" s="21" t="s">
        <v>232</v>
      </c>
      <c r="B151" s="21" t="s">
        <v>233</v>
      </c>
      <c r="C151" s="21" t="s">
        <v>262</v>
      </c>
      <c r="D151" s="21" t="s">
        <v>218</v>
      </c>
      <c r="E151" s="21" t="s">
        <v>216</v>
      </c>
      <c r="F151" s="21" t="s">
        <v>523</v>
      </c>
      <c r="G151" s="16">
        <v>23505</v>
      </c>
      <c r="H151" s="16">
        <v>15075</v>
      </c>
      <c r="I151" s="16">
        <v>2431</v>
      </c>
      <c r="J151" s="16">
        <v>778</v>
      </c>
      <c r="K151" s="16">
        <v>3107</v>
      </c>
      <c r="L151" s="16">
        <v>2114</v>
      </c>
    </row>
    <row r="152" spans="1:12">
      <c r="A152" s="21" t="s">
        <v>232</v>
      </c>
      <c r="B152" s="21" t="s">
        <v>233</v>
      </c>
      <c r="C152" s="21" t="s">
        <v>262</v>
      </c>
      <c r="D152" s="21" t="s">
        <v>218</v>
      </c>
      <c r="E152" s="21" t="s">
        <v>216</v>
      </c>
      <c r="F152" s="21" t="s">
        <v>524</v>
      </c>
      <c r="G152" s="16">
        <v>28579</v>
      </c>
      <c r="H152" s="16">
        <v>15142</v>
      </c>
      <c r="I152" s="16">
        <v>4111</v>
      </c>
      <c r="J152" s="16">
        <v>2022</v>
      </c>
      <c r="K152" s="16">
        <v>4405</v>
      </c>
      <c r="L152" s="16">
        <v>2899</v>
      </c>
    </row>
    <row r="153" spans="1:12">
      <c r="A153" s="21" t="s">
        <v>232</v>
      </c>
      <c r="B153" s="21" t="s">
        <v>233</v>
      </c>
      <c r="C153" s="21" t="s">
        <v>262</v>
      </c>
      <c r="D153" s="21" t="s">
        <v>218</v>
      </c>
      <c r="E153" s="21" t="s">
        <v>216</v>
      </c>
      <c r="F153" s="21" t="s">
        <v>525</v>
      </c>
      <c r="G153" s="16">
        <v>45179</v>
      </c>
      <c r="H153" s="16">
        <v>18466</v>
      </c>
      <c r="I153" s="16">
        <v>8062</v>
      </c>
      <c r="J153" s="16">
        <v>6180</v>
      </c>
      <c r="K153" s="16">
        <v>7190</v>
      </c>
      <c r="L153" s="16">
        <v>5281</v>
      </c>
    </row>
    <row r="154" spans="1:12">
      <c r="A154" s="21" t="s">
        <v>232</v>
      </c>
      <c r="B154" s="21" t="s">
        <v>233</v>
      </c>
      <c r="C154" s="21" t="s">
        <v>262</v>
      </c>
      <c r="D154" s="21" t="s">
        <v>218</v>
      </c>
      <c r="E154" s="21" t="s">
        <v>216</v>
      </c>
      <c r="F154" s="21" t="s">
        <v>526</v>
      </c>
      <c r="G154" s="16">
        <v>78821</v>
      </c>
      <c r="H154" s="16">
        <v>20538</v>
      </c>
      <c r="I154" s="16">
        <v>17200</v>
      </c>
      <c r="J154" s="16">
        <v>19499</v>
      </c>
      <c r="K154" s="16">
        <v>11266</v>
      </c>
      <c r="L154" s="16">
        <v>10318</v>
      </c>
    </row>
    <row r="155" spans="1:12">
      <c r="A155" s="21" t="s">
        <v>232</v>
      </c>
      <c r="B155" s="21" t="s">
        <v>233</v>
      </c>
      <c r="C155" s="21" t="s">
        <v>262</v>
      </c>
      <c r="D155" s="21" t="s">
        <v>218</v>
      </c>
      <c r="E155" s="21" t="s">
        <v>216</v>
      </c>
      <c r="F155" s="21" t="s">
        <v>527</v>
      </c>
      <c r="G155" s="16">
        <v>135662</v>
      </c>
      <c r="H155" s="16">
        <v>19288</v>
      </c>
      <c r="I155" s="16">
        <v>30218</v>
      </c>
      <c r="J155" s="16">
        <v>54865</v>
      </c>
      <c r="K155" s="16">
        <v>13012</v>
      </c>
      <c r="L155" s="16">
        <v>18279</v>
      </c>
    </row>
    <row r="156" spans="1:12">
      <c r="A156" s="21" t="s">
        <v>232</v>
      </c>
      <c r="B156" s="21" t="s">
        <v>233</v>
      </c>
      <c r="C156" s="21" t="s">
        <v>262</v>
      </c>
      <c r="D156" s="21" t="s">
        <v>218</v>
      </c>
      <c r="E156" s="21" t="s">
        <v>216</v>
      </c>
      <c r="F156" s="21" t="s">
        <v>528</v>
      </c>
      <c r="G156" s="16">
        <v>260392</v>
      </c>
      <c r="H156" s="16">
        <v>21534</v>
      </c>
      <c r="I156" s="16">
        <v>46417</v>
      </c>
      <c r="J156" s="16">
        <v>144444</v>
      </c>
      <c r="K156" s="16">
        <v>14354</v>
      </c>
      <c r="L156" s="16">
        <v>33643</v>
      </c>
    </row>
    <row r="157" spans="1:12">
      <c r="A157" s="21" t="s">
        <v>232</v>
      </c>
      <c r="B157" s="21" t="s">
        <v>233</v>
      </c>
      <c r="C157" s="21" t="s">
        <v>262</v>
      </c>
      <c r="D157" s="21" t="s">
        <v>218</v>
      </c>
      <c r="E157" s="21" t="s">
        <v>216</v>
      </c>
      <c r="F157" s="21" t="s">
        <v>529</v>
      </c>
      <c r="G157" s="16">
        <v>430872</v>
      </c>
      <c r="H157" s="16">
        <v>25911</v>
      </c>
      <c r="I157" s="16">
        <v>48676</v>
      </c>
      <c r="J157" s="16">
        <v>289120</v>
      </c>
      <c r="K157" s="16">
        <v>13949</v>
      </c>
      <c r="L157" s="16">
        <v>53216</v>
      </c>
    </row>
    <row r="158" spans="1:12">
      <c r="A158" s="21" t="s">
        <v>232</v>
      </c>
      <c r="B158" s="21" t="s">
        <v>233</v>
      </c>
      <c r="C158" s="21" t="s">
        <v>262</v>
      </c>
      <c r="D158" s="21" t="s">
        <v>218</v>
      </c>
      <c r="E158" s="21" t="s">
        <v>216</v>
      </c>
      <c r="F158" s="21" t="s">
        <v>530</v>
      </c>
      <c r="G158" s="16">
        <v>414271</v>
      </c>
      <c r="H158" s="16">
        <v>21405</v>
      </c>
      <c r="I158" s="16">
        <v>23514</v>
      </c>
      <c r="J158" s="16">
        <v>310923</v>
      </c>
      <c r="K158" s="16">
        <v>9446</v>
      </c>
      <c r="L158" s="16">
        <v>48983</v>
      </c>
    </row>
    <row r="159" spans="1:12">
      <c r="A159" s="21" t="s">
        <v>232</v>
      </c>
      <c r="B159" s="21" t="s">
        <v>233</v>
      </c>
      <c r="C159" s="21" t="s">
        <v>262</v>
      </c>
      <c r="D159" s="21" t="s">
        <v>218</v>
      </c>
      <c r="E159" s="21" t="s">
        <v>216</v>
      </c>
      <c r="F159" s="21" t="s">
        <v>531</v>
      </c>
      <c r="G159" s="16">
        <v>188788</v>
      </c>
      <c r="H159" s="16">
        <v>7715</v>
      </c>
      <c r="I159" s="16">
        <v>4380</v>
      </c>
      <c r="J159" s="16">
        <v>151855</v>
      </c>
      <c r="K159" s="16">
        <v>3423</v>
      </c>
      <c r="L159" s="16">
        <v>21415</v>
      </c>
    </row>
    <row r="160" spans="1:12">
      <c r="A160" s="21" t="s">
        <v>232</v>
      </c>
      <c r="B160" s="21" t="s">
        <v>233</v>
      </c>
      <c r="C160" s="21" t="s">
        <v>262</v>
      </c>
      <c r="D160" s="21" t="s">
        <v>218</v>
      </c>
      <c r="E160" s="21" t="s">
        <v>216</v>
      </c>
      <c r="F160" s="21" t="s">
        <v>532</v>
      </c>
      <c r="G160" s="16">
        <v>41160</v>
      </c>
      <c r="H160" s="16">
        <v>1161</v>
      </c>
      <c r="I160" s="16">
        <v>415</v>
      </c>
      <c r="J160" s="16">
        <v>34272</v>
      </c>
      <c r="K160" s="16">
        <v>554</v>
      </c>
      <c r="L160" s="16">
        <v>4758</v>
      </c>
    </row>
    <row r="161" spans="1:12">
      <c r="A161" s="21" t="s">
        <v>232</v>
      </c>
      <c r="B161" s="21" t="s">
        <v>233</v>
      </c>
      <c r="C161" s="21" t="s">
        <v>262</v>
      </c>
      <c r="D161" s="21" t="s">
        <v>218</v>
      </c>
      <c r="E161" s="21" t="s">
        <v>216</v>
      </c>
      <c r="F161" s="21" t="s">
        <v>533</v>
      </c>
      <c r="G161" s="16">
        <v>35109</v>
      </c>
      <c r="H161" s="22" t="s">
        <v>268</v>
      </c>
      <c r="I161" s="22" t="s">
        <v>268</v>
      </c>
      <c r="J161" s="22" t="s">
        <v>268</v>
      </c>
      <c r="K161" s="22" t="s">
        <v>268</v>
      </c>
      <c r="L161" s="16">
        <v>35109</v>
      </c>
    </row>
    <row r="162" spans="1:12">
      <c r="A162" s="21" t="s">
        <v>232</v>
      </c>
      <c r="B162" s="21" t="s">
        <v>233</v>
      </c>
      <c r="C162" s="21" t="s">
        <v>262</v>
      </c>
      <c r="D162" s="21" t="s">
        <v>218</v>
      </c>
      <c r="E162" s="21" t="s">
        <v>216</v>
      </c>
      <c r="F162" s="21" t="s">
        <v>461</v>
      </c>
      <c r="G162" s="16">
        <v>208985</v>
      </c>
      <c r="H162" s="16">
        <v>170737</v>
      </c>
      <c r="I162" s="16">
        <v>10785</v>
      </c>
      <c r="J162" s="16">
        <v>3498</v>
      </c>
      <c r="K162" s="16">
        <v>12884</v>
      </c>
      <c r="L162" s="16">
        <v>11081</v>
      </c>
    </row>
    <row r="163" spans="1:12">
      <c r="A163" s="21" t="s">
        <v>232</v>
      </c>
      <c r="B163" s="21" t="s">
        <v>233</v>
      </c>
      <c r="C163" s="21" t="s">
        <v>262</v>
      </c>
      <c r="D163" s="21" t="s">
        <v>218</v>
      </c>
      <c r="E163" s="21" t="s">
        <v>216</v>
      </c>
      <c r="F163" s="21" t="s">
        <v>462</v>
      </c>
      <c r="G163" s="16">
        <v>1595145</v>
      </c>
      <c r="H163" s="16">
        <v>136018</v>
      </c>
      <c r="I163" s="16">
        <v>178882</v>
      </c>
      <c r="J163" s="16">
        <v>1011158</v>
      </c>
      <c r="K163" s="16">
        <v>73194</v>
      </c>
      <c r="L163" s="16">
        <v>195893</v>
      </c>
    </row>
    <row r="164" spans="1:12">
      <c r="A164" s="21" t="s">
        <v>232</v>
      </c>
      <c r="B164" s="21" t="s">
        <v>233</v>
      </c>
      <c r="C164" s="21" t="s">
        <v>262</v>
      </c>
      <c r="D164" s="21" t="s">
        <v>218</v>
      </c>
      <c r="E164" s="21" t="s">
        <v>216</v>
      </c>
      <c r="F164" s="21" t="s">
        <v>463</v>
      </c>
      <c r="G164" s="16">
        <v>1471145</v>
      </c>
      <c r="H164" s="16">
        <v>97014</v>
      </c>
      <c r="I164" s="16">
        <v>153620</v>
      </c>
      <c r="J164" s="16">
        <v>985479</v>
      </c>
      <c r="K164" s="16">
        <v>54738</v>
      </c>
      <c r="L164" s="16">
        <v>180294</v>
      </c>
    </row>
    <row r="165" spans="1:12">
      <c r="A165" s="21" t="s">
        <v>232</v>
      </c>
      <c r="B165" s="21" t="s">
        <v>233</v>
      </c>
      <c r="C165" s="21" t="s">
        <v>262</v>
      </c>
      <c r="D165" s="21" t="s">
        <v>218</v>
      </c>
      <c r="E165" s="21" t="s">
        <v>216</v>
      </c>
      <c r="F165" s="21" t="s">
        <v>464</v>
      </c>
      <c r="G165" s="16">
        <v>1075091</v>
      </c>
      <c r="H165" s="16">
        <v>56192</v>
      </c>
      <c r="I165" s="16">
        <v>76985</v>
      </c>
      <c r="J165" s="16">
        <v>786170</v>
      </c>
      <c r="K165" s="16">
        <v>27372</v>
      </c>
      <c r="L165" s="16">
        <v>128372</v>
      </c>
    </row>
    <row r="166" spans="1:12">
      <c r="A166" s="21" t="s">
        <v>232</v>
      </c>
      <c r="B166" s="21" t="s">
        <v>233</v>
      </c>
      <c r="C166" s="21" t="s">
        <v>262</v>
      </c>
      <c r="D166" s="21" t="s">
        <v>218</v>
      </c>
      <c r="E166" s="21" t="s">
        <v>216</v>
      </c>
      <c r="F166" s="21" t="s">
        <v>431</v>
      </c>
      <c r="G166" s="16">
        <v>203241</v>
      </c>
      <c r="H166" s="16">
        <v>138652</v>
      </c>
      <c r="I166" s="16">
        <v>18771</v>
      </c>
      <c r="J166" s="16">
        <v>9669</v>
      </c>
      <c r="K166" s="16">
        <v>20065</v>
      </c>
      <c r="L166" s="16">
        <v>16084</v>
      </c>
    </row>
    <row r="167" spans="1:12">
      <c r="A167" s="21" t="s">
        <v>232</v>
      </c>
      <c r="B167" s="21" t="s">
        <v>237</v>
      </c>
      <c r="C167" s="21" t="s">
        <v>264</v>
      </c>
      <c r="D167" s="21" t="s">
        <v>214</v>
      </c>
      <c r="E167" s="21" t="s">
        <v>216</v>
      </c>
      <c r="F167" s="21" t="s">
        <v>401</v>
      </c>
      <c r="G167" s="16">
        <v>915820</v>
      </c>
      <c r="H167" s="16">
        <v>282385</v>
      </c>
      <c r="I167" s="16">
        <v>422666</v>
      </c>
      <c r="J167" s="16">
        <v>120891</v>
      </c>
      <c r="K167" s="16">
        <v>60941</v>
      </c>
      <c r="L167" s="16">
        <v>28937</v>
      </c>
    </row>
    <row r="168" spans="1:12">
      <c r="A168" s="21" t="s">
        <v>232</v>
      </c>
      <c r="B168" s="21" t="s">
        <v>237</v>
      </c>
      <c r="C168" s="21" t="s">
        <v>264</v>
      </c>
      <c r="D168" s="21" t="s">
        <v>214</v>
      </c>
      <c r="E168" s="21" t="s">
        <v>216</v>
      </c>
      <c r="F168" s="21" t="s">
        <v>514</v>
      </c>
      <c r="G168" s="16">
        <v>111527</v>
      </c>
      <c r="H168" s="16">
        <v>111527</v>
      </c>
      <c r="I168" s="22" t="s">
        <v>268</v>
      </c>
      <c r="J168" s="22" t="s">
        <v>268</v>
      </c>
      <c r="K168" s="22" t="s">
        <v>268</v>
      </c>
      <c r="L168" s="22" t="s">
        <v>268</v>
      </c>
    </row>
    <row r="169" spans="1:12">
      <c r="A169" s="21" t="s">
        <v>232</v>
      </c>
      <c r="B169" s="21" t="s">
        <v>237</v>
      </c>
      <c r="C169" s="21" t="s">
        <v>264</v>
      </c>
      <c r="D169" s="21" t="s">
        <v>214</v>
      </c>
      <c r="E169" s="21" t="s">
        <v>216</v>
      </c>
      <c r="F169" s="21" t="s">
        <v>515</v>
      </c>
      <c r="G169" s="16">
        <v>38545</v>
      </c>
      <c r="H169" s="16">
        <v>38270</v>
      </c>
      <c r="I169" s="16">
        <v>147</v>
      </c>
      <c r="J169" s="16">
        <v>4</v>
      </c>
      <c r="K169" s="16">
        <v>17</v>
      </c>
      <c r="L169" s="16">
        <v>107</v>
      </c>
    </row>
    <row r="170" spans="1:12">
      <c r="A170" s="21" t="s">
        <v>232</v>
      </c>
      <c r="B170" s="21" t="s">
        <v>237</v>
      </c>
      <c r="C170" s="21" t="s">
        <v>264</v>
      </c>
      <c r="D170" s="21" t="s">
        <v>214</v>
      </c>
      <c r="E170" s="21" t="s">
        <v>216</v>
      </c>
      <c r="F170" s="21" t="s">
        <v>516</v>
      </c>
      <c r="G170" s="16">
        <v>35078</v>
      </c>
      <c r="H170" s="16">
        <v>30830</v>
      </c>
      <c r="I170" s="16">
        <v>3038</v>
      </c>
      <c r="J170" s="16">
        <v>20</v>
      </c>
      <c r="K170" s="16">
        <v>304</v>
      </c>
      <c r="L170" s="16">
        <v>886</v>
      </c>
    </row>
    <row r="171" spans="1:12">
      <c r="A171" s="21" t="s">
        <v>232</v>
      </c>
      <c r="B171" s="21" t="s">
        <v>237</v>
      </c>
      <c r="C171" s="21" t="s">
        <v>264</v>
      </c>
      <c r="D171" s="21" t="s">
        <v>214</v>
      </c>
      <c r="E171" s="21" t="s">
        <v>216</v>
      </c>
      <c r="F171" s="21" t="s">
        <v>517</v>
      </c>
      <c r="G171" s="16">
        <v>36360</v>
      </c>
      <c r="H171" s="16">
        <v>20696</v>
      </c>
      <c r="I171" s="16">
        <v>13369</v>
      </c>
      <c r="J171" s="16">
        <v>30</v>
      </c>
      <c r="K171" s="16">
        <v>1157</v>
      </c>
      <c r="L171" s="16">
        <v>1108</v>
      </c>
    </row>
    <row r="172" spans="1:12">
      <c r="A172" s="21" t="s">
        <v>232</v>
      </c>
      <c r="B172" s="21" t="s">
        <v>237</v>
      </c>
      <c r="C172" s="21" t="s">
        <v>264</v>
      </c>
      <c r="D172" s="21" t="s">
        <v>214</v>
      </c>
      <c r="E172" s="21" t="s">
        <v>216</v>
      </c>
      <c r="F172" s="21" t="s">
        <v>518</v>
      </c>
      <c r="G172" s="16">
        <v>42202</v>
      </c>
      <c r="H172" s="16">
        <v>13567</v>
      </c>
      <c r="I172" s="16">
        <v>25226</v>
      </c>
      <c r="J172" s="16">
        <v>66</v>
      </c>
      <c r="K172" s="16">
        <v>2442</v>
      </c>
      <c r="L172" s="16">
        <v>901</v>
      </c>
    </row>
    <row r="173" spans="1:12">
      <c r="A173" s="21" t="s">
        <v>232</v>
      </c>
      <c r="B173" s="21" t="s">
        <v>237</v>
      </c>
      <c r="C173" s="21" t="s">
        <v>264</v>
      </c>
      <c r="D173" s="21" t="s">
        <v>214</v>
      </c>
      <c r="E173" s="21" t="s">
        <v>216</v>
      </c>
      <c r="F173" s="21" t="s">
        <v>519</v>
      </c>
      <c r="G173" s="16">
        <v>49181</v>
      </c>
      <c r="H173" s="16">
        <v>11133</v>
      </c>
      <c r="I173" s="16">
        <v>32977</v>
      </c>
      <c r="J173" s="16">
        <v>157</v>
      </c>
      <c r="K173" s="16">
        <v>3957</v>
      </c>
      <c r="L173" s="16">
        <v>957</v>
      </c>
    </row>
    <row r="174" spans="1:12">
      <c r="A174" s="21" t="s">
        <v>232</v>
      </c>
      <c r="B174" s="21" t="s">
        <v>237</v>
      </c>
      <c r="C174" s="21" t="s">
        <v>264</v>
      </c>
      <c r="D174" s="21" t="s">
        <v>214</v>
      </c>
      <c r="E174" s="21" t="s">
        <v>216</v>
      </c>
      <c r="F174" s="21" t="s">
        <v>520</v>
      </c>
      <c r="G174" s="16">
        <v>53731</v>
      </c>
      <c r="H174" s="16">
        <v>10213</v>
      </c>
      <c r="I174" s="16">
        <v>36734</v>
      </c>
      <c r="J174" s="16">
        <v>288</v>
      </c>
      <c r="K174" s="16">
        <v>5440</v>
      </c>
      <c r="L174" s="16">
        <v>1056</v>
      </c>
    </row>
    <row r="175" spans="1:12">
      <c r="A175" s="21" t="s">
        <v>232</v>
      </c>
      <c r="B175" s="21" t="s">
        <v>237</v>
      </c>
      <c r="C175" s="21" t="s">
        <v>264</v>
      </c>
      <c r="D175" s="21" t="s">
        <v>214</v>
      </c>
      <c r="E175" s="21" t="s">
        <v>216</v>
      </c>
      <c r="F175" s="21" t="s">
        <v>521</v>
      </c>
      <c r="G175" s="16">
        <v>57244</v>
      </c>
      <c r="H175" s="16">
        <v>10119</v>
      </c>
      <c r="I175" s="16">
        <v>38500</v>
      </c>
      <c r="J175" s="16">
        <v>599</v>
      </c>
      <c r="K175" s="16">
        <v>6911</v>
      </c>
      <c r="L175" s="16">
        <v>1115</v>
      </c>
    </row>
    <row r="176" spans="1:12">
      <c r="A176" s="21" t="s">
        <v>232</v>
      </c>
      <c r="B176" s="21" t="s">
        <v>237</v>
      </c>
      <c r="C176" s="21" t="s">
        <v>264</v>
      </c>
      <c r="D176" s="21" t="s">
        <v>214</v>
      </c>
      <c r="E176" s="21" t="s">
        <v>216</v>
      </c>
      <c r="F176" s="21" t="s">
        <v>522</v>
      </c>
      <c r="G176" s="16">
        <v>53317</v>
      </c>
      <c r="H176" s="16">
        <v>8337</v>
      </c>
      <c r="I176" s="16">
        <v>36319</v>
      </c>
      <c r="J176" s="16">
        <v>1015</v>
      </c>
      <c r="K176" s="16">
        <v>6777</v>
      </c>
      <c r="L176" s="16">
        <v>869</v>
      </c>
    </row>
    <row r="177" spans="1:12">
      <c r="A177" s="21" t="s">
        <v>232</v>
      </c>
      <c r="B177" s="21" t="s">
        <v>237</v>
      </c>
      <c r="C177" s="21" t="s">
        <v>264</v>
      </c>
      <c r="D177" s="21" t="s">
        <v>214</v>
      </c>
      <c r="E177" s="21" t="s">
        <v>216</v>
      </c>
      <c r="F177" s="21" t="s">
        <v>523</v>
      </c>
      <c r="G177" s="16">
        <v>55754</v>
      </c>
      <c r="H177" s="16">
        <v>6603</v>
      </c>
      <c r="I177" s="16">
        <v>39544</v>
      </c>
      <c r="J177" s="16">
        <v>1977</v>
      </c>
      <c r="K177" s="16">
        <v>6822</v>
      </c>
      <c r="L177" s="16">
        <v>808</v>
      </c>
    </row>
    <row r="178" spans="1:12">
      <c r="A178" s="21" t="s">
        <v>232</v>
      </c>
      <c r="B178" s="21" t="s">
        <v>237</v>
      </c>
      <c r="C178" s="21" t="s">
        <v>264</v>
      </c>
      <c r="D178" s="21" t="s">
        <v>214</v>
      </c>
      <c r="E178" s="21" t="s">
        <v>216</v>
      </c>
      <c r="F178" s="21" t="s">
        <v>524</v>
      </c>
      <c r="G178" s="16">
        <v>60137</v>
      </c>
      <c r="H178" s="16">
        <v>5069</v>
      </c>
      <c r="I178" s="16">
        <v>43561</v>
      </c>
      <c r="J178" s="16">
        <v>3881</v>
      </c>
      <c r="K178" s="16">
        <v>6861</v>
      </c>
      <c r="L178" s="16">
        <v>765</v>
      </c>
    </row>
    <row r="179" spans="1:12">
      <c r="A179" s="21" t="s">
        <v>232</v>
      </c>
      <c r="B179" s="21" t="s">
        <v>237</v>
      </c>
      <c r="C179" s="21" t="s">
        <v>264</v>
      </c>
      <c r="D179" s="21" t="s">
        <v>214</v>
      </c>
      <c r="E179" s="21" t="s">
        <v>216</v>
      </c>
      <c r="F179" s="21" t="s">
        <v>525</v>
      </c>
      <c r="G179" s="16">
        <v>67030</v>
      </c>
      <c r="H179" s="16">
        <v>4538</v>
      </c>
      <c r="I179" s="16">
        <v>47670</v>
      </c>
      <c r="J179" s="16">
        <v>7187</v>
      </c>
      <c r="K179" s="16">
        <v>6766</v>
      </c>
      <c r="L179" s="16">
        <v>869</v>
      </c>
    </row>
    <row r="180" spans="1:12">
      <c r="A180" s="21" t="s">
        <v>232</v>
      </c>
      <c r="B180" s="21" t="s">
        <v>237</v>
      </c>
      <c r="C180" s="21" t="s">
        <v>264</v>
      </c>
      <c r="D180" s="21" t="s">
        <v>214</v>
      </c>
      <c r="E180" s="21" t="s">
        <v>216</v>
      </c>
      <c r="F180" s="21" t="s">
        <v>526</v>
      </c>
      <c r="G180" s="16">
        <v>67429</v>
      </c>
      <c r="H180" s="16">
        <v>4012</v>
      </c>
      <c r="I180" s="16">
        <v>44067</v>
      </c>
      <c r="J180" s="16">
        <v>12141</v>
      </c>
      <c r="K180" s="16">
        <v>6085</v>
      </c>
      <c r="L180" s="16">
        <v>1124</v>
      </c>
    </row>
    <row r="181" spans="1:12">
      <c r="A181" s="21" t="s">
        <v>232</v>
      </c>
      <c r="B181" s="21" t="s">
        <v>237</v>
      </c>
      <c r="C181" s="21" t="s">
        <v>264</v>
      </c>
      <c r="D181" s="21" t="s">
        <v>214</v>
      </c>
      <c r="E181" s="21" t="s">
        <v>216</v>
      </c>
      <c r="F181" s="21" t="s">
        <v>527</v>
      </c>
      <c r="G181" s="16">
        <v>52549</v>
      </c>
      <c r="H181" s="16">
        <v>2555</v>
      </c>
      <c r="I181" s="16">
        <v>29430</v>
      </c>
      <c r="J181" s="16">
        <v>16055</v>
      </c>
      <c r="K181" s="16">
        <v>3301</v>
      </c>
      <c r="L181" s="16">
        <v>1208</v>
      </c>
    </row>
    <row r="182" spans="1:12">
      <c r="A182" s="21" t="s">
        <v>232</v>
      </c>
      <c r="B182" s="21" t="s">
        <v>237</v>
      </c>
      <c r="C182" s="21" t="s">
        <v>264</v>
      </c>
      <c r="D182" s="21" t="s">
        <v>214</v>
      </c>
      <c r="E182" s="21" t="s">
        <v>216</v>
      </c>
      <c r="F182" s="21" t="s">
        <v>528</v>
      </c>
      <c r="G182" s="16">
        <v>48782</v>
      </c>
      <c r="H182" s="16">
        <v>2029</v>
      </c>
      <c r="I182" s="16">
        <v>19867</v>
      </c>
      <c r="J182" s="16">
        <v>23232</v>
      </c>
      <c r="K182" s="16">
        <v>2035</v>
      </c>
      <c r="L182" s="16">
        <v>1619</v>
      </c>
    </row>
    <row r="183" spans="1:12">
      <c r="A183" s="21" t="s">
        <v>232</v>
      </c>
      <c r="B183" s="21" t="s">
        <v>237</v>
      </c>
      <c r="C183" s="21" t="s">
        <v>264</v>
      </c>
      <c r="D183" s="21" t="s">
        <v>214</v>
      </c>
      <c r="E183" s="21" t="s">
        <v>216</v>
      </c>
      <c r="F183" s="21" t="s">
        <v>529</v>
      </c>
      <c r="G183" s="16">
        <v>41253</v>
      </c>
      <c r="H183" s="16">
        <v>1549</v>
      </c>
      <c r="I183" s="16">
        <v>9566</v>
      </c>
      <c r="J183" s="16">
        <v>27034</v>
      </c>
      <c r="K183" s="16">
        <v>1240</v>
      </c>
      <c r="L183" s="16">
        <v>1864</v>
      </c>
    </row>
    <row r="184" spans="1:12">
      <c r="A184" s="21" t="s">
        <v>232</v>
      </c>
      <c r="B184" s="21" t="s">
        <v>237</v>
      </c>
      <c r="C184" s="21" t="s">
        <v>264</v>
      </c>
      <c r="D184" s="21" t="s">
        <v>214</v>
      </c>
      <c r="E184" s="21" t="s">
        <v>216</v>
      </c>
      <c r="F184" s="21" t="s">
        <v>530</v>
      </c>
      <c r="G184" s="16">
        <v>24410</v>
      </c>
      <c r="H184" s="16">
        <v>957</v>
      </c>
      <c r="I184" s="16">
        <v>2320</v>
      </c>
      <c r="J184" s="16">
        <v>18975</v>
      </c>
      <c r="K184" s="16">
        <v>625</v>
      </c>
      <c r="L184" s="16">
        <v>1533</v>
      </c>
    </row>
    <row r="185" spans="1:12">
      <c r="A185" s="21" t="s">
        <v>232</v>
      </c>
      <c r="B185" s="21" t="s">
        <v>237</v>
      </c>
      <c r="C185" s="21" t="s">
        <v>264</v>
      </c>
      <c r="D185" s="21" t="s">
        <v>214</v>
      </c>
      <c r="E185" s="21" t="s">
        <v>216</v>
      </c>
      <c r="F185" s="21" t="s">
        <v>531</v>
      </c>
      <c r="G185" s="16">
        <v>8394</v>
      </c>
      <c r="H185" s="16">
        <v>348</v>
      </c>
      <c r="I185" s="16">
        <v>307</v>
      </c>
      <c r="J185" s="16">
        <v>6943</v>
      </c>
      <c r="K185" s="16">
        <v>174</v>
      </c>
      <c r="L185" s="16">
        <v>622</v>
      </c>
    </row>
    <row r="186" spans="1:12">
      <c r="A186" s="21" t="s">
        <v>232</v>
      </c>
      <c r="B186" s="21" t="s">
        <v>237</v>
      </c>
      <c r="C186" s="21" t="s">
        <v>264</v>
      </c>
      <c r="D186" s="21" t="s">
        <v>214</v>
      </c>
      <c r="E186" s="21" t="s">
        <v>216</v>
      </c>
      <c r="F186" s="21" t="s">
        <v>532</v>
      </c>
      <c r="G186" s="16">
        <v>1504</v>
      </c>
      <c r="H186" s="16">
        <v>33</v>
      </c>
      <c r="I186" s="16">
        <v>24</v>
      </c>
      <c r="J186" s="16">
        <v>1287</v>
      </c>
      <c r="K186" s="16">
        <v>27</v>
      </c>
      <c r="L186" s="16">
        <v>133</v>
      </c>
    </row>
    <row r="187" spans="1:12">
      <c r="A187" s="21" t="s">
        <v>232</v>
      </c>
      <c r="B187" s="21" t="s">
        <v>237</v>
      </c>
      <c r="C187" s="21" t="s">
        <v>264</v>
      </c>
      <c r="D187" s="21" t="s">
        <v>214</v>
      </c>
      <c r="E187" s="21" t="s">
        <v>216</v>
      </c>
      <c r="F187" s="21" t="s">
        <v>533</v>
      </c>
      <c r="G187" s="16">
        <v>11393</v>
      </c>
      <c r="H187" s="22" t="s">
        <v>268</v>
      </c>
      <c r="I187" s="22" t="s">
        <v>268</v>
      </c>
      <c r="J187" s="22" t="s">
        <v>268</v>
      </c>
      <c r="K187" s="22" t="s">
        <v>268</v>
      </c>
      <c r="L187" s="16">
        <v>11393</v>
      </c>
    </row>
    <row r="188" spans="1:12">
      <c r="A188" s="21" t="s">
        <v>232</v>
      </c>
      <c r="B188" s="21" t="s">
        <v>237</v>
      </c>
      <c r="C188" s="21" t="s">
        <v>264</v>
      </c>
      <c r="D188" s="21" t="s">
        <v>214</v>
      </c>
      <c r="E188" s="21" t="s">
        <v>216</v>
      </c>
      <c r="F188" s="21" t="s">
        <v>461</v>
      </c>
      <c r="G188" s="16">
        <v>481549</v>
      </c>
      <c r="H188" s="16">
        <v>154837</v>
      </c>
      <c r="I188" s="16">
        <v>269415</v>
      </c>
      <c r="J188" s="16">
        <v>8037</v>
      </c>
      <c r="K188" s="16">
        <v>40688</v>
      </c>
      <c r="L188" s="16">
        <v>8572</v>
      </c>
    </row>
    <row r="189" spans="1:12">
      <c r="A189" s="21" t="s">
        <v>232</v>
      </c>
      <c r="B189" s="21" t="s">
        <v>237</v>
      </c>
      <c r="C189" s="21" t="s">
        <v>264</v>
      </c>
      <c r="D189" s="21" t="s">
        <v>214</v>
      </c>
      <c r="E189" s="21" t="s">
        <v>216</v>
      </c>
      <c r="F189" s="21" t="s">
        <v>462</v>
      </c>
      <c r="G189" s="16">
        <v>311351</v>
      </c>
      <c r="H189" s="16">
        <v>16021</v>
      </c>
      <c r="I189" s="16">
        <v>153251</v>
      </c>
      <c r="J189" s="16">
        <v>112854</v>
      </c>
      <c r="K189" s="16">
        <v>20253</v>
      </c>
      <c r="L189" s="16">
        <v>8972</v>
      </c>
    </row>
    <row r="190" spans="1:12">
      <c r="A190" s="21" t="s">
        <v>232</v>
      </c>
      <c r="B190" s="21" t="s">
        <v>237</v>
      </c>
      <c r="C190" s="21" t="s">
        <v>264</v>
      </c>
      <c r="D190" s="21" t="s">
        <v>214</v>
      </c>
      <c r="E190" s="21" t="s">
        <v>216</v>
      </c>
      <c r="F190" s="21" t="s">
        <v>463</v>
      </c>
      <c r="G190" s="16">
        <v>176892</v>
      </c>
      <c r="H190" s="16">
        <v>7471</v>
      </c>
      <c r="I190" s="16">
        <v>61514</v>
      </c>
      <c r="J190" s="16">
        <v>93526</v>
      </c>
      <c r="K190" s="16">
        <v>7402</v>
      </c>
      <c r="L190" s="16">
        <v>6979</v>
      </c>
    </row>
    <row r="191" spans="1:12">
      <c r="A191" s="21" t="s">
        <v>232</v>
      </c>
      <c r="B191" s="21" t="s">
        <v>237</v>
      </c>
      <c r="C191" s="21" t="s">
        <v>264</v>
      </c>
      <c r="D191" s="21" t="s">
        <v>214</v>
      </c>
      <c r="E191" s="21" t="s">
        <v>216</v>
      </c>
      <c r="F191" s="21" t="s">
        <v>464</v>
      </c>
      <c r="G191" s="16">
        <v>75561</v>
      </c>
      <c r="H191" s="16">
        <v>2887</v>
      </c>
      <c r="I191" s="16">
        <v>12217</v>
      </c>
      <c r="J191" s="16">
        <v>54239</v>
      </c>
      <c r="K191" s="16">
        <v>2066</v>
      </c>
      <c r="L191" s="16">
        <v>4152</v>
      </c>
    </row>
    <row r="192" spans="1:12">
      <c r="A192" s="21" t="s">
        <v>232</v>
      </c>
      <c r="B192" s="21" t="s">
        <v>237</v>
      </c>
      <c r="C192" s="21" t="s">
        <v>264</v>
      </c>
      <c r="D192" s="21" t="s">
        <v>214</v>
      </c>
      <c r="E192" s="21" t="s">
        <v>216</v>
      </c>
      <c r="F192" s="21" t="s">
        <v>431</v>
      </c>
      <c r="G192" s="16">
        <v>510034</v>
      </c>
      <c r="H192" s="16">
        <v>121105</v>
      </c>
      <c r="I192" s="16">
        <v>316938</v>
      </c>
      <c r="J192" s="16">
        <v>15220</v>
      </c>
      <c r="K192" s="16">
        <v>47437</v>
      </c>
      <c r="L192" s="16">
        <v>9334</v>
      </c>
    </row>
    <row r="193" spans="1:12">
      <c r="A193" s="21" t="s">
        <v>232</v>
      </c>
      <c r="B193" s="21" t="s">
        <v>237</v>
      </c>
      <c r="C193" s="21" t="s">
        <v>264</v>
      </c>
      <c r="D193" s="21" t="s">
        <v>217</v>
      </c>
      <c r="E193" s="21" t="s">
        <v>216</v>
      </c>
      <c r="F193" s="21" t="s">
        <v>401</v>
      </c>
      <c r="G193" s="16">
        <v>878198</v>
      </c>
      <c r="H193" s="16">
        <v>274749</v>
      </c>
      <c r="I193" s="16">
        <v>418867</v>
      </c>
      <c r="J193" s="16">
        <v>100670</v>
      </c>
      <c r="K193" s="16">
        <v>59067</v>
      </c>
      <c r="L193" s="16">
        <v>24845</v>
      </c>
    </row>
    <row r="194" spans="1:12">
      <c r="A194" s="21" t="s">
        <v>232</v>
      </c>
      <c r="B194" s="21" t="s">
        <v>237</v>
      </c>
      <c r="C194" s="21" t="s">
        <v>264</v>
      </c>
      <c r="D194" s="21" t="s">
        <v>217</v>
      </c>
      <c r="E194" s="21" t="s">
        <v>216</v>
      </c>
      <c r="F194" s="21" t="s">
        <v>514</v>
      </c>
      <c r="G194" s="16">
        <v>111208</v>
      </c>
      <c r="H194" s="16">
        <v>111208</v>
      </c>
      <c r="I194" s="22" t="s">
        <v>268</v>
      </c>
      <c r="J194" s="22" t="s">
        <v>268</v>
      </c>
      <c r="K194" s="22" t="s">
        <v>268</v>
      </c>
      <c r="L194" s="22" t="s">
        <v>268</v>
      </c>
    </row>
    <row r="195" spans="1:12">
      <c r="A195" s="21" t="s">
        <v>232</v>
      </c>
      <c r="B195" s="21" t="s">
        <v>237</v>
      </c>
      <c r="C195" s="21" t="s">
        <v>264</v>
      </c>
      <c r="D195" s="21" t="s">
        <v>217</v>
      </c>
      <c r="E195" s="21" t="s">
        <v>216</v>
      </c>
      <c r="F195" s="21" t="s">
        <v>515</v>
      </c>
      <c r="G195" s="16">
        <v>36986</v>
      </c>
      <c r="H195" s="16">
        <v>36716</v>
      </c>
      <c r="I195" s="16">
        <v>147</v>
      </c>
      <c r="J195" s="16">
        <v>4</v>
      </c>
      <c r="K195" s="16">
        <v>17</v>
      </c>
      <c r="L195" s="16">
        <v>102</v>
      </c>
    </row>
    <row r="196" spans="1:12">
      <c r="A196" s="21" t="s">
        <v>232</v>
      </c>
      <c r="B196" s="21" t="s">
        <v>237</v>
      </c>
      <c r="C196" s="21" t="s">
        <v>264</v>
      </c>
      <c r="D196" s="21" t="s">
        <v>217</v>
      </c>
      <c r="E196" s="21" t="s">
        <v>216</v>
      </c>
      <c r="F196" s="21" t="s">
        <v>516</v>
      </c>
      <c r="G196" s="16">
        <v>34665</v>
      </c>
      <c r="H196" s="16">
        <v>30426</v>
      </c>
      <c r="I196" s="16">
        <v>3038</v>
      </c>
      <c r="J196" s="16">
        <v>19</v>
      </c>
      <c r="K196" s="16">
        <v>303</v>
      </c>
      <c r="L196" s="16">
        <v>879</v>
      </c>
    </row>
    <row r="197" spans="1:12">
      <c r="A197" s="21" t="s">
        <v>232</v>
      </c>
      <c r="B197" s="21" t="s">
        <v>237</v>
      </c>
      <c r="C197" s="21" t="s">
        <v>264</v>
      </c>
      <c r="D197" s="21" t="s">
        <v>217</v>
      </c>
      <c r="E197" s="21" t="s">
        <v>216</v>
      </c>
      <c r="F197" s="21" t="s">
        <v>517</v>
      </c>
      <c r="G197" s="16">
        <v>36179</v>
      </c>
      <c r="H197" s="16">
        <v>20527</v>
      </c>
      <c r="I197" s="16">
        <v>13363</v>
      </c>
      <c r="J197" s="16">
        <v>29</v>
      </c>
      <c r="K197" s="16">
        <v>1157</v>
      </c>
      <c r="L197" s="16">
        <v>1103</v>
      </c>
    </row>
    <row r="198" spans="1:12">
      <c r="A198" s="21" t="s">
        <v>232</v>
      </c>
      <c r="B198" s="21" t="s">
        <v>237</v>
      </c>
      <c r="C198" s="21" t="s">
        <v>264</v>
      </c>
      <c r="D198" s="21" t="s">
        <v>217</v>
      </c>
      <c r="E198" s="21" t="s">
        <v>216</v>
      </c>
      <c r="F198" s="21" t="s">
        <v>518</v>
      </c>
      <c r="G198" s="16">
        <v>42041</v>
      </c>
      <c r="H198" s="16">
        <v>13423</v>
      </c>
      <c r="I198" s="16">
        <v>25219</v>
      </c>
      <c r="J198" s="16">
        <v>65</v>
      </c>
      <c r="K198" s="16">
        <v>2439</v>
      </c>
      <c r="L198" s="16">
        <v>895</v>
      </c>
    </row>
    <row r="199" spans="1:12">
      <c r="A199" s="21" t="s">
        <v>232</v>
      </c>
      <c r="B199" s="21" t="s">
        <v>237</v>
      </c>
      <c r="C199" s="21" t="s">
        <v>264</v>
      </c>
      <c r="D199" s="21" t="s">
        <v>217</v>
      </c>
      <c r="E199" s="21" t="s">
        <v>216</v>
      </c>
      <c r="F199" s="21" t="s">
        <v>519</v>
      </c>
      <c r="G199" s="16">
        <v>48982</v>
      </c>
      <c r="H199" s="16">
        <v>10957</v>
      </c>
      <c r="I199" s="16">
        <v>32974</v>
      </c>
      <c r="J199" s="16">
        <v>157</v>
      </c>
      <c r="K199" s="16">
        <v>3949</v>
      </c>
      <c r="L199" s="16">
        <v>945</v>
      </c>
    </row>
    <row r="200" spans="1:12">
      <c r="A200" s="21" t="s">
        <v>232</v>
      </c>
      <c r="B200" s="21" t="s">
        <v>237</v>
      </c>
      <c r="C200" s="21" t="s">
        <v>264</v>
      </c>
      <c r="D200" s="21" t="s">
        <v>217</v>
      </c>
      <c r="E200" s="21" t="s">
        <v>216</v>
      </c>
      <c r="F200" s="21" t="s">
        <v>520</v>
      </c>
      <c r="G200" s="16">
        <v>53506</v>
      </c>
      <c r="H200" s="16">
        <v>10022</v>
      </c>
      <c r="I200" s="16">
        <v>36726</v>
      </c>
      <c r="J200" s="16">
        <v>286</v>
      </c>
      <c r="K200" s="16">
        <v>5425</v>
      </c>
      <c r="L200" s="16">
        <v>1047</v>
      </c>
    </row>
    <row r="201" spans="1:12">
      <c r="A201" s="21" t="s">
        <v>232</v>
      </c>
      <c r="B201" s="21" t="s">
        <v>237</v>
      </c>
      <c r="C201" s="21" t="s">
        <v>264</v>
      </c>
      <c r="D201" s="21" t="s">
        <v>217</v>
      </c>
      <c r="E201" s="21" t="s">
        <v>216</v>
      </c>
      <c r="F201" s="21" t="s">
        <v>521</v>
      </c>
      <c r="G201" s="16">
        <v>56932</v>
      </c>
      <c r="H201" s="16">
        <v>9861</v>
      </c>
      <c r="I201" s="16">
        <v>38485</v>
      </c>
      <c r="J201" s="16">
        <v>595</v>
      </c>
      <c r="K201" s="16">
        <v>6888</v>
      </c>
      <c r="L201" s="16">
        <v>1103</v>
      </c>
    </row>
    <row r="202" spans="1:12">
      <c r="A202" s="21" t="s">
        <v>232</v>
      </c>
      <c r="B202" s="21" t="s">
        <v>237</v>
      </c>
      <c r="C202" s="21" t="s">
        <v>264</v>
      </c>
      <c r="D202" s="21" t="s">
        <v>217</v>
      </c>
      <c r="E202" s="21" t="s">
        <v>216</v>
      </c>
      <c r="F202" s="21" t="s">
        <v>522</v>
      </c>
      <c r="G202" s="16">
        <v>52956</v>
      </c>
      <c r="H202" s="16">
        <v>8072</v>
      </c>
      <c r="I202" s="16">
        <v>36295</v>
      </c>
      <c r="J202" s="16">
        <v>1011</v>
      </c>
      <c r="K202" s="16">
        <v>6734</v>
      </c>
      <c r="L202" s="16">
        <v>844</v>
      </c>
    </row>
    <row r="203" spans="1:12">
      <c r="A203" s="21" t="s">
        <v>232</v>
      </c>
      <c r="B203" s="21" t="s">
        <v>237</v>
      </c>
      <c r="C203" s="21" t="s">
        <v>264</v>
      </c>
      <c r="D203" s="21" t="s">
        <v>217</v>
      </c>
      <c r="E203" s="21" t="s">
        <v>216</v>
      </c>
      <c r="F203" s="21" t="s">
        <v>523</v>
      </c>
      <c r="G203" s="16">
        <v>55309</v>
      </c>
      <c r="H203" s="16">
        <v>6304</v>
      </c>
      <c r="I203" s="16">
        <v>39511</v>
      </c>
      <c r="J203" s="16">
        <v>1956</v>
      </c>
      <c r="K203" s="16">
        <v>6762</v>
      </c>
      <c r="L203" s="16">
        <v>776</v>
      </c>
    </row>
    <row r="204" spans="1:12">
      <c r="A204" s="21" t="s">
        <v>232</v>
      </c>
      <c r="B204" s="21" t="s">
        <v>237</v>
      </c>
      <c r="C204" s="21" t="s">
        <v>264</v>
      </c>
      <c r="D204" s="21" t="s">
        <v>217</v>
      </c>
      <c r="E204" s="21" t="s">
        <v>216</v>
      </c>
      <c r="F204" s="21" t="s">
        <v>524</v>
      </c>
      <c r="G204" s="16">
        <v>59459</v>
      </c>
      <c r="H204" s="16">
        <v>4678</v>
      </c>
      <c r="I204" s="16">
        <v>43478</v>
      </c>
      <c r="J204" s="16">
        <v>3836</v>
      </c>
      <c r="K204" s="16">
        <v>6753</v>
      </c>
      <c r="L204" s="16">
        <v>714</v>
      </c>
    </row>
    <row r="205" spans="1:12">
      <c r="A205" s="21" t="s">
        <v>232</v>
      </c>
      <c r="B205" s="21" t="s">
        <v>237</v>
      </c>
      <c r="C205" s="21" t="s">
        <v>264</v>
      </c>
      <c r="D205" s="21" t="s">
        <v>217</v>
      </c>
      <c r="E205" s="21" t="s">
        <v>216</v>
      </c>
      <c r="F205" s="21" t="s">
        <v>525</v>
      </c>
      <c r="G205" s="16">
        <v>65961</v>
      </c>
      <c r="H205" s="16">
        <v>4005</v>
      </c>
      <c r="I205" s="16">
        <v>47492</v>
      </c>
      <c r="J205" s="16">
        <v>7097</v>
      </c>
      <c r="K205" s="16">
        <v>6586</v>
      </c>
      <c r="L205" s="16">
        <v>781</v>
      </c>
    </row>
    <row r="206" spans="1:12">
      <c r="A206" s="21" t="s">
        <v>232</v>
      </c>
      <c r="B206" s="21" t="s">
        <v>237</v>
      </c>
      <c r="C206" s="21" t="s">
        <v>264</v>
      </c>
      <c r="D206" s="21" t="s">
        <v>217</v>
      </c>
      <c r="E206" s="21" t="s">
        <v>216</v>
      </c>
      <c r="F206" s="21" t="s">
        <v>526</v>
      </c>
      <c r="G206" s="16">
        <v>65933</v>
      </c>
      <c r="H206" s="16">
        <v>3507</v>
      </c>
      <c r="I206" s="16">
        <v>43773</v>
      </c>
      <c r="J206" s="16">
        <v>11834</v>
      </c>
      <c r="K206" s="16">
        <v>5839</v>
      </c>
      <c r="L206" s="16">
        <v>980</v>
      </c>
    </row>
    <row r="207" spans="1:12">
      <c r="A207" s="21" t="s">
        <v>232</v>
      </c>
      <c r="B207" s="21" t="s">
        <v>237</v>
      </c>
      <c r="C207" s="21" t="s">
        <v>264</v>
      </c>
      <c r="D207" s="21" t="s">
        <v>217</v>
      </c>
      <c r="E207" s="21" t="s">
        <v>216</v>
      </c>
      <c r="F207" s="21" t="s">
        <v>527</v>
      </c>
      <c r="G207" s="16">
        <v>50210</v>
      </c>
      <c r="H207" s="16">
        <v>2128</v>
      </c>
      <c r="I207" s="16">
        <v>28874</v>
      </c>
      <c r="J207" s="16">
        <v>15209</v>
      </c>
      <c r="K207" s="16">
        <v>3037</v>
      </c>
      <c r="L207" s="16">
        <v>962</v>
      </c>
    </row>
    <row r="208" spans="1:12">
      <c r="A208" s="21" t="s">
        <v>232</v>
      </c>
      <c r="B208" s="21" t="s">
        <v>237</v>
      </c>
      <c r="C208" s="21" t="s">
        <v>264</v>
      </c>
      <c r="D208" s="21" t="s">
        <v>217</v>
      </c>
      <c r="E208" s="21" t="s">
        <v>216</v>
      </c>
      <c r="F208" s="21" t="s">
        <v>528</v>
      </c>
      <c r="G208" s="16">
        <v>43950</v>
      </c>
      <c r="H208" s="16">
        <v>1460</v>
      </c>
      <c r="I208" s="16">
        <v>19006</v>
      </c>
      <c r="J208" s="16">
        <v>20685</v>
      </c>
      <c r="K208" s="16">
        <v>1717</v>
      </c>
      <c r="L208" s="16">
        <v>1082</v>
      </c>
    </row>
    <row r="209" spans="1:12">
      <c r="A209" s="21" t="s">
        <v>232</v>
      </c>
      <c r="B209" s="21" t="s">
        <v>237</v>
      </c>
      <c r="C209" s="21" t="s">
        <v>264</v>
      </c>
      <c r="D209" s="21" t="s">
        <v>217</v>
      </c>
      <c r="E209" s="21" t="s">
        <v>216</v>
      </c>
      <c r="F209" s="21" t="s">
        <v>529</v>
      </c>
      <c r="G209" s="16">
        <v>32731</v>
      </c>
      <c r="H209" s="16">
        <v>936</v>
      </c>
      <c r="I209" s="16">
        <v>8480</v>
      </c>
      <c r="J209" s="16">
        <v>21483</v>
      </c>
      <c r="K209" s="16">
        <v>925</v>
      </c>
      <c r="L209" s="16">
        <v>907</v>
      </c>
    </row>
    <row r="210" spans="1:12">
      <c r="A210" s="21" t="s">
        <v>232</v>
      </c>
      <c r="B210" s="21" t="s">
        <v>237</v>
      </c>
      <c r="C210" s="21" t="s">
        <v>264</v>
      </c>
      <c r="D210" s="21" t="s">
        <v>217</v>
      </c>
      <c r="E210" s="21" t="s">
        <v>216</v>
      </c>
      <c r="F210" s="21" t="s">
        <v>530</v>
      </c>
      <c r="G210" s="16">
        <v>15687</v>
      </c>
      <c r="H210" s="16">
        <v>412</v>
      </c>
      <c r="I210" s="16">
        <v>1809</v>
      </c>
      <c r="J210" s="16">
        <v>12507</v>
      </c>
      <c r="K210" s="16">
        <v>426</v>
      </c>
      <c r="L210" s="16">
        <v>533</v>
      </c>
    </row>
    <row r="211" spans="1:12">
      <c r="A211" s="21" t="s">
        <v>232</v>
      </c>
      <c r="B211" s="21" t="s">
        <v>237</v>
      </c>
      <c r="C211" s="21" t="s">
        <v>264</v>
      </c>
      <c r="D211" s="21" t="s">
        <v>217</v>
      </c>
      <c r="E211" s="21" t="s">
        <v>216</v>
      </c>
      <c r="F211" s="21" t="s">
        <v>531</v>
      </c>
      <c r="G211" s="16">
        <v>3965</v>
      </c>
      <c r="H211" s="16">
        <v>102</v>
      </c>
      <c r="I211" s="16">
        <v>185</v>
      </c>
      <c r="J211" s="16">
        <v>3434</v>
      </c>
      <c r="K211" s="16">
        <v>97</v>
      </c>
      <c r="L211" s="16">
        <v>147</v>
      </c>
    </row>
    <row r="212" spans="1:12">
      <c r="A212" s="21" t="s">
        <v>232</v>
      </c>
      <c r="B212" s="21" t="s">
        <v>237</v>
      </c>
      <c r="C212" s="21" t="s">
        <v>264</v>
      </c>
      <c r="D212" s="21" t="s">
        <v>217</v>
      </c>
      <c r="E212" s="21" t="s">
        <v>216</v>
      </c>
      <c r="F212" s="21" t="s">
        <v>532</v>
      </c>
      <c r="G212" s="16">
        <v>518</v>
      </c>
      <c r="H212" s="16">
        <v>5</v>
      </c>
      <c r="I212" s="16">
        <v>12</v>
      </c>
      <c r="J212" s="16">
        <v>463</v>
      </c>
      <c r="K212" s="16">
        <v>13</v>
      </c>
      <c r="L212" s="16">
        <v>25</v>
      </c>
    </row>
    <row r="213" spans="1:12">
      <c r="A213" s="21" t="s">
        <v>232</v>
      </c>
      <c r="B213" s="21" t="s">
        <v>237</v>
      </c>
      <c r="C213" s="21" t="s">
        <v>264</v>
      </c>
      <c r="D213" s="21" t="s">
        <v>217</v>
      </c>
      <c r="E213" s="21" t="s">
        <v>216</v>
      </c>
      <c r="F213" s="21" t="s">
        <v>533</v>
      </c>
      <c r="G213" s="16">
        <v>11020</v>
      </c>
      <c r="H213" s="22" t="s">
        <v>268</v>
      </c>
      <c r="I213" s="22" t="s">
        <v>268</v>
      </c>
      <c r="J213" s="22" t="s">
        <v>268</v>
      </c>
      <c r="K213" s="22" t="s">
        <v>268</v>
      </c>
      <c r="L213" s="16">
        <v>11020</v>
      </c>
    </row>
    <row r="214" spans="1:12">
      <c r="A214" s="21" t="s">
        <v>232</v>
      </c>
      <c r="B214" s="21" t="s">
        <v>237</v>
      </c>
      <c r="C214" s="21" t="s">
        <v>264</v>
      </c>
      <c r="D214" s="21" t="s">
        <v>217</v>
      </c>
      <c r="E214" s="21" t="s">
        <v>216</v>
      </c>
      <c r="F214" s="21" t="s">
        <v>461</v>
      </c>
      <c r="G214" s="16">
        <v>477015</v>
      </c>
      <c r="H214" s="16">
        <v>150986</v>
      </c>
      <c r="I214" s="16">
        <v>269236</v>
      </c>
      <c r="J214" s="16">
        <v>7958</v>
      </c>
      <c r="K214" s="16">
        <v>40427</v>
      </c>
      <c r="L214" s="16">
        <v>8408</v>
      </c>
    </row>
    <row r="215" spans="1:12">
      <c r="A215" s="21" t="s">
        <v>232</v>
      </c>
      <c r="B215" s="21" t="s">
        <v>237</v>
      </c>
      <c r="C215" s="21" t="s">
        <v>264</v>
      </c>
      <c r="D215" s="21" t="s">
        <v>217</v>
      </c>
      <c r="E215" s="21" t="s">
        <v>216</v>
      </c>
      <c r="F215" s="21" t="s">
        <v>462</v>
      </c>
      <c r="G215" s="16">
        <v>278955</v>
      </c>
      <c r="H215" s="16">
        <v>12555</v>
      </c>
      <c r="I215" s="16">
        <v>149631</v>
      </c>
      <c r="J215" s="16">
        <v>92712</v>
      </c>
      <c r="K215" s="16">
        <v>18640</v>
      </c>
      <c r="L215" s="16">
        <v>5417</v>
      </c>
    </row>
    <row r="216" spans="1:12">
      <c r="A216" s="21" t="s">
        <v>232</v>
      </c>
      <c r="B216" s="21" t="s">
        <v>237</v>
      </c>
      <c r="C216" s="21" t="s">
        <v>264</v>
      </c>
      <c r="D216" s="21" t="s">
        <v>217</v>
      </c>
      <c r="E216" s="21" t="s">
        <v>216</v>
      </c>
      <c r="F216" s="21" t="s">
        <v>463</v>
      </c>
      <c r="G216" s="16">
        <v>147061</v>
      </c>
      <c r="H216" s="16">
        <v>5043</v>
      </c>
      <c r="I216" s="16">
        <v>58366</v>
      </c>
      <c r="J216" s="16">
        <v>73781</v>
      </c>
      <c r="K216" s="16">
        <v>6215</v>
      </c>
      <c r="L216" s="16">
        <v>3656</v>
      </c>
    </row>
    <row r="217" spans="1:12">
      <c r="A217" s="21" t="s">
        <v>232</v>
      </c>
      <c r="B217" s="21" t="s">
        <v>237</v>
      </c>
      <c r="C217" s="21" t="s">
        <v>264</v>
      </c>
      <c r="D217" s="21" t="s">
        <v>217</v>
      </c>
      <c r="E217" s="21" t="s">
        <v>216</v>
      </c>
      <c r="F217" s="21" t="s">
        <v>464</v>
      </c>
      <c r="G217" s="16">
        <v>52901</v>
      </c>
      <c r="H217" s="16">
        <v>1455</v>
      </c>
      <c r="I217" s="16">
        <v>10486</v>
      </c>
      <c r="J217" s="16">
        <v>37887</v>
      </c>
      <c r="K217" s="16">
        <v>1461</v>
      </c>
      <c r="L217" s="16">
        <v>1612</v>
      </c>
    </row>
    <row r="218" spans="1:12">
      <c r="A218" s="21" t="s">
        <v>232</v>
      </c>
      <c r="B218" s="21" t="s">
        <v>237</v>
      </c>
      <c r="C218" s="21" t="s">
        <v>264</v>
      </c>
      <c r="D218" s="21" t="s">
        <v>217</v>
      </c>
      <c r="E218" s="21" t="s">
        <v>216</v>
      </c>
      <c r="F218" s="21" t="s">
        <v>431</v>
      </c>
      <c r="G218" s="16">
        <v>505990</v>
      </c>
      <c r="H218" s="16">
        <v>118275</v>
      </c>
      <c r="I218" s="16">
        <v>316581</v>
      </c>
      <c r="J218" s="16">
        <v>15051</v>
      </c>
      <c r="K218" s="16">
        <v>46996</v>
      </c>
      <c r="L218" s="16">
        <v>9087</v>
      </c>
    </row>
    <row r="219" spans="1:12">
      <c r="A219" s="21" t="s">
        <v>232</v>
      </c>
      <c r="B219" s="21" t="s">
        <v>237</v>
      </c>
      <c r="C219" s="21" t="s">
        <v>264</v>
      </c>
      <c r="D219" s="21" t="s">
        <v>534</v>
      </c>
      <c r="E219" s="21" t="s">
        <v>216</v>
      </c>
      <c r="F219" s="21" t="s">
        <v>401</v>
      </c>
      <c r="G219" s="16">
        <v>749977</v>
      </c>
      <c r="H219" s="16">
        <v>232444</v>
      </c>
      <c r="I219" s="16">
        <v>412683</v>
      </c>
      <c r="J219" s="16">
        <v>58301</v>
      </c>
      <c r="K219" s="16">
        <v>39096</v>
      </c>
      <c r="L219" s="16">
        <v>7453</v>
      </c>
    </row>
    <row r="220" spans="1:12">
      <c r="A220" s="21" t="s">
        <v>232</v>
      </c>
      <c r="B220" s="21" t="s">
        <v>237</v>
      </c>
      <c r="C220" s="21" t="s">
        <v>264</v>
      </c>
      <c r="D220" s="21" t="s">
        <v>534</v>
      </c>
      <c r="E220" s="21" t="s">
        <v>216</v>
      </c>
      <c r="F220" s="21" t="s">
        <v>514</v>
      </c>
      <c r="G220" s="16">
        <v>111208</v>
      </c>
      <c r="H220" s="16">
        <v>111208</v>
      </c>
      <c r="I220" s="22" t="s">
        <v>268</v>
      </c>
      <c r="J220" s="22" t="s">
        <v>268</v>
      </c>
      <c r="K220" s="22" t="s">
        <v>268</v>
      </c>
      <c r="L220" s="22" t="s">
        <v>268</v>
      </c>
    </row>
    <row r="221" spans="1:12">
      <c r="A221" s="21" t="s">
        <v>232</v>
      </c>
      <c r="B221" s="21" t="s">
        <v>237</v>
      </c>
      <c r="C221" s="21" t="s">
        <v>264</v>
      </c>
      <c r="D221" s="21" t="s">
        <v>534</v>
      </c>
      <c r="E221" s="21" t="s">
        <v>216</v>
      </c>
      <c r="F221" s="21" t="s">
        <v>515</v>
      </c>
      <c r="G221" s="16">
        <v>35223</v>
      </c>
      <c r="H221" s="16">
        <v>35050</v>
      </c>
      <c r="I221" s="16">
        <v>141</v>
      </c>
      <c r="J221" s="16">
        <v>2</v>
      </c>
      <c r="K221" s="16">
        <v>16</v>
      </c>
      <c r="L221" s="16">
        <v>14</v>
      </c>
    </row>
    <row r="222" spans="1:12">
      <c r="A222" s="21" t="s">
        <v>232</v>
      </c>
      <c r="B222" s="21" t="s">
        <v>237</v>
      </c>
      <c r="C222" s="21" t="s">
        <v>264</v>
      </c>
      <c r="D222" s="21" t="s">
        <v>534</v>
      </c>
      <c r="E222" s="21" t="s">
        <v>216</v>
      </c>
      <c r="F222" s="21" t="s">
        <v>516</v>
      </c>
      <c r="G222" s="16">
        <v>25721</v>
      </c>
      <c r="H222" s="16">
        <v>22367</v>
      </c>
      <c r="I222" s="16">
        <v>2958</v>
      </c>
      <c r="J222" s="16">
        <v>7</v>
      </c>
      <c r="K222" s="16">
        <v>286</v>
      </c>
      <c r="L222" s="16">
        <v>103</v>
      </c>
    </row>
    <row r="223" spans="1:12">
      <c r="A223" s="21" t="s">
        <v>232</v>
      </c>
      <c r="B223" s="21" t="s">
        <v>237</v>
      </c>
      <c r="C223" s="21" t="s">
        <v>264</v>
      </c>
      <c r="D223" s="21" t="s">
        <v>534</v>
      </c>
      <c r="E223" s="21" t="s">
        <v>216</v>
      </c>
      <c r="F223" s="21" t="s">
        <v>517</v>
      </c>
      <c r="G223" s="16">
        <v>28545</v>
      </c>
      <c r="H223" s="16">
        <v>14302</v>
      </c>
      <c r="I223" s="16">
        <v>12989</v>
      </c>
      <c r="J223" s="16">
        <v>18</v>
      </c>
      <c r="K223" s="16">
        <v>1037</v>
      </c>
      <c r="L223" s="16">
        <v>199</v>
      </c>
    </row>
    <row r="224" spans="1:12">
      <c r="A224" s="21" t="s">
        <v>232</v>
      </c>
      <c r="B224" s="21" t="s">
        <v>237</v>
      </c>
      <c r="C224" s="21" t="s">
        <v>264</v>
      </c>
      <c r="D224" s="21" t="s">
        <v>534</v>
      </c>
      <c r="E224" s="21" t="s">
        <v>216</v>
      </c>
      <c r="F224" s="21" t="s">
        <v>518</v>
      </c>
      <c r="G224" s="16">
        <v>37080</v>
      </c>
      <c r="H224" s="16">
        <v>9728</v>
      </c>
      <c r="I224" s="16">
        <v>24765</v>
      </c>
      <c r="J224" s="16">
        <v>47</v>
      </c>
      <c r="K224" s="16">
        <v>2243</v>
      </c>
      <c r="L224" s="16">
        <v>297</v>
      </c>
    </row>
    <row r="225" spans="1:12">
      <c r="A225" s="21" t="s">
        <v>232</v>
      </c>
      <c r="B225" s="21" t="s">
        <v>237</v>
      </c>
      <c r="C225" s="21" t="s">
        <v>264</v>
      </c>
      <c r="D225" s="21" t="s">
        <v>534</v>
      </c>
      <c r="E225" s="21" t="s">
        <v>216</v>
      </c>
      <c r="F225" s="21" t="s">
        <v>519</v>
      </c>
      <c r="G225" s="16">
        <v>45089</v>
      </c>
      <c r="H225" s="16">
        <v>8165</v>
      </c>
      <c r="I225" s="16">
        <v>32699</v>
      </c>
      <c r="J225" s="16">
        <v>131</v>
      </c>
      <c r="K225" s="16">
        <v>3682</v>
      </c>
      <c r="L225" s="16">
        <v>412</v>
      </c>
    </row>
    <row r="226" spans="1:12">
      <c r="A226" s="21" t="s">
        <v>232</v>
      </c>
      <c r="B226" s="21" t="s">
        <v>237</v>
      </c>
      <c r="C226" s="21" t="s">
        <v>264</v>
      </c>
      <c r="D226" s="21" t="s">
        <v>534</v>
      </c>
      <c r="E226" s="21" t="s">
        <v>216</v>
      </c>
      <c r="F226" s="21" t="s">
        <v>520</v>
      </c>
      <c r="G226" s="16">
        <v>49524</v>
      </c>
      <c r="H226" s="16">
        <v>7400</v>
      </c>
      <c r="I226" s="16">
        <v>36468</v>
      </c>
      <c r="J226" s="16">
        <v>237</v>
      </c>
      <c r="K226" s="16">
        <v>4879</v>
      </c>
      <c r="L226" s="16">
        <v>540</v>
      </c>
    </row>
    <row r="227" spans="1:12">
      <c r="A227" s="21" t="s">
        <v>232</v>
      </c>
      <c r="B227" s="21" t="s">
        <v>237</v>
      </c>
      <c r="C227" s="21" t="s">
        <v>264</v>
      </c>
      <c r="D227" s="21" t="s">
        <v>534</v>
      </c>
      <c r="E227" s="21" t="s">
        <v>216</v>
      </c>
      <c r="F227" s="21" t="s">
        <v>521</v>
      </c>
      <c r="G227" s="16">
        <v>51920</v>
      </c>
      <c r="H227" s="16">
        <v>7065</v>
      </c>
      <c r="I227" s="16">
        <v>38083</v>
      </c>
      <c r="J227" s="16">
        <v>461</v>
      </c>
      <c r="K227" s="16">
        <v>5725</v>
      </c>
      <c r="L227" s="16">
        <v>586</v>
      </c>
    </row>
    <row r="228" spans="1:12">
      <c r="A228" s="21" t="s">
        <v>232</v>
      </c>
      <c r="B228" s="21" t="s">
        <v>237</v>
      </c>
      <c r="C228" s="21" t="s">
        <v>264</v>
      </c>
      <c r="D228" s="21" t="s">
        <v>534</v>
      </c>
      <c r="E228" s="21" t="s">
        <v>216</v>
      </c>
      <c r="F228" s="21" t="s">
        <v>522</v>
      </c>
      <c r="G228" s="16">
        <v>47271</v>
      </c>
      <c r="H228" s="16">
        <v>5645</v>
      </c>
      <c r="I228" s="16">
        <v>35646</v>
      </c>
      <c r="J228" s="16">
        <v>702</v>
      </c>
      <c r="K228" s="16">
        <v>4849</v>
      </c>
      <c r="L228" s="16">
        <v>429</v>
      </c>
    </row>
    <row r="229" spans="1:12">
      <c r="A229" s="21" t="s">
        <v>232</v>
      </c>
      <c r="B229" s="21" t="s">
        <v>237</v>
      </c>
      <c r="C229" s="21" t="s">
        <v>264</v>
      </c>
      <c r="D229" s="21" t="s">
        <v>534</v>
      </c>
      <c r="E229" s="21" t="s">
        <v>216</v>
      </c>
      <c r="F229" s="21" t="s">
        <v>523</v>
      </c>
      <c r="G229" s="16">
        <v>48619</v>
      </c>
      <c r="H229" s="16">
        <v>4139</v>
      </c>
      <c r="I229" s="16">
        <v>38664</v>
      </c>
      <c r="J229" s="16">
        <v>1252</v>
      </c>
      <c r="K229" s="16">
        <v>4244</v>
      </c>
      <c r="L229" s="16">
        <v>320</v>
      </c>
    </row>
    <row r="230" spans="1:12">
      <c r="A230" s="21" t="s">
        <v>232</v>
      </c>
      <c r="B230" s="21" t="s">
        <v>237</v>
      </c>
      <c r="C230" s="21" t="s">
        <v>264</v>
      </c>
      <c r="D230" s="21" t="s">
        <v>534</v>
      </c>
      <c r="E230" s="21" t="s">
        <v>216</v>
      </c>
      <c r="F230" s="21" t="s">
        <v>524</v>
      </c>
      <c r="G230" s="16">
        <v>51602</v>
      </c>
      <c r="H230" s="16">
        <v>2546</v>
      </c>
      <c r="I230" s="16">
        <v>42880</v>
      </c>
      <c r="J230" s="16">
        <v>2241</v>
      </c>
      <c r="K230" s="16">
        <v>3646</v>
      </c>
      <c r="L230" s="16">
        <v>289</v>
      </c>
    </row>
    <row r="231" spans="1:12">
      <c r="A231" s="21" t="s">
        <v>232</v>
      </c>
      <c r="B231" s="21" t="s">
        <v>237</v>
      </c>
      <c r="C231" s="21" t="s">
        <v>264</v>
      </c>
      <c r="D231" s="21" t="s">
        <v>534</v>
      </c>
      <c r="E231" s="21" t="s">
        <v>216</v>
      </c>
      <c r="F231" s="21" t="s">
        <v>525</v>
      </c>
      <c r="G231" s="16">
        <v>55801</v>
      </c>
      <c r="H231" s="16">
        <v>1787</v>
      </c>
      <c r="I231" s="16">
        <v>46961</v>
      </c>
      <c r="J231" s="16">
        <v>3736</v>
      </c>
      <c r="K231" s="16">
        <v>3040</v>
      </c>
      <c r="L231" s="16">
        <v>277</v>
      </c>
    </row>
    <row r="232" spans="1:12">
      <c r="A232" s="21" t="s">
        <v>232</v>
      </c>
      <c r="B232" s="21" t="s">
        <v>237</v>
      </c>
      <c r="C232" s="21" t="s">
        <v>264</v>
      </c>
      <c r="D232" s="21" t="s">
        <v>534</v>
      </c>
      <c r="E232" s="21" t="s">
        <v>216</v>
      </c>
      <c r="F232" s="21" t="s">
        <v>526</v>
      </c>
      <c r="G232" s="16">
        <v>53326</v>
      </c>
      <c r="H232" s="16">
        <v>1257</v>
      </c>
      <c r="I232" s="16">
        <v>43239</v>
      </c>
      <c r="J232" s="16">
        <v>5895</v>
      </c>
      <c r="K232" s="16">
        <v>2565</v>
      </c>
      <c r="L232" s="16">
        <v>370</v>
      </c>
    </row>
    <row r="233" spans="1:12">
      <c r="A233" s="21" t="s">
        <v>232</v>
      </c>
      <c r="B233" s="21" t="s">
        <v>237</v>
      </c>
      <c r="C233" s="21" t="s">
        <v>264</v>
      </c>
      <c r="D233" s="21" t="s">
        <v>534</v>
      </c>
      <c r="E233" s="21" t="s">
        <v>216</v>
      </c>
      <c r="F233" s="21" t="s">
        <v>527</v>
      </c>
      <c r="G233" s="16">
        <v>38303</v>
      </c>
      <c r="H233" s="16">
        <v>711</v>
      </c>
      <c r="I233" s="16">
        <v>28451</v>
      </c>
      <c r="J233" s="16">
        <v>7505</v>
      </c>
      <c r="K233" s="16">
        <v>1280</v>
      </c>
      <c r="L233" s="16">
        <v>356</v>
      </c>
    </row>
    <row r="234" spans="1:12">
      <c r="A234" s="21" t="s">
        <v>232</v>
      </c>
      <c r="B234" s="21" t="s">
        <v>237</v>
      </c>
      <c r="C234" s="21" t="s">
        <v>264</v>
      </c>
      <c r="D234" s="21" t="s">
        <v>534</v>
      </c>
      <c r="E234" s="21" t="s">
        <v>216</v>
      </c>
      <c r="F234" s="21" t="s">
        <v>528</v>
      </c>
      <c r="G234" s="16">
        <v>31528</v>
      </c>
      <c r="H234" s="16">
        <v>525</v>
      </c>
      <c r="I234" s="16">
        <v>18614</v>
      </c>
      <c r="J234" s="16">
        <v>11165</v>
      </c>
      <c r="K234" s="16">
        <v>771</v>
      </c>
      <c r="L234" s="16">
        <v>453</v>
      </c>
    </row>
    <row r="235" spans="1:12">
      <c r="A235" s="21" t="s">
        <v>232</v>
      </c>
      <c r="B235" s="21" t="s">
        <v>237</v>
      </c>
      <c r="C235" s="21" t="s">
        <v>264</v>
      </c>
      <c r="D235" s="21" t="s">
        <v>534</v>
      </c>
      <c r="E235" s="21" t="s">
        <v>216</v>
      </c>
      <c r="F235" s="21" t="s">
        <v>529</v>
      </c>
      <c r="G235" s="16">
        <v>22600</v>
      </c>
      <c r="H235" s="16">
        <v>318</v>
      </c>
      <c r="I235" s="16">
        <v>8198</v>
      </c>
      <c r="J235" s="16">
        <v>13146</v>
      </c>
      <c r="K235" s="16">
        <v>474</v>
      </c>
      <c r="L235" s="16">
        <v>464</v>
      </c>
    </row>
    <row r="236" spans="1:12">
      <c r="A236" s="21" t="s">
        <v>232</v>
      </c>
      <c r="B236" s="21" t="s">
        <v>237</v>
      </c>
      <c r="C236" s="21" t="s">
        <v>264</v>
      </c>
      <c r="D236" s="21" t="s">
        <v>534</v>
      </c>
      <c r="E236" s="21" t="s">
        <v>216</v>
      </c>
      <c r="F236" s="21" t="s">
        <v>530</v>
      </c>
      <c r="G236" s="16">
        <v>11221</v>
      </c>
      <c r="H236" s="16">
        <v>176</v>
      </c>
      <c r="I236" s="16">
        <v>1740</v>
      </c>
      <c r="J236" s="16">
        <v>8702</v>
      </c>
      <c r="K236" s="16">
        <v>273</v>
      </c>
      <c r="L236" s="16">
        <v>330</v>
      </c>
    </row>
    <row r="237" spans="1:12">
      <c r="A237" s="21" t="s">
        <v>232</v>
      </c>
      <c r="B237" s="21" t="s">
        <v>237</v>
      </c>
      <c r="C237" s="21" t="s">
        <v>264</v>
      </c>
      <c r="D237" s="21" t="s">
        <v>534</v>
      </c>
      <c r="E237" s="21" t="s">
        <v>216</v>
      </c>
      <c r="F237" s="21" t="s">
        <v>531</v>
      </c>
      <c r="G237" s="16">
        <v>3068</v>
      </c>
      <c r="H237" s="16">
        <v>52</v>
      </c>
      <c r="I237" s="16">
        <v>176</v>
      </c>
      <c r="J237" s="16">
        <v>2658</v>
      </c>
      <c r="K237" s="16">
        <v>73</v>
      </c>
      <c r="L237" s="16">
        <v>109</v>
      </c>
    </row>
    <row r="238" spans="1:12">
      <c r="A238" s="21" t="s">
        <v>232</v>
      </c>
      <c r="B238" s="21" t="s">
        <v>237</v>
      </c>
      <c r="C238" s="21" t="s">
        <v>264</v>
      </c>
      <c r="D238" s="21" t="s">
        <v>534</v>
      </c>
      <c r="E238" s="21" t="s">
        <v>216</v>
      </c>
      <c r="F238" s="21" t="s">
        <v>532</v>
      </c>
      <c r="G238" s="16">
        <v>443</v>
      </c>
      <c r="H238" s="16">
        <v>3</v>
      </c>
      <c r="I238" s="16">
        <v>11</v>
      </c>
      <c r="J238" s="16">
        <v>396</v>
      </c>
      <c r="K238" s="16">
        <v>13</v>
      </c>
      <c r="L238" s="16">
        <v>20</v>
      </c>
    </row>
    <row r="239" spans="1:12">
      <c r="A239" s="21" t="s">
        <v>232</v>
      </c>
      <c r="B239" s="21" t="s">
        <v>237</v>
      </c>
      <c r="C239" s="21" t="s">
        <v>264</v>
      </c>
      <c r="D239" s="21" t="s">
        <v>534</v>
      </c>
      <c r="E239" s="21" t="s">
        <v>216</v>
      </c>
      <c r="F239" s="21" t="s">
        <v>533</v>
      </c>
      <c r="G239" s="16">
        <v>1885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16">
        <v>1885</v>
      </c>
    </row>
    <row r="240" spans="1:12">
      <c r="A240" s="21" t="s">
        <v>232</v>
      </c>
      <c r="B240" s="21" t="s">
        <v>237</v>
      </c>
      <c r="C240" s="21" t="s">
        <v>264</v>
      </c>
      <c r="D240" s="21" t="s">
        <v>534</v>
      </c>
      <c r="E240" s="21" t="s">
        <v>216</v>
      </c>
      <c r="F240" s="21" t="s">
        <v>461</v>
      </c>
      <c r="G240" s="16">
        <v>420594</v>
      </c>
      <c r="H240" s="16">
        <v>116407</v>
      </c>
      <c r="I240" s="16">
        <v>265293</v>
      </c>
      <c r="J240" s="16">
        <v>5098</v>
      </c>
      <c r="K240" s="16">
        <v>30607</v>
      </c>
      <c r="L240" s="16">
        <v>3189</v>
      </c>
    </row>
    <row r="241" spans="1:12">
      <c r="A241" s="21" t="s">
        <v>232</v>
      </c>
      <c r="B241" s="21" t="s">
        <v>237</v>
      </c>
      <c r="C241" s="21" t="s">
        <v>264</v>
      </c>
      <c r="D241" s="21" t="s">
        <v>534</v>
      </c>
      <c r="E241" s="21" t="s">
        <v>216</v>
      </c>
      <c r="F241" s="21" t="s">
        <v>462</v>
      </c>
      <c r="G241" s="16">
        <v>216290</v>
      </c>
      <c r="H241" s="16">
        <v>4829</v>
      </c>
      <c r="I241" s="16">
        <v>147390</v>
      </c>
      <c r="J241" s="16">
        <v>53203</v>
      </c>
      <c r="K241" s="16">
        <v>8489</v>
      </c>
      <c r="L241" s="16">
        <v>2379</v>
      </c>
    </row>
    <row r="242" spans="1:12">
      <c r="A242" s="21" t="s">
        <v>232</v>
      </c>
      <c r="B242" s="21" t="s">
        <v>237</v>
      </c>
      <c r="C242" s="21" t="s">
        <v>264</v>
      </c>
      <c r="D242" s="21" t="s">
        <v>534</v>
      </c>
      <c r="E242" s="21" t="s">
        <v>216</v>
      </c>
      <c r="F242" s="21" t="s">
        <v>463</v>
      </c>
      <c r="G242" s="16">
        <v>107163</v>
      </c>
      <c r="H242" s="16">
        <v>1785</v>
      </c>
      <c r="I242" s="16">
        <v>57190</v>
      </c>
      <c r="J242" s="16">
        <v>43572</v>
      </c>
      <c r="K242" s="16">
        <v>2884</v>
      </c>
      <c r="L242" s="16">
        <v>1732</v>
      </c>
    </row>
    <row r="243" spans="1:12">
      <c r="A243" s="21" t="s">
        <v>232</v>
      </c>
      <c r="B243" s="21" t="s">
        <v>237</v>
      </c>
      <c r="C243" s="21" t="s">
        <v>264</v>
      </c>
      <c r="D243" s="21" t="s">
        <v>534</v>
      </c>
      <c r="E243" s="21" t="s">
        <v>216</v>
      </c>
      <c r="F243" s="21" t="s">
        <v>464</v>
      </c>
      <c r="G243" s="16">
        <v>37332</v>
      </c>
      <c r="H243" s="16">
        <v>549</v>
      </c>
      <c r="I243" s="16">
        <v>10125</v>
      </c>
      <c r="J243" s="16">
        <v>24902</v>
      </c>
      <c r="K243" s="16">
        <v>833</v>
      </c>
      <c r="L243" s="16">
        <v>923</v>
      </c>
    </row>
    <row r="244" spans="1:12">
      <c r="A244" s="21" t="s">
        <v>232</v>
      </c>
      <c r="B244" s="21" t="s">
        <v>237</v>
      </c>
      <c r="C244" s="21" t="s">
        <v>264</v>
      </c>
      <c r="D244" s="21" t="s">
        <v>534</v>
      </c>
      <c r="E244" s="21" t="s">
        <v>216</v>
      </c>
      <c r="F244" s="21" t="s">
        <v>431</v>
      </c>
      <c r="G244" s="16">
        <v>441172</v>
      </c>
      <c r="H244" s="16">
        <v>83144</v>
      </c>
      <c r="I244" s="16">
        <v>312113</v>
      </c>
      <c r="J244" s="16">
        <v>8832</v>
      </c>
      <c r="K244" s="16">
        <v>33631</v>
      </c>
      <c r="L244" s="16">
        <v>3452</v>
      </c>
    </row>
    <row r="245" spans="1:12">
      <c r="A245" s="21" t="s">
        <v>232</v>
      </c>
      <c r="B245" s="21" t="s">
        <v>237</v>
      </c>
      <c r="C245" s="21" t="s">
        <v>264</v>
      </c>
      <c r="D245" s="21" t="s">
        <v>535</v>
      </c>
      <c r="E245" s="21" t="s">
        <v>216</v>
      </c>
      <c r="F245" s="21" t="s">
        <v>401</v>
      </c>
      <c r="G245" s="16">
        <v>77057</v>
      </c>
      <c r="H245" s="16">
        <v>7124</v>
      </c>
      <c r="I245" s="16">
        <v>14615</v>
      </c>
      <c r="J245" s="16">
        <v>27820</v>
      </c>
      <c r="K245" s="16">
        <v>23537</v>
      </c>
      <c r="L245" s="16">
        <v>3961</v>
      </c>
    </row>
    <row r="246" spans="1:12">
      <c r="A246" s="21" t="s">
        <v>232</v>
      </c>
      <c r="B246" s="21" t="s">
        <v>237</v>
      </c>
      <c r="C246" s="21" t="s">
        <v>264</v>
      </c>
      <c r="D246" s="21" t="s">
        <v>535</v>
      </c>
      <c r="E246" s="21" t="s">
        <v>216</v>
      </c>
      <c r="F246" s="21" t="s">
        <v>514</v>
      </c>
      <c r="G246" s="22" t="s">
        <v>268</v>
      </c>
      <c r="H246" s="22" t="s">
        <v>268</v>
      </c>
      <c r="I246" s="22" t="s">
        <v>268</v>
      </c>
      <c r="J246" s="22" t="s">
        <v>268</v>
      </c>
      <c r="K246" s="22" t="s">
        <v>268</v>
      </c>
      <c r="L246" s="22" t="s">
        <v>268</v>
      </c>
    </row>
    <row r="247" spans="1:12">
      <c r="A247" s="21" t="s">
        <v>232</v>
      </c>
      <c r="B247" s="21" t="s">
        <v>237</v>
      </c>
      <c r="C247" s="21" t="s">
        <v>264</v>
      </c>
      <c r="D247" s="21" t="s">
        <v>535</v>
      </c>
      <c r="E247" s="21" t="s">
        <v>216</v>
      </c>
      <c r="F247" s="21" t="s">
        <v>515</v>
      </c>
      <c r="G247" s="16">
        <v>50</v>
      </c>
      <c r="H247" s="16">
        <v>46</v>
      </c>
      <c r="I247" s="16">
        <v>3</v>
      </c>
      <c r="J247" s="22" t="s">
        <v>268</v>
      </c>
      <c r="K247" s="16">
        <v>1</v>
      </c>
      <c r="L247" s="22" t="s">
        <v>268</v>
      </c>
    </row>
    <row r="248" spans="1:12">
      <c r="A248" s="21" t="s">
        <v>232</v>
      </c>
      <c r="B248" s="21" t="s">
        <v>237</v>
      </c>
      <c r="C248" s="21" t="s">
        <v>264</v>
      </c>
      <c r="D248" s="21" t="s">
        <v>535</v>
      </c>
      <c r="E248" s="21" t="s">
        <v>216</v>
      </c>
      <c r="F248" s="21" t="s">
        <v>516</v>
      </c>
      <c r="G248" s="16">
        <v>808</v>
      </c>
      <c r="H248" s="16">
        <v>490</v>
      </c>
      <c r="I248" s="16">
        <v>124</v>
      </c>
      <c r="J248" s="16">
        <v>1</v>
      </c>
      <c r="K248" s="16">
        <v>136</v>
      </c>
      <c r="L248" s="16">
        <v>57</v>
      </c>
    </row>
    <row r="249" spans="1:12">
      <c r="A249" s="21" t="s">
        <v>232</v>
      </c>
      <c r="B249" s="21" t="s">
        <v>237</v>
      </c>
      <c r="C249" s="21" t="s">
        <v>264</v>
      </c>
      <c r="D249" s="21" t="s">
        <v>535</v>
      </c>
      <c r="E249" s="21" t="s">
        <v>216</v>
      </c>
      <c r="F249" s="21" t="s">
        <v>517</v>
      </c>
      <c r="G249" s="16">
        <v>1894</v>
      </c>
      <c r="H249" s="16">
        <v>658</v>
      </c>
      <c r="I249" s="16">
        <v>536</v>
      </c>
      <c r="J249" s="16">
        <v>7</v>
      </c>
      <c r="K249" s="16">
        <v>551</v>
      </c>
      <c r="L249" s="16">
        <v>142</v>
      </c>
    </row>
    <row r="250" spans="1:12">
      <c r="A250" s="21" t="s">
        <v>232</v>
      </c>
      <c r="B250" s="21" t="s">
        <v>237</v>
      </c>
      <c r="C250" s="21" t="s">
        <v>264</v>
      </c>
      <c r="D250" s="21" t="s">
        <v>535</v>
      </c>
      <c r="E250" s="21" t="s">
        <v>216</v>
      </c>
      <c r="F250" s="21" t="s">
        <v>518</v>
      </c>
      <c r="G250" s="16">
        <v>3280</v>
      </c>
      <c r="H250" s="16">
        <v>548</v>
      </c>
      <c r="I250" s="16">
        <v>1071</v>
      </c>
      <c r="J250" s="16">
        <v>31</v>
      </c>
      <c r="K250" s="16">
        <v>1373</v>
      </c>
      <c r="L250" s="16">
        <v>257</v>
      </c>
    </row>
    <row r="251" spans="1:12">
      <c r="A251" s="21" t="s">
        <v>232</v>
      </c>
      <c r="B251" s="21" t="s">
        <v>237</v>
      </c>
      <c r="C251" s="21" t="s">
        <v>264</v>
      </c>
      <c r="D251" s="21" t="s">
        <v>535</v>
      </c>
      <c r="E251" s="21" t="s">
        <v>216</v>
      </c>
      <c r="F251" s="21" t="s">
        <v>519</v>
      </c>
      <c r="G251" s="16">
        <v>5045</v>
      </c>
      <c r="H251" s="16">
        <v>613</v>
      </c>
      <c r="I251" s="16">
        <v>1571</v>
      </c>
      <c r="J251" s="16">
        <v>93</v>
      </c>
      <c r="K251" s="16">
        <v>2414</v>
      </c>
      <c r="L251" s="16">
        <v>354</v>
      </c>
    </row>
    <row r="252" spans="1:12">
      <c r="A252" s="21" t="s">
        <v>232</v>
      </c>
      <c r="B252" s="21" t="s">
        <v>237</v>
      </c>
      <c r="C252" s="21" t="s">
        <v>264</v>
      </c>
      <c r="D252" s="21" t="s">
        <v>535</v>
      </c>
      <c r="E252" s="21" t="s">
        <v>216</v>
      </c>
      <c r="F252" s="21" t="s">
        <v>520</v>
      </c>
      <c r="G252" s="16">
        <v>6649</v>
      </c>
      <c r="H252" s="16">
        <v>691</v>
      </c>
      <c r="I252" s="16">
        <v>1998</v>
      </c>
      <c r="J252" s="16">
        <v>182</v>
      </c>
      <c r="K252" s="16">
        <v>3308</v>
      </c>
      <c r="L252" s="16">
        <v>470</v>
      </c>
    </row>
    <row r="253" spans="1:12">
      <c r="A253" s="21" t="s">
        <v>232</v>
      </c>
      <c r="B253" s="21" t="s">
        <v>237</v>
      </c>
      <c r="C253" s="21" t="s">
        <v>264</v>
      </c>
      <c r="D253" s="21" t="s">
        <v>535</v>
      </c>
      <c r="E253" s="21" t="s">
        <v>216</v>
      </c>
      <c r="F253" s="21" t="s">
        <v>521</v>
      </c>
      <c r="G253" s="16">
        <v>7793</v>
      </c>
      <c r="H253" s="16">
        <v>768</v>
      </c>
      <c r="I253" s="16">
        <v>2415</v>
      </c>
      <c r="J253" s="16">
        <v>364</v>
      </c>
      <c r="K253" s="16">
        <v>3753</v>
      </c>
      <c r="L253" s="16">
        <v>493</v>
      </c>
    </row>
    <row r="254" spans="1:12">
      <c r="A254" s="21" t="s">
        <v>232</v>
      </c>
      <c r="B254" s="21" t="s">
        <v>237</v>
      </c>
      <c r="C254" s="21" t="s">
        <v>264</v>
      </c>
      <c r="D254" s="21" t="s">
        <v>535</v>
      </c>
      <c r="E254" s="21" t="s">
        <v>216</v>
      </c>
      <c r="F254" s="21" t="s">
        <v>522</v>
      </c>
      <c r="G254" s="16">
        <v>6704</v>
      </c>
      <c r="H254" s="16">
        <v>729</v>
      </c>
      <c r="I254" s="16">
        <v>2061</v>
      </c>
      <c r="J254" s="16">
        <v>521</v>
      </c>
      <c r="K254" s="16">
        <v>3040</v>
      </c>
      <c r="L254" s="16">
        <v>353</v>
      </c>
    </row>
    <row r="255" spans="1:12">
      <c r="A255" s="21" t="s">
        <v>232</v>
      </c>
      <c r="B255" s="21" t="s">
        <v>237</v>
      </c>
      <c r="C255" s="21" t="s">
        <v>264</v>
      </c>
      <c r="D255" s="21" t="s">
        <v>535</v>
      </c>
      <c r="E255" s="21" t="s">
        <v>216</v>
      </c>
      <c r="F255" s="21" t="s">
        <v>523</v>
      </c>
      <c r="G255" s="16">
        <v>5835</v>
      </c>
      <c r="H255" s="16">
        <v>666</v>
      </c>
      <c r="I255" s="16">
        <v>1540</v>
      </c>
      <c r="J255" s="16">
        <v>937</v>
      </c>
      <c r="K255" s="16">
        <v>2458</v>
      </c>
      <c r="L255" s="16">
        <v>234</v>
      </c>
    </row>
    <row r="256" spans="1:12">
      <c r="A256" s="21" t="s">
        <v>232</v>
      </c>
      <c r="B256" s="21" t="s">
        <v>237</v>
      </c>
      <c r="C256" s="21" t="s">
        <v>264</v>
      </c>
      <c r="D256" s="21" t="s">
        <v>535</v>
      </c>
      <c r="E256" s="21" t="s">
        <v>216</v>
      </c>
      <c r="F256" s="21" t="s">
        <v>524</v>
      </c>
      <c r="G256" s="16">
        <v>5388</v>
      </c>
      <c r="H256" s="16">
        <v>498</v>
      </c>
      <c r="I256" s="16">
        <v>898</v>
      </c>
      <c r="J256" s="16">
        <v>1694</v>
      </c>
      <c r="K256" s="16">
        <v>2101</v>
      </c>
      <c r="L256" s="16">
        <v>197</v>
      </c>
    </row>
    <row r="257" spans="1:12">
      <c r="A257" s="21" t="s">
        <v>232</v>
      </c>
      <c r="B257" s="21" t="s">
        <v>237</v>
      </c>
      <c r="C257" s="21" t="s">
        <v>264</v>
      </c>
      <c r="D257" s="21" t="s">
        <v>535</v>
      </c>
      <c r="E257" s="21" t="s">
        <v>216</v>
      </c>
      <c r="F257" s="21" t="s">
        <v>525</v>
      </c>
      <c r="G257" s="16">
        <v>5694</v>
      </c>
      <c r="H257" s="16">
        <v>452</v>
      </c>
      <c r="I257" s="16">
        <v>698</v>
      </c>
      <c r="J257" s="16">
        <v>2667</v>
      </c>
      <c r="K257" s="16">
        <v>1695</v>
      </c>
      <c r="L257" s="16">
        <v>182</v>
      </c>
    </row>
    <row r="258" spans="1:12">
      <c r="A258" s="21" t="s">
        <v>232</v>
      </c>
      <c r="B258" s="21" t="s">
        <v>237</v>
      </c>
      <c r="C258" s="21" t="s">
        <v>264</v>
      </c>
      <c r="D258" s="21" t="s">
        <v>535</v>
      </c>
      <c r="E258" s="21" t="s">
        <v>216</v>
      </c>
      <c r="F258" s="21" t="s">
        <v>526</v>
      </c>
      <c r="G258" s="16">
        <v>6723</v>
      </c>
      <c r="H258" s="16">
        <v>405</v>
      </c>
      <c r="I258" s="16">
        <v>614</v>
      </c>
      <c r="J258" s="16">
        <v>3998</v>
      </c>
      <c r="K258" s="16">
        <v>1480</v>
      </c>
      <c r="L258" s="16">
        <v>226</v>
      </c>
    </row>
    <row r="259" spans="1:12">
      <c r="A259" s="21" t="s">
        <v>232</v>
      </c>
      <c r="B259" s="21" t="s">
        <v>237</v>
      </c>
      <c r="C259" s="21" t="s">
        <v>264</v>
      </c>
      <c r="D259" s="21" t="s">
        <v>535</v>
      </c>
      <c r="E259" s="21" t="s">
        <v>216</v>
      </c>
      <c r="F259" s="21" t="s">
        <v>527</v>
      </c>
      <c r="G259" s="16">
        <v>5852</v>
      </c>
      <c r="H259" s="16">
        <v>230</v>
      </c>
      <c r="I259" s="16">
        <v>438</v>
      </c>
      <c r="J259" s="16">
        <v>4350</v>
      </c>
      <c r="K259" s="16">
        <v>634</v>
      </c>
      <c r="L259" s="16">
        <v>200</v>
      </c>
    </row>
    <row r="260" spans="1:12">
      <c r="A260" s="21" t="s">
        <v>232</v>
      </c>
      <c r="B260" s="21" t="s">
        <v>237</v>
      </c>
      <c r="C260" s="21" t="s">
        <v>264</v>
      </c>
      <c r="D260" s="21" t="s">
        <v>535</v>
      </c>
      <c r="E260" s="21" t="s">
        <v>216</v>
      </c>
      <c r="F260" s="21" t="s">
        <v>528</v>
      </c>
      <c r="G260" s="16">
        <v>6175</v>
      </c>
      <c r="H260" s="16">
        <v>169</v>
      </c>
      <c r="I260" s="16">
        <v>343</v>
      </c>
      <c r="J260" s="16">
        <v>5109</v>
      </c>
      <c r="K260" s="16">
        <v>334</v>
      </c>
      <c r="L260" s="16">
        <v>220</v>
      </c>
    </row>
    <row r="261" spans="1:12">
      <c r="A261" s="21" t="s">
        <v>232</v>
      </c>
      <c r="B261" s="21" t="s">
        <v>237</v>
      </c>
      <c r="C261" s="21" t="s">
        <v>264</v>
      </c>
      <c r="D261" s="21" t="s">
        <v>535</v>
      </c>
      <c r="E261" s="21" t="s">
        <v>216</v>
      </c>
      <c r="F261" s="21" t="s">
        <v>529</v>
      </c>
      <c r="G261" s="16">
        <v>5378</v>
      </c>
      <c r="H261" s="16">
        <v>99</v>
      </c>
      <c r="I261" s="16">
        <v>215</v>
      </c>
      <c r="J261" s="16">
        <v>4720</v>
      </c>
      <c r="K261" s="16">
        <v>169</v>
      </c>
      <c r="L261" s="16">
        <v>175</v>
      </c>
    </row>
    <row r="262" spans="1:12">
      <c r="A262" s="21" t="s">
        <v>232</v>
      </c>
      <c r="B262" s="21" t="s">
        <v>237</v>
      </c>
      <c r="C262" s="21" t="s">
        <v>264</v>
      </c>
      <c r="D262" s="21" t="s">
        <v>535</v>
      </c>
      <c r="E262" s="21" t="s">
        <v>216</v>
      </c>
      <c r="F262" s="21" t="s">
        <v>530</v>
      </c>
      <c r="G262" s="16">
        <v>2708</v>
      </c>
      <c r="H262" s="16">
        <v>47</v>
      </c>
      <c r="I262" s="16">
        <v>70</v>
      </c>
      <c r="J262" s="16">
        <v>2426</v>
      </c>
      <c r="K262" s="16">
        <v>66</v>
      </c>
      <c r="L262" s="16">
        <v>99</v>
      </c>
    </row>
    <row r="263" spans="1:12">
      <c r="A263" s="21" t="s">
        <v>232</v>
      </c>
      <c r="B263" s="21" t="s">
        <v>237</v>
      </c>
      <c r="C263" s="21" t="s">
        <v>264</v>
      </c>
      <c r="D263" s="21" t="s">
        <v>535</v>
      </c>
      <c r="E263" s="21" t="s">
        <v>216</v>
      </c>
      <c r="F263" s="21" t="s">
        <v>531</v>
      </c>
      <c r="G263" s="16">
        <v>724</v>
      </c>
      <c r="H263" s="16">
        <v>15</v>
      </c>
      <c r="I263" s="16">
        <v>18</v>
      </c>
      <c r="J263" s="16">
        <v>642</v>
      </c>
      <c r="K263" s="16">
        <v>20</v>
      </c>
      <c r="L263" s="16">
        <v>29</v>
      </c>
    </row>
    <row r="264" spans="1:12">
      <c r="A264" s="21" t="s">
        <v>232</v>
      </c>
      <c r="B264" s="21" t="s">
        <v>237</v>
      </c>
      <c r="C264" s="21" t="s">
        <v>264</v>
      </c>
      <c r="D264" s="21" t="s">
        <v>535</v>
      </c>
      <c r="E264" s="21" t="s">
        <v>216</v>
      </c>
      <c r="F264" s="21" t="s">
        <v>532</v>
      </c>
      <c r="G264" s="16">
        <v>89</v>
      </c>
      <c r="H264" s="22" t="s">
        <v>268</v>
      </c>
      <c r="I264" s="16">
        <v>2</v>
      </c>
      <c r="J264" s="16">
        <v>78</v>
      </c>
      <c r="K264" s="16">
        <v>4</v>
      </c>
      <c r="L264" s="16">
        <v>5</v>
      </c>
    </row>
    <row r="265" spans="1:12">
      <c r="A265" s="21" t="s">
        <v>232</v>
      </c>
      <c r="B265" s="21" t="s">
        <v>237</v>
      </c>
      <c r="C265" s="21" t="s">
        <v>264</v>
      </c>
      <c r="D265" s="21" t="s">
        <v>535</v>
      </c>
      <c r="E265" s="21" t="s">
        <v>216</v>
      </c>
      <c r="F265" s="21" t="s">
        <v>533</v>
      </c>
      <c r="G265" s="16">
        <v>268</v>
      </c>
      <c r="H265" s="22" t="s">
        <v>268</v>
      </c>
      <c r="I265" s="22" t="s">
        <v>268</v>
      </c>
      <c r="J265" s="22" t="s">
        <v>268</v>
      </c>
      <c r="K265" s="22" t="s">
        <v>268</v>
      </c>
      <c r="L265" s="16">
        <v>268</v>
      </c>
    </row>
    <row r="266" spans="1:12">
      <c r="A266" s="21" t="s">
        <v>232</v>
      </c>
      <c r="B266" s="21" t="s">
        <v>237</v>
      </c>
      <c r="C266" s="21" t="s">
        <v>264</v>
      </c>
      <c r="D266" s="21" t="s">
        <v>535</v>
      </c>
      <c r="E266" s="21" t="s">
        <v>216</v>
      </c>
      <c r="F266" s="21" t="s">
        <v>461</v>
      </c>
      <c r="G266" s="16">
        <v>43446</v>
      </c>
      <c r="H266" s="16">
        <v>5707</v>
      </c>
      <c r="I266" s="16">
        <v>12217</v>
      </c>
      <c r="J266" s="16">
        <v>3830</v>
      </c>
      <c r="K266" s="16">
        <v>19135</v>
      </c>
      <c r="L266" s="16">
        <v>2557</v>
      </c>
    </row>
    <row r="267" spans="1:12">
      <c r="A267" s="21" t="s">
        <v>232</v>
      </c>
      <c r="B267" s="21" t="s">
        <v>237</v>
      </c>
      <c r="C267" s="21" t="s">
        <v>264</v>
      </c>
      <c r="D267" s="21" t="s">
        <v>535</v>
      </c>
      <c r="E267" s="21" t="s">
        <v>216</v>
      </c>
      <c r="F267" s="21" t="s">
        <v>462</v>
      </c>
      <c r="G267" s="16">
        <v>33343</v>
      </c>
      <c r="H267" s="16">
        <v>1417</v>
      </c>
      <c r="I267" s="16">
        <v>2398</v>
      </c>
      <c r="J267" s="16">
        <v>23990</v>
      </c>
      <c r="K267" s="16">
        <v>4402</v>
      </c>
      <c r="L267" s="16">
        <v>1136</v>
      </c>
    </row>
    <row r="268" spans="1:12">
      <c r="A268" s="21" t="s">
        <v>232</v>
      </c>
      <c r="B268" s="21" t="s">
        <v>237</v>
      </c>
      <c r="C268" s="21" t="s">
        <v>264</v>
      </c>
      <c r="D268" s="21" t="s">
        <v>535</v>
      </c>
      <c r="E268" s="21" t="s">
        <v>216</v>
      </c>
      <c r="F268" s="21" t="s">
        <v>463</v>
      </c>
      <c r="G268" s="16">
        <v>20926</v>
      </c>
      <c r="H268" s="16">
        <v>560</v>
      </c>
      <c r="I268" s="16">
        <v>1086</v>
      </c>
      <c r="J268" s="16">
        <v>17325</v>
      </c>
      <c r="K268" s="16">
        <v>1227</v>
      </c>
      <c r="L268" s="16">
        <v>728</v>
      </c>
    </row>
    <row r="269" spans="1:12">
      <c r="A269" s="21" t="s">
        <v>232</v>
      </c>
      <c r="B269" s="21" t="s">
        <v>237</v>
      </c>
      <c r="C269" s="21" t="s">
        <v>264</v>
      </c>
      <c r="D269" s="21" t="s">
        <v>535</v>
      </c>
      <c r="E269" s="21" t="s">
        <v>216</v>
      </c>
      <c r="F269" s="21" t="s">
        <v>464</v>
      </c>
      <c r="G269" s="16">
        <v>8899</v>
      </c>
      <c r="H269" s="16">
        <v>161</v>
      </c>
      <c r="I269" s="16">
        <v>305</v>
      </c>
      <c r="J269" s="16">
        <v>7866</v>
      </c>
      <c r="K269" s="16">
        <v>259</v>
      </c>
      <c r="L269" s="16">
        <v>308</v>
      </c>
    </row>
    <row r="270" spans="1:12">
      <c r="A270" s="21" t="s">
        <v>232</v>
      </c>
      <c r="B270" s="21" t="s">
        <v>237</v>
      </c>
      <c r="C270" s="21" t="s">
        <v>264</v>
      </c>
      <c r="D270" s="21" t="s">
        <v>535</v>
      </c>
      <c r="E270" s="21" t="s">
        <v>216</v>
      </c>
      <c r="F270" s="21" t="s">
        <v>431</v>
      </c>
      <c r="G270" s="16">
        <v>49090</v>
      </c>
      <c r="H270" s="16">
        <v>6113</v>
      </c>
      <c r="I270" s="16">
        <v>12912</v>
      </c>
      <c r="J270" s="16">
        <v>6497</v>
      </c>
      <c r="K270" s="16">
        <v>20829</v>
      </c>
      <c r="L270" s="16">
        <v>2739</v>
      </c>
    </row>
    <row r="271" spans="1:12">
      <c r="A271" s="21" t="s">
        <v>232</v>
      </c>
      <c r="B271" s="21" t="s">
        <v>237</v>
      </c>
      <c r="C271" s="21" t="s">
        <v>264</v>
      </c>
      <c r="D271" s="21" t="s">
        <v>536</v>
      </c>
      <c r="E271" s="21" t="s">
        <v>216</v>
      </c>
      <c r="F271" s="21" t="s">
        <v>401</v>
      </c>
      <c r="G271" s="16">
        <v>128221</v>
      </c>
      <c r="H271" s="16">
        <v>42305</v>
      </c>
      <c r="I271" s="16">
        <v>6184</v>
      </c>
      <c r="J271" s="16">
        <v>42369</v>
      </c>
      <c r="K271" s="16">
        <v>19971</v>
      </c>
      <c r="L271" s="16">
        <v>17392</v>
      </c>
    </row>
    <row r="272" spans="1:12">
      <c r="A272" s="21" t="s">
        <v>232</v>
      </c>
      <c r="B272" s="21" t="s">
        <v>237</v>
      </c>
      <c r="C272" s="21" t="s">
        <v>264</v>
      </c>
      <c r="D272" s="21" t="s">
        <v>536</v>
      </c>
      <c r="E272" s="21" t="s">
        <v>216</v>
      </c>
      <c r="F272" s="21" t="s">
        <v>514</v>
      </c>
      <c r="G272" s="22" t="s">
        <v>268</v>
      </c>
      <c r="H272" s="22" t="s">
        <v>268</v>
      </c>
      <c r="I272" s="22" t="s">
        <v>268</v>
      </c>
      <c r="J272" s="22" t="s">
        <v>268</v>
      </c>
      <c r="K272" s="22" t="s">
        <v>268</v>
      </c>
      <c r="L272" s="22" t="s">
        <v>268</v>
      </c>
    </row>
    <row r="273" spans="1:12">
      <c r="A273" s="21" t="s">
        <v>232</v>
      </c>
      <c r="B273" s="21" t="s">
        <v>237</v>
      </c>
      <c r="C273" s="21" t="s">
        <v>264</v>
      </c>
      <c r="D273" s="21" t="s">
        <v>536</v>
      </c>
      <c r="E273" s="21" t="s">
        <v>216</v>
      </c>
      <c r="F273" s="21" t="s">
        <v>515</v>
      </c>
      <c r="G273" s="16">
        <v>1763</v>
      </c>
      <c r="H273" s="16">
        <v>1666</v>
      </c>
      <c r="I273" s="16">
        <v>6</v>
      </c>
      <c r="J273" s="16">
        <v>2</v>
      </c>
      <c r="K273" s="16">
        <v>1</v>
      </c>
      <c r="L273" s="16">
        <v>88</v>
      </c>
    </row>
    <row r="274" spans="1:12">
      <c r="A274" s="21" t="s">
        <v>232</v>
      </c>
      <c r="B274" s="21" t="s">
        <v>237</v>
      </c>
      <c r="C274" s="21" t="s">
        <v>264</v>
      </c>
      <c r="D274" s="21" t="s">
        <v>536</v>
      </c>
      <c r="E274" s="21" t="s">
        <v>216</v>
      </c>
      <c r="F274" s="21" t="s">
        <v>516</v>
      </c>
      <c r="G274" s="16">
        <v>8944</v>
      </c>
      <c r="H274" s="16">
        <v>8059</v>
      </c>
      <c r="I274" s="16">
        <v>80</v>
      </c>
      <c r="J274" s="16">
        <v>12</v>
      </c>
      <c r="K274" s="16">
        <v>17</v>
      </c>
      <c r="L274" s="16">
        <v>776</v>
      </c>
    </row>
    <row r="275" spans="1:12">
      <c r="A275" s="21" t="s">
        <v>232</v>
      </c>
      <c r="B275" s="21" t="s">
        <v>237</v>
      </c>
      <c r="C275" s="21" t="s">
        <v>264</v>
      </c>
      <c r="D275" s="21" t="s">
        <v>536</v>
      </c>
      <c r="E275" s="21" t="s">
        <v>216</v>
      </c>
      <c r="F275" s="21" t="s">
        <v>517</v>
      </c>
      <c r="G275" s="16">
        <v>7634</v>
      </c>
      <c r="H275" s="16">
        <v>6225</v>
      </c>
      <c r="I275" s="16">
        <v>374</v>
      </c>
      <c r="J275" s="16">
        <v>11</v>
      </c>
      <c r="K275" s="16">
        <v>120</v>
      </c>
      <c r="L275" s="16">
        <v>904</v>
      </c>
    </row>
    <row r="276" spans="1:12">
      <c r="A276" s="21" t="s">
        <v>232</v>
      </c>
      <c r="B276" s="21" t="s">
        <v>237</v>
      </c>
      <c r="C276" s="21" t="s">
        <v>264</v>
      </c>
      <c r="D276" s="21" t="s">
        <v>536</v>
      </c>
      <c r="E276" s="21" t="s">
        <v>216</v>
      </c>
      <c r="F276" s="21" t="s">
        <v>518</v>
      </c>
      <c r="G276" s="16">
        <v>4961</v>
      </c>
      <c r="H276" s="16">
        <v>3695</v>
      </c>
      <c r="I276" s="16">
        <v>454</v>
      </c>
      <c r="J276" s="16">
        <v>18</v>
      </c>
      <c r="K276" s="16">
        <v>196</v>
      </c>
      <c r="L276" s="16">
        <v>598</v>
      </c>
    </row>
    <row r="277" spans="1:12">
      <c r="A277" s="21" t="s">
        <v>232</v>
      </c>
      <c r="B277" s="21" t="s">
        <v>237</v>
      </c>
      <c r="C277" s="21" t="s">
        <v>264</v>
      </c>
      <c r="D277" s="21" t="s">
        <v>536</v>
      </c>
      <c r="E277" s="21" t="s">
        <v>216</v>
      </c>
      <c r="F277" s="21" t="s">
        <v>519</v>
      </c>
      <c r="G277" s="16">
        <v>3893</v>
      </c>
      <c r="H277" s="16">
        <v>2792</v>
      </c>
      <c r="I277" s="16">
        <v>275</v>
      </c>
      <c r="J277" s="16">
        <v>26</v>
      </c>
      <c r="K277" s="16">
        <v>267</v>
      </c>
      <c r="L277" s="16">
        <v>533</v>
      </c>
    </row>
    <row r="278" spans="1:12">
      <c r="A278" s="21" t="s">
        <v>232</v>
      </c>
      <c r="B278" s="21" t="s">
        <v>237</v>
      </c>
      <c r="C278" s="21" t="s">
        <v>264</v>
      </c>
      <c r="D278" s="21" t="s">
        <v>536</v>
      </c>
      <c r="E278" s="21" t="s">
        <v>216</v>
      </c>
      <c r="F278" s="21" t="s">
        <v>520</v>
      </c>
      <c r="G278" s="16">
        <v>3982</v>
      </c>
      <c r="H278" s="16">
        <v>2622</v>
      </c>
      <c r="I278" s="16">
        <v>258</v>
      </c>
      <c r="J278" s="16">
        <v>49</v>
      </c>
      <c r="K278" s="16">
        <v>546</v>
      </c>
      <c r="L278" s="16">
        <v>507</v>
      </c>
    </row>
    <row r="279" spans="1:12">
      <c r="A279" s="21" t="s">
        <v>232</v>
      </c>
      <c r="B279" s="21" t="s">
        <v>237</v>
      </c>
      <c r="C279" s="21" t="s">
        <v>264</v>
      </c>
      <c r="D279" s="21" t="s">
        <v>536</v>
      </c>
      <c r="E279" s="21" t="s">
        <v>216</v>
      </c>
      <c r="F279" s="21" t="s">
        <v>521</v>
      </c>
      <c r="G279" s="16">
        <v>5012</v>
      </c>
      <c r="H279" s="16">
        <v>2796</v>
      </c>
      <c r="I279" s="16">
        <v>402</v>
      </c>
      <c r="J279" s="16">
        <v>134</v>
      </c>
      <c r="K279" s="16">
        <v>1163</v>
      </c>
      <c r="L279" s="16">
        <v>517</v>
      </c>
    </row>
    <row r="280" spans="1:12">
      <c r="A280" s="21" t="s">
        <v>232</v>
      </c>
      <c r="B280" s="21" t="s">
        <v>237</v>
      </c>
      <c r="C280" s="21" t="s">
        <v>264</v>
      </c>
      <c r="D280" s="21" t="s">
        <v>536</v>
      </c>
      <c r="E280" s="21" t="s">
        <v>216</v>
      </c>
      <c r="F280" s="21" t="s">
        <v>522</v>
      </c>
      <c r="G280" s="16">
        <v>5685</v>
      </c>
      <c r="H280" s="16">
        <v>2427</v>
      </c>
      <c r="I280" s="16">
        <v>649</v>
      </c>
      <c r="J280" s="16">
        <v>309</v>
      </c>
      <c r="K280" s="16">
        <v>1885</v>
      </c>
      <c r="L280" s="16">
        <v>415</v>
      </c>
    </row>
    <row r="281" spans="1:12">
      <c r="A281" s="21" t="s">
        <v>232</v>
      </c>
      <c r="B281" s="21" t="s">
        <v>237</v>
      </c>
      <c r="C281" s="21" t="s">
        <v>264</v>
      </c>
      <c r="D281" s="21" t="s">
        <v>536</v>
      </c>
      <c r="E281" s="21" t="s">
        <v>216</v>
      </c>
      <c r="F281" s="21" t="s">
        <v>523</v>
      </c>
      <c r="G281" s="16">
        <v>6690</v>
      </c>
      <c r="H281" s="16">
        <v>2165</v>
      </c>
      <c r="I281" s="16">
        <v>847</v>
      </c>
      <c r="J281" s="16">
        <v>704</v>
      </c>
      <c r="K281" s="16">
        <v>2518</v>
      </c>
      <c r="L281" s="16">
        <v>456</v>
      </c>
    </row>
    <row r="282" spans="1:12">
      <c r="A282" s="21" t="s">
        <v>232</v>
      </c>
      <c r="B282" s="21" t="s">
        <v>237</v>
      </c>
      <c r="C282" s="21" t="s">
        <v>264</v>
      </c>
      <c r="D282" s="21" t="s">
        <v>536</v>
      </c>
      <c r="E282" s="21" t="s">
        <v>216</v>
      </c>
      <c r="F282" s="21" t="s">
        <v>524</v>
      </c>
      <c r="G282" s="16">
        <v>7857</v>
      </c>
      <c r="H282" s="16">
        <v>2132</v>
      </c>
      <c r="I282" s="16">
        <v>598</v>
      </c>
      <c r="J282" s="16">
        <v>1595</v>
      </c>
      <c r="K282" s="16">
        <v>3107</v>
      </c>
      <c r="L282" s="16">
        <v>425</v>
      </c>
    </row>
    <row r="283" spans="1:12">
      <c r="A283" s="21" t="s">
        <v>232</v>
      </c>
      <c r="B283" s="21" t="s">
        <v>237</v>
      </c>
      <c r="C283" s="21" t="s">
        <v>264</v>
      </c>
      <c r="D283" s="21" t="s">
        <v>536</v>
      </c>
      <c r="E283" s="21" t="s">
        <v>216</v>
      </c>
      <c r="F283" s="21" t="s">
        <v>525</v>
      </c>
      <c r="G283" s="16">
        <v>10160</v>
      </c>
      <c r="H283" s="16">
        <v>2218</v>
      </c>
      <c r="I283" s="16">
        <v>531</v>
      </c>
      <c r="J283" s="16">
        <v>3361</v>
      </c>
      <c r="K283" s="16">
        <v>3546</v>
      </c>
      <c r="L283" s="16">
        <v>504</v>
      </c>
    </row>
    <row r="284" spans="1:12">
      <c r="A284" s="21" t="s">
        <v>232</v>
      </c>
      <c r="B284" s="21" t="s">
        <v>237</v>
      </c>
      <c r="C284" s="21" t="s">
        <v>264</v>
      </c>
      <c r="D284" s="21" t="s">
        <v>536</v>
      </c>
      <c r="E284" s="21" t="s">
        <v>216</v>
      </c>
      <c r="F284" s="21" t="s">
        <v>526</v>
      </c>
      <c r="G284" s="16">
        <v>12607</v>
      </c>
      <c r="H284" s="16">
        <v>2250</v>
      </c>
      <c r="I284" s="16">
        <v>534</v>
      </c>
      <c r="J284" s="16">
        <v>5939</v>
      </c>
      <c r="K284" s="16">
        <v>3274</v>
      </c>
      <c r="L284" s="16">
        <v>610</v>
      </c>
    </row>
    <row r="285" spans="1:12">
      <c r="A285" s="21" t="s">
        <v>232</v>
      </c>
      <c r="B285" s="21" t="s">
        <v>237</v>
      </c>
      <c r="C285" s="21" t="s">
        <v>264</v>
      </c>
      <c r="D285" s="21" t="s">
        <v>536</v>
      </c>
      <c r="E285" s="21" t="s">
        <v>216</v>
      </c>
      <c r="F285" s="21" t="s">
        <v>527</v>
      </c>
      <c r="G285" s="16">
        <v>11907</v>
      </c>
      <c r="H285" s="16">
        <v>1417</v>
      </c>
      <c r="I285" s="16">
        <v>423</v>
      </c>
      <c r="J285" s="16">
        <v>7704</v>
      </c>
      <c r="K285" s="16">
        <v>1757</v>
      </c>
      <c r="L285" s="16">
        <v>606</v>
      </c>
    </row>
    <row r="286" spans="1:12">
      <c r="A286" s="21" t="s">
        <v>232</v>
      </c>
      <c r="B286" s="21" t="s">
        <v>237</v>
      </c>
      <c r="C286" s="21" t="s">
        <v>264</v>
      </c>
      <c r="D286" s="21" t="s">
        <v>536</v>
      </c>
      <c r="E286" s="21" t="s">
        <v>216</v>
      </c>
      <c r="F286" s="21" t="s">
        <v>528</v>
      </c>
      <c r="G286" s="16">
        <v>12422</v>
      </c>
      <c r="H286" s="16">
        <v>935</v>
      </c>
      <c r="I286" s="16">
        <v>392</v>
      </c>
      <c r="J286" s="16">
        <v>9520</v>
      </c>
      <c r="K286" s="16">
        <v>946</v>
      </c>
      <c r="L286" s="16">
        <v>629</v>
      </c>
    </row>
    <row r="287" spans="1:12">
      <c r="A287" s="21" t="s">
        <v>232</v>
      </c>
      <c r="B287" s="21" t="s">
        <v>237</v>
      </c>
      <c r="C287" s="21" t="s">
        <v>264</v>
      </c>
      <c r="D287" s="21" t="s">
        <v>536</v>
      </c>
      <c r="E287" s="21" t="s">
        <v>216</v>
      </c>
      <c r="F287" s="21" t="s">
        <v>529</v>
      </c>
      <c r="G287" s="16">
        <v>10131</v>
      </c>
      <c r="H287" s="16">
        <v>618</v>
      </c>
      <c r="I287" s="16">
        <v>282</v>
      </c>
      <c r="J287" s="16">
        <v>8337</v>
      </c>
      <c r="K287" s="16">
        <v>451</v>
      </c>
      <c r="L287" s="16">
        <v>443</v>
      </c>
    </row>
    <row r="288" spans="1:12">
      <c r="A288" s="21" t="s">
        <v>232</v>
      </c>
      <c r="B288" s="21" t="s">
        <v>237</v>
      </c>
      <c r="C288" s="21" t="s">
        <v>264</v>
      </c>
      <c r="D288" s="21" t="s">
        <v>536</v>
      </c>
      <c r="E288" s="21" t="s">
        <v>216</v>
      </c>
      <c r="F288" s="21" t="s">
        <v>530</v>
      </c>
      <c r="G288" s="16">
        <v>4466</v>
      </c>
      <c r="H288" s="16">
        <v>236</v>
      </c>
      <c r="I288" s="16">
        <v>69</v>
      </c>
      <c r="J288" s="16">
        <v>3805</v>
      </c>
      <c r="K288" s="16">
        <v>153</v>
      </c>
      <c r="L288" s="16">
        <v>203</v>
      </c>
    </row>
    <row r="289" spans="1:12">
      <c r="A289" s="21" t="s">
        <v>232</v>
      </c>
      <c r="B289" s="21" t="s">
        <v>237</v>
      </c>
      <c r="C289" s="21" t="s">
        <v>264</v>
      </c>
      <c r="D289" s="21" t="s">
        <v>536</v>
      </c>
      <c r="E289" s="21" t="s">
        <v>216</v>
      </c>
      <c r="F289" s="21" t="s">
        <v>531</v>
      </c>
      <c r="G289" s="16">
        <v>897</v>
      </c>
      <c r="H289" s="16">
        <v>50</v>
      </c>
      <c r="I289" s="16">
        <v>9</v>
      </c>
      <c r="J289" s="16">
        <v>776</v>
      </c>
      <c r="K289" s="16">
        <v>24</v>
      </c>
      <c r="L289" s="16">
        <v>38</v>
      </c>
    </row>
    <row r="290" spans="1:12">
      <c r="A290" s="21" t="s">
        <v>232</v>
      </c>
      <c r="B290" s="21" t="s">
        <v>237</v>
      </c>
      <c r="C290" s="21" t="s">
        <v>264</v>
      </c>
      <c r="D290" s="21" t="s">
        <v>536</v>
      </c>
      <c r="E290" s="21" t="s">
        <v>216</v>
      </c>
      <c r="F290" s="21" t="s">
        <v>532</v>
      </c>
      <c r="G290" s="16">
        <v>75</v>
      </c>
      <c r="H290" s="16">
        <v>2</v>
      </c>
      <c r="I290" s="16">
        <v>1</v>
      </c>
      <c r="J290" s="16">
        <v>67</v>
      </c>
      <c r="K290" s="22" t="s">
        <v>268</v>
      </c>
      <c r="L290" s="16">
        <v>5</v>
      </c>
    </row>
    <row r="291" spans="1:12">
      <c r="A291" s="21" t="s">
        <v>232</v>
      </c>
      <c r="B291" s="21" t="s">
        <v>237</v>
      </c>
      <c r="C291" s="21" t="s">
        <v>264</v>
      </c>
      <c r="D291" s="21" t="s">
        <v>536</v>
      </c>
      <c r="E291" s="21" t="s">
        <v>216</v>
      </c>
      <c r="F291" s="21" t="s">
        <v>533</v>
      </c>
      <c r="G291" s="16">
        <v>9135</v>
      </c>
      <c r="H291" s="22" t="s">
        <v>268</v>
      </c>
      <c r="I291" s="22" t="s">
        <v>268</v>
      </c>
      <c r="J291" s="22" t="s">
        <v>268</v>
      </c>
      <c r="K291" s="22" t="s">
        <v>268</v>
      </c>
      <c r="L291" s="16">
        <v>9135</v>
      </c>
    </row>
    <row r="292" spans="1:12">
      <c r="A292" s="21" t="s">
        <v>232</v>
      </c>
      <c r="B292" s="21" t="s">
        <v>237</v>
      </c>
      <c r="C292" s="21" t="s">
        <v>264</v>
      </c>
      <c r="D292" s="21" t="s">
        <v>536</v>
      </c>
      <c r="E292" s="21" t="s">
        <v>216</v>
      </c>
      <c r="F292" s="21" t="s">
        <v>461</v>
      </c>
      <c r="G292" s="16">
        <v>56421</v>
      </c>
      <c r="H292" s="16">
        <v>34579</v>
      </c>
      <c r="I292" s="16">
        <v>3943</v>
      </c>
      <c r="J292" s="16">
        <v>2860</v>
      </c>
      <c r="K292" s="16">
        <v>9820</v>
      </c>
      <c r="L292" s="16">
        <v>5219</v>
      </c>
    </row>
    <row r="293" spans="1:12">
      <c r="A293" s="21" t="s">
        <v>232</v>
      </c>
      <c r="B293" s="21" t="s">
        <v>237</v>
      </c>
      <c r="C293" s="21" t="s">
        <v>264</v>
      </c>
      <c r="D293" s="21" t="s">
        <v>536</v>
      </c>
      <c r="E293" s="21" t="s">
        <v>216</v>
      </c>
      <c r="F293" s="21" t="s">
        <v>462</v>
      </c>
      <c r="G293" s="16">
        <v>62665</v>
      </c>
      <c r="H293" s="16">
        <v>7726</v>
      </c>
      <c r="I293" s="16">
        <v>2241</v>
      </c>
      <c r="J293" s="16">
        <v>39509</v>
      </c>
      <c r="K293" s="16">
        <v>10151</v>
      </c>
      <c r="L293" s="16">
        <v>3038</v>
      </c>
    </row>
    <row r="294" spans="1:12">
      <c r="A294" s="21" t="s">
        <v>232</v>
      </c>
      <c r="B294" s="21" t="s">
        <v>237</v>
      </c>
      <c r="C294" s="21" t="s">
        <v>264</v>
      </c>
      <c r="D294" s="21" t="s">
        <v>536</v>
      </c>
      <c r="E294" s="21" t="s">
        <v>216</v>
      </c>
      <c r="F294" s="21" t="s">
        <v>463</v>
      </c>
      <c r="G294" s="16">
        <v>39898</v>
      </c>
      <c r="H294" s="16">
        <v>3258</v>
      </c>
      <c r="I294" s="16">
        <v>1176</v>
      </c>
      <c r="J294" s="16">
        <v>30209</v>
      </c>
      <c r="K294" s="16">
        <v>3331</v>
      </c>
      <c r="L294" s="16">
        <v>1924</v>
      </c>
    </row>
    <row r="295" spans="1:12">
      <c r="A295" s="21" t="s">
        <v>232</v>
      </c>
      <c r="B295" s="21" t="s">
        <v>237</v>
      </c>
      <c r="C295" s="21" t="s">
        <v>264</v>
      </c>
      <c r="D295" s="21" t="s">
        <v>536</v>
      </c>
      <c r="E295" s="21" t="s">
        <v>216</v>
      </c>
      <c r="F295" s="21" t="s">
        <v>464</v>
      </c>
      <c r="G295" s="16">
        <v>15569</v>
      </c>
      <c r="H295" s="16">
        <v>906</v>
      </c>
      <c r="I295" s="16">
        <v>361</v>
      </c>
      <c r="J295" s="16">
        <v>12985</v>
      </c>
      <c r="K295" s="16">
        <v>628</v>
      </c>
      <c r="L295" s="16">
        <v>689</v>
      </c>
    </row>
    <row r="296" spans="1:12">
      <c r="A296" s="21" t="s">
        <v>232</v>
      </c>
      <c r="B296" s="21" t="s">
        <v>237</v>
      </c>
      <c r="C296" s="21" t="s">
        <v>264</v>
      </c>
      <c r="D296" s="21" t="s">
        <v>536</v>
      </c>
      <c r="E296" s="21" t="s">
        <v>216</v>
      </c>
      <c r="F296" s="21" t="s">
        <v>431</v>
      </c>
      <c r="G296" s="16">
        <v>64818</v>
      </c>
      <c r="H296" s="16">
        <v>35131</v>
      </c>
      <c r="I296" s="16">
        <v>4468</v>
      </c>
      <c r="J296" s="16">
        <v>6219</v>
      </c>
      <c r="K296" s="16">
        <v>13365</v>
      </c>
      <c r="L296" s="16">
        <v>5635</v>
      </c>
    </row>
    <row r="297" spans="1:12">
      <c r="A297" s="21" t="s">
        <v>232</v>
      </c>
      <c r="B297" s="21" t="s">
        <v>237</v>
      </c>
      <c r="C297" s="21" t="s">
        <v>264</v>
      </c>
      <c r="D297" s="21" t="s">
        <v>218</v>
      </c>
      <c r="E297" s="21" t="s">
        <v>216</v>
      </c>
      <c r="F297" s="21" t="s">
        <v>401</v>
      </c>
      <c r="G297" s="16">
        <v>37622</v>
      </c>
      <c r="H297" s="16">
        <v>7636</v>
      </c>
      <c r="I297" s="16">
        <v>3799</v>
      </c>
      <c r="J297" s="16">
        <v>20221</v>
      </c>
      <c r="K297" s="16">
        <v>1874</v>
      </c>
      <c r="L297" s="16">
        <v>4092</v>
      </c>
    </row>
    <row r="298" spans="1:12">
      <c r="A298" s="21" t="s">
        <v>232</v>
      </c>
      <c r="B298" s="21" t="s">
        <v>237</v>
      </c>
      <c r="C298" s="21" t="s">
        <v>264</v>
      </c>
      <c r="D298" s="21" t="s">
        <v>218</v>
      </c>
      <c r="E298" s="21" t="s">
        <v>216</v>
      </c>
      <c r="F298" s="21" t="s">
        <v>514</v>
      </c>
      <c r="G298" s="16">
        <v>319</v>
      </c>
      <c r="H298" s="16">
        <v>319</v>
      </c>
      <c r="I298" s="22" t="s">
        <v>268</v>
      </c>
      <c r="J298" s="22" t="s">
        <v>268</v>
      </c>
      <c r="K298" s="22" t="s">
        <v>268</v>
      </c>
      <c r="L298" s="22" t="s">
        <v>268</v>
      </c>
    </row>
    <row r="299" spans="1:12">
      <c r="A299" s="21" t="s">
        <v>232</v>
      </c>
      <c r="B299" s="21" t="s">
        <v>237</v>
      </c>
      <c r="C299" s="21" t="s">
        <v>264</v>
      </c>
      <c r="D299" s="21" t="s">
        <v>218</v>
      </c>
      <c r="E299" s="21" t="s">
        <v>216</v>
      </c>
      <c r="F299" s="21" t="s">
        <v>515</v>
      </c>
      <c r="G299" s="16">
        <v>1559</v>
      </c>
      <c r="H299" s="16">
        <v>1554</v>
      </c>
      <c r="I299" s="22" t="s">
        <v>268</v>
      </c>
      <c r="J299" s="22" t="s">
        <v>268</v>
      </c>
      <c r="K299" s="22" t="s">
        <v>268</v>
      </c>
      <c r="L299" s="16">
        <v>5</v>
      </c>
    </row>
    <row r="300" spans="1:12">
      <c r="A300" s="21" t="s">
        <v>232</v>
      </c>
      <c r="B300" s="21" t="s">
        <v>237</v>
      </c>
      <c r="C300" s="21" t="s">
        <v>264</v>
      </c>
      <c r="D300" s="21" t="s">
        <v>218</v>
      </c>
      <c r="E300" s="21" t="s">
        <v>216</v>
      </c>
      <c r="F300" s="21" t="s">
        <v>516</v>
      </c>
      <c r="G300" s="16">
        <v>413</v>
      </c>
      <c r="H300" s="16">
        <v>404</v>
      </c>
      <c r="I300" s="22" t="s">
        <v>268</v>
      </c>
      <c r="J300" s="16">
        <v>1</v>
      </c>
      <c r="K300" s="16">
        <v>1</v>
      </c>
      <c r="L300" s="16">
        <v>7</v>
      </c>
    </row>
    <row r="301" spans="1:12">
      <c r="A301" s="21" t="s">
        <v>232</v>
      </c>
      <c r="B301" s="21" t="s">
        <v>237</v>
      </c>
      <c r="C301" s="21" t="s">
        <v>264</v>
      </c>
      <c r="D301" s="21" t="s">
        <v>218</v>
      </c>
      <c r="E301" s="21" t="s">
        <v>216</v>
      </c>
      <c r="F301" s="21" t="s">
        <v>517</v>
      </c>
      <c r="G301" s="16">
        <v>181</v>
      </c>
      <c r="H301" s="16">
        <v>169</v>
      </c>
      <c r="I301" s="16">
        <v>6</v>
      </c>
      <c r="J301" s="16">
        <v>1</v>
      </c>
      <c r="K301" s="22" t="s">
        <v>268</v>
      </c>
      <c r="L301" s="16">
        <v>5</v>
      </c>
    </row>
    <row r="302" spans="1:12">
      <c r="A302" s="21" t="s">
        <v>232</v>
      </c>
      <c r="B302" s="21" t="s">
        <v>237</v>
      </c>
      <c r="C302" s="21" t="s">
        <v>264</v>
      </c>
      <c r="D302" s="21" t="s">
        <v>218</v>
      </c>
      <c r="E302" s="21" t="s">
        <v>216</v>
      </c>
      <c r="F302" s="21" t="s">
        <v>518</v>
      </c>
      <c r="G302" s="16">
        <v>161</v>
      </c>
      <c r="H302" s="16">
        <v>144</v>
      </c>
      <c r="I302" s="16">
        <v>7</v>
      </c>
      <c r="J302" s="16">
        <v>1</v>
      </c>
      <c r="K302" s="16">
        <v>3</v>
      </c>
      <c r="L302" s="16">
        <v>6</v>
      </c>
    </row>
    <row r="303" spans="1:12">
      <c r="A303" s="21" t="s">
        <v>232</v>
      </c>
      <c r="B303" s="21" t="s">
        <v>237</v>
      </c>
      <c r="C303" s="21" t="s">
        <v>264</v>
      </c>
      <c r="D303" s="21" t="s">
        <v>218</v>
      </c>
      <c r="E303" s="21" t="s">
        <v>216</v>
      </c>
      <c r="F303" s="21" t="s">
        <v>519</v>
      </c>
      <c r="G303" s="16">
        <v>199</v>
      </c>
      <c r="H303" s="16">
        <v>176</v>
      </c>
      <c r="I303" s="16">
        <v>3</v>
      </c>
      <c r="J303" s="22" t="s">
        <v>268</v>
      </c>
      <c r="K303" s="16">
        <v>8</v>
      </c>
      <c r="L303" s="16">
        <v>12</v>
      </c>
    </row>
    <row r="304" spans="1:12">
      <c r="A304" s="21" t="s">
        <v>232</v>
      </c>
      <c r="B304" s="21" t="s">
        <v>237</v>
      </c>
      <c r="C304" s="21" t="s">
        <v>264</v>
      </c>
      <c r="D304" s="21" t="s">
        <v>218</v>
      </c>
      <c r="E304" s="21" t="s">
        <v>216</v>
      </c>
      <c r="F304" s="21" t="s">
        <v>520</v>
      </c>
      <c r="G304" s="16">
        <v>225</v>
      </c>
      <c r="H304" s="16">
        <v>191</v>
      </c>
      <c r="I304" s="16">
        <v>8</v>
      </c>
      <c r="J304" s="16">
        <v>2</v>
      </c>
      <c r="K304" s="16">
        <v>15</v>
      </c>
      <c r="L304" s="16">
        <v>9</v>
      </c>
    </row>
    <row r="305" spans="1:12">
      <c r="A305" s="21" t="s">
        <v>232</v>
      </c>
      <c r="B305" s="21" t="s">
        <v>237</v>
      </c>
      <c r="C305" s="21" t="s">
        <v>264</v>
      </c>
      <c r="D305" s="21" t="s">
        <v>218</v>
      </c>
      <c r="E305" s="21" t="s">
        <v>216</v>
      </c>
      <c r="F305" s="21" t="s">
        <v>521</v>
      </c>
      <c r="G305" s="16">
        <v>312</v>
      </c>
      <c r="H305" s="16">
        <v>258</v>
      </c>
      <c r="I305" s="16">
        <v>15</v>
      </c>
      <c r="J305" s="16">
        <v>4</v>
      </c>
      <c r="K305" s="16">
        <v>23</v>
      </c>
      <c r="L305" s="16">
        <v>12</v>
      </c>
    </row>
    <row r="306" spans="1:12">
      <c r="A306" s="21" t="s">
        <v>232</v>
      </c>
      <c r="B306" s="21" t="s">
        <v>237</v>
      </c>
      <c r="C306" s="21" t="s">
        <v>264</v>
      </c>
      <c r="D306" s="21" t="s">
        <v>218</v>
      </c>
      <c r="E306" s="21" t="s">
        <v>216</v>
      </c>
      <c r="F306" s="21" t="s">
        <v>522</v>
      </c>
      <c r="G306" s="16">
        <v>361</v>
      </c>
      <c r="H306" s="16">
        <v>265</v>
      </c>
      <c r="I306" s="16">
        <v>24</v>
      </c>
      <c r="J306" s="16">
        <v>4</v>
      </c>
      <c r="K306" s="16">
        <v>43</v>
      </c>
      <c r="L306" s="16">
        <v>25</v>
      </c>
    </row>
    <row r="307" spans="1:12">
      <c r="A307" s="21" t="s">
        <v>232</v>
      </c>
      <c r="B307" s="21" t="s">
        <v>237</v>
      </c>
      <c r="C307" s="21" t="s">
        <v>264</v>
      </c>
      <c r="D307" s="21" t="s">
        <v>218</v>
      </c>
      <c r="E307" s="21" t="s">
        <v>216</v>
      </c>
      <c r="F307" s="21" t="s">
        <v>523</v>
      </c>
      <c r="G307" s="16">
        <v>445</v>
      </c>
      <c r="H307" s="16">
        <v>299</v>
      </c>
      <c r="I307" s="16">
        <v>33</v>
      </c>
      <c r="J307" s="16">
        <v>21</v>
      </c>
      <c r="K307" s="16">
        <v>60</v>
      </c>
      <c r="L307" s="16">
        <v>32</v>
      </c>
    </row>
    <row r="308" spans="1:12">
      <c r="A308" s="21" t="s">
        <v>232</v>
      </c>
      <c r="B308" s="21" t="s">
        <v>237</v>
      </c>
      <c r="C308" s="21" t="s">
        <v>264</v>
      </c>
      <c r="D308" s="21" t="s">
        <v>218</v>
      </c>
      <c r="E308" s="21" t="s">
        <v>216</v>
      </c>
      <c r="F308" s="21" t="s">
        <v>524</v>
      </c>
      <c r="G308" s="16">
        <v>678</v>
      </c>
      <c r="H308" s="16">
        <v>391</v>
      </c>
      <c r="I308" s="16">
        <v>83</v>
      </c>
      <c r="J308" s="16">
        <v>45</v>
      </c>
      <c r="K308" s="16">
        <v>108</v>
      </c>
      <c r="L308" s="16">
        <v>51</v>
      </c>
    </row>
    <row r="309" spans="1:12">
      <c r="A309" s="21" t="s">
        <v>232</v>
      </c>
      <c r="B309" s="21" t="s">
        <v>237</v>
      </c>
      <c r="C309" s="21" t="s">
        <v>264</v>
      </c>
      <c r="D309" s="21" t="s">
        <v>218</v>
      </c>
      <c r="E309" s="21" t="s">
        <v>216</v>
      </c>
      <c r="F309" s="21" t="s">
        <v>525</v>
      </c>
      <c r="G309" s="16">
        <v>1069</v>
      </c>
      <c r="H309" s="16">
        <v>533</v>
      </c>
      <c r="I309" s="16">
        <v>178</v>
      </c>
      <c r="J309" s="16">
        <v>90</v>
      </c>
      <c r="K309" s="16">
        <v>180</v>
      </c>
      <c r="L309" s="16">
        <v>88</v>
      </c>
    </row>
    <row r="310" spans="1:12">
      <c r="A310" s="21" t="s">
        <v>232</v>
      </c>
      <c r="B310" s="21" t="s">
        <v>237</v>
      </c>
      <c r="C310" s="21" t="s">
        <v>264</v>
      </c>
      <c r="D310" s="21" t="s">
        <v>218</v>
      </c>
      <c r="E310" s="21" t="s">
        <v>216</v>
      </c>
      <c r="F310" s="21" t="s">
        <v>526</v>
      </c>
      <c r="G310" s="16">
        <v>1496</v>
      </c>
      <c r="H310" s="16">
        <v>505</v>
      </c>
      <c r="I310" s="16">
        <v>294</v>
      </c>
      <c r="J310" s="16">
        <v>307</v>
      </c>
      <c r="K310" s="16">
        <v>246</v>
      </c>
      <c r="L310" s="16">
        <v>144</v>
      </c>
    </row>
    <row r="311" spans="1:12">
      <c r="A311" s="21" t="s">
        <v>232</v>
      </c>
      <c r="B311" s="21" t="s">
        <v>237</v>
      </c>
      <c r="C311" s="21" t="s">
        <v>264</v>
      </c>
      <c r="D311" s="21" t="s">
        <v>218</v>
      </c>
      <c r="E311" s="21" t="s">
        <v>216</v>
      </c>
      <c r="F311" s="21" t="s">
        <v>527</v>
      </c>
      <c r="G311" s="16">
        <v>2339</v>
      </c>
      <c r="H311" s="16">
        <v>427</v>
      </c>
      <c r="I311" s="16">
        <v>556</v>
      </c>
      <c r="J311" s="16">
        <v>846</v>
      </c>
      <c r="K311" s="16">
        <v>264</v>
      </c>
      <c r="L311" s="16">
        <v>246</v>
      </c>
    </row>
    <row r="312" spans="1:12">
      <c r="A312" s="21" t="s">
        <v>232</v>
      </c>
      <c r="B312" s="21" t="s">
        <v>237</v>
      </c>
      <c r="C312" s="21" t="s">
        <v>264</v>
      </c>
      <c r="D312" s="21" t="s">
        <v>218</v>
      </c>
      <c r="E312" s="21" t="s">
        <v>216</v>
      </c>
      <c r="F312" s="21" t="s">
        <v>528</v>
      </c>
      <c r="G312" s="16">
        <v>4832</v>
      </c>
      <c r="H312" s="16">
        <v>569</v>
      </c>
      <c r="I312" s="16">
        <v>861</v>
      </c>
      <c r="J312" s="16">
        <v>2547</v>
      </c>
      <c r="K312" s="16">
        <v>318</v>
      </c>
      <c r="L312" s="16">
        <v>537</v>
      </c>
    </row>
    <row r="313" spans="1:12">
      <c r="A313" s="21" t="s">
        <v>232</v>
      </c>
      <c r="B313" s="21" t="s">
        <v>237</v>
      </c>
      <c r="C313" s="21" t="s">
        <v>264</v>
      </c>
      <c r="D313" s="21" t="s">
        <v>218</v>
      </c>
      <c r="E313" s="21" t="s">
        <v>216</v>
      </c>
      <c r="F313" s="21" t="s">
        <v>529</v>
      </c>
      <c r="G313" s="16">
        <v>8522</v>
      </c>
      <c r="H313" s="16">
        <v>613</v>
      </c>
      <c r="I313" s="16">
        <v>1086</v>
      </c>
      <c r="J313" s="16">
        <v>5551</v>
      </c>
      <c r="K313" s="16">
        <v>315</v>
      </c>
      <c r="L313" s="16">
        <v>957</v>
      </c>
    </row>
    <row r="314" spans="1:12">
      <c r="A314" s="21" t="s">
        <v>232</v>
      </c>
      <c r="B314" s="21" t="s">
        <v>237</v>
      </c>
      <c r="C314" s="21" t="s">
        <v>264</v>
      </c>
      <c r="D314" s="21" t="s">
        <v>218</v>
      </c>
      <c r="E314" s="21" t="s">
        <v>216</v>
      </c>
      <c r="F314" s="21" t="s">
        <v>530</v>
      </c>
      <c r="G314" s="16">
        <v>8723</v>
      </c>
      <c r="H314" s="16">
        <v>545</v>
      </c>
      <c r="I314" s="16">
        <v>511</v>
      </c>
      <c r="J314" s="16">
        <v>6468</v>
      </c>
      <c r="K314" s="16">
        <v>199</v>
      </c>
      <c r="L314" s="16">
        <v>1000</v>
      </c>
    </row>
    <row r="315" spans="1:12">
      <c r="A315" s="21" t="s">
        <v>232</v>
      </c>
      <c r="B315" s="21" t="s">
        <v>237</v>
      </c>
      <c r="C315" s="21" t="s">
        <v>264</v>
      </c>
      <c r="D315" s="21" t="s">
        <v>218</v>
      </c>
      <c r="E315" s="21" t="s">
        <v>216</v>
      </c>
      <c r="F315" s="21" t="s">
        <v>531</v>
      </c>
      <c r="G315" s="16">
        <v>4429</v>
      </c>
      <c r="H315" s="16">
        <v>246</v>
      </c>
      <c r="I315" s="16">
        <v>122</v>
      </c>
      <c r="J315" s="16">
        <v>3509</v>
      </c>
      <c r="K315" s="16">
        <v>77</v>
      </c>
      <c r="L315" s="16">
        <v>475</v>
      </c>
    </row>
    <row r="316" spans="1:12">
      <c r="A316" s="21" t="s">
        <v>232</v>
      </c>
      <c r="B316" s="21" t="s">
        <v>237</v>
      </c>
      <c r="C316" s="21" t="s">
        <v>264</v>
      </c>
      <c r="D316" s="21" t="s">
        <v>218</v>
      </c>
      <c r="E316" s="21" t="s">
        <v>216</v>
      </c>
      <c r="F316" s="21" t="s">
        <v>532</v>
      </c>
      <c r="G316" s="16">
        <v>986</v>
      </c>
      <c r="H316" s="16">
        <v>28</v>
      </c>
      <c r="I316" s="16">
        <v>12</v>
      </c>
      <c r="J316" s="16">
        <v>824</v>
      </c>
      <c r="K316" s="16">
        <v>14</v>
      </c>
      <c r="L316" s="16">
        <v>108</v>
      </c>
    </row>
    <row r="317" spans="1:12">
      <c r="A317" s="21" t="s">
        <v>232</v>
      </c>
      <c r="B317" s="21" t="s">
        <v>237</v>
      </c>
      <c r="C317" s="21" t="s">
        <v>264</v>
      </c>
      <c r="D317" s="21" t="s">
        <v>218</v>
      </c>
      <c r="E317" s="21" t="s">
        <v>216</v>
      </c>
      <c r="F317" s="21" t="s">
        <v>533</v>
      </c>
      <c r="G317" s="16">
        <v>373</v>
      </c>
      <c r="H317" s="22" t="s">
        <v>268</v>
      </c>
      <c r="I317" s="22" t="s">
        <v>268</v>
      </c>
      <c r="J317" s="22" t="s">
        <v>268</v>
      </c>
      <c r="K317" s="22" t="s">
        <v>268</v>
      </c>
      <c r="L317" s="16">
        <v>373</v>
      </c>
    </row>
    <row r="318" spans="1:12">
      <c r="A318" s="21" t="s">
        <v>232</v>
      </c>
      <c r="B318" s="21" t="s">
        <v>237</v>
      </c>
      <c r="C318" s="21" t="s">
        <v>264</v>
      </c>
      <c r="D318" s="21" t="s">
        <v>218</v>
      </c>
      <c r="E318" s="21" t="s">
        <v>216</v>
      </c>
      <c r="F318" s="21" t="s">
        <v>461</v>
      </c>
      <c r="G318" s="16">
        <v>4534</v>
      </c>
      <c r="H318" s="16">
        <v>3851</v>
      </c>
      <c r="I318" s="16">
        <v>179</v>
      </c>
      <c r="J318" s="16">
        <v>79</v>
      </c>
      <c r="K318" s="16">
        <v>261</v>
      </c>
      <c r="L318" s="16">
        <v>164</v>
      </c>
    </row>
    <row r="319" spans="1:12">
      <c r="A319" s="21" t="s">
        <v>232</v>
      </c>
      <c r="B319" s="21" t="s">
        <v>237</v>
      </c>
      <c r="C319" s="21" t="s">
        <v>264</v>
      </c>
      <c r="D319" s="21" t="s">
        <v>218</v>
      </c>
      <c r="E319" s="21" t="s">
        <v>216</v>
      </c>
      <c r="F319" s="21" t="s">
        <v>462</v>
      </c>
      <c r="G319" s="16">
        <v>32396</v>
      </c>
      <c r="H319" s="16">
        <v>3466</v>
      </c>
      <c r="I319" s="16">
        <v>3620</v>
      </c>
      <c r="J319" s="16">
        <v>20142</v>
      </c>
      <c r="K319" s="16">
        <v>1613</v>
      </c>
      <c r="L319" s="16">
        <v>3555</v>
      </c>
    </row>
    <row r="320" spans="1:12">
      <c r="A320" s="21" t="s">
        <v>232</v>
      </c>
      <c r="B320" s="21" t="s">
        <v>237</v>
      </c>
      <c r="C320" s="21" t="s">
        <v>264</v>
      </c>
      <c r="D320" s="21" t="s">
        <v>218</v>
      </c>
      <c r="E320" s="21" t="s">
        <v>216</v>
      </c>
      <c r="F320" s="21" t="s">
        <v>463</v>
      </c>
      <c r="G320" s="16">
        <v>29831</v>
      </c>
      <c r="H320" s="16">
        <v>2428</v>
      </c>
      <c r="I320" s="16">
        <v>3148</v>
      </c>
      <c r="J320" s="16">
        <v>19745</v>
      </c>
      <c r="K320" s="16">
        <v>1187</v>
      </c>
      <c r="L320" s="16">
        <v>3323</v>
      </c>
    </row>
    <row r="321" spans="1:12">
      <c r="A321" s="21" t="s">
        <v>232</v>
      </c>
      <c r="B321" s="21" t="s">
        <v>237</v>
      </c>
      <c r="C321" s="21" t="s">
        <v>264</v>
      </c>
      <c r="D321" s="21" t="s">
        <v>218</v>
      </c>
      <c r="E321" s="21" t="s">
        <v>216</v>
      </c>
      <c r="F321" s="21" t="s">
        <v>464</v>
      </c>
      <c r="G321" s="16">
        <v>22660</v>
      </c>
      <c r="H321" s="16">
        <v>1432</v>
      </c>
      <c r="I321" s="16">
        <v>1731</v>
      </c>
      <c r="J321" s="16">
        <v>16352</v>
      </c>
      <c r="K321" s="16">
        <v>605</v>
      </c>
      <c r="L321" s="16">
        <v>2540</v>
      </c>
    </row>
    <row r="322" spans="1:12">
      <c r="A322" s="21" t="s">
        <v>232</v>
      </c>
      <c r="B322" s="21" t="s">
        <v>237</v>
      </c>
      <c r="C322" s="21" t="s">
        <v>264</v>
      </c>
      <c r="D322" s="21" t="s">
        <v>218</v>
      </c>
      <c r="E322" s="21" t="s">
        <v>216</v>
      </c>
      <c r="F322" s="21" t="s">
        <v>431</v>
      </c>
      <c r="G322" s="16">
        <v>4044</v>
      </c>
      <c r="H322" s="16">
        <v>2830</v>
      </c>
      <c r="I322" s="16">
        <v>357</v>
      </c>
      <c r="J322" s="16">
        <v>169</v>
      </c>
      <c r="K322" s="16">
        <v>441</v>
      </c>
      <c r="L322" s="16">
        <v>247</v>
      </c>
    </row>
    <row r="323" spans="1:12">
      <c r="A323" s="21" t="s">
        <v>240</v>
      </c>
      <c r="B323" s="21" t="s">
        <v>237</v>
      </c>
      <c r="C323" s="21" t="s">
        <v>265</v>
      </c>
      <c r="D323" s="21" t="s">
        <v>214</v>
      </c>
      <c r="E323" s="21" t="s">
        <v>216</v>
      </c>
      <c r="F323" s="21" t="s">
        <v>401</v>
      </c>
      <c r="G323" s="16">
        <v>65769</v>
      </c>
      <c r="H323" s="16">
        <v>18883</v>
      </c>
      <c r="I323" s="16">
        <v>30122</v>
      </c>
      <c r="J323" s="16">
        <v>10154</v>
      </c>
      <c r="K323" s="16">
        <v>4996</v>
      </c>
      <c r="L323" s="16">
        <v>1614</v>
      </c>
    </row>
    <row r="324" spans="1:12">
      <c r="A324" s="21" t="s">
        <v>240</v>
      </c>
      <c r="B324" s="21" t="s">
        <v>237</v>
      </c>
      <c r="C324" s="21" t="s">
        <v>265</v>
      </c>
      <c r="D324" s="21" t="s">
        <v>214</v>
      </c>
      <c r="E324" s="21" t="s">
        <v>216</v>
      </c>
      <c r="F324" s="21" t="s">
        <v>514</v>
      </c>
      <c r="G324" s="16">
        <v>7192</v>
      </c>
      <c r="H324" s="16">
        <v>7192</v>
      </c>
      <c r="I324" s="22" t="s">
        <v>268</v>
      </c>
      <c r="J324" s="22" t="s">
        <v>268</v>
      </c>
      <c r="K324" s="22" t="s">
        <v>268</v>
      </c>
      <c r="L324" s="22" t="s">
        <v>268</v>
      </c>
    </row>
    <row r="325" spans="1:12">
      <c r="A325" s="21" t="s">
        <v>240</v>
      </c>
      <c r="B325" s="21" t="s">
        <v>237</v>
      </c>
      <c r="C325" s="21" t="s">
        <v>265</v>
      </c>
      <c r="D325" s="21" t="s">
        <v>214</v>
      </c>
      <c r="E325" s="21" t="s">
        <v>216</v>
      </c>
      <c r="F325" s="21" t="s">
        <v>515</v>
      </c>
      <c r="G325" s="16">
        <v>2791</v>
      </c>
      <c r="H325" s="16">
        <v>2770</v>
      </c>
      <c r="I325" s="16">
        <v>14</v>
      </c>
      <c r="J325" s="22" t="s">
        <v>268</v>
      </c>
      <c r="K325" s="16">
        <v>4</v>
      </c>
      <c r="L325" s="16">
        <v>3</v>
      </c>
    </row>
    <row r="326" spans="1:12">
      <c r="A326" s="21" t="s">
        <v>240</v>
      </c>
      <c r="B326" s="21" t="s">
        <v>237</v>
      </c>
      <c r="C326" s="21" t="s">
        <v>265</v>
      </c>
      <c r="D326" s="21" t="s">
        <v>214</v>
      </c>
      <c r="E326" s="21" t="s">
        <v>216</v>
      </c>
      <c r="F326" s="21" t="s">
        <v>516</v>
      </c>
      <c r="G326" s="16">
        <v>2367</v>
      </c>
      <c r="H326" s="16">
        <v>2036</v>
      </c>
      <c r="I326" s="16">
        <v>239</v>
      </c>
      <c r="J326" s="16">
        <v>1</v>
      </c>
      <c r="K326" s="16">
        <v>31</v>
      </c>
      <c r="L326" s="16">
        <v>60</v>
      </c>
    </row>
    <row r="327" spans="1:12">
      <c r="A327" s="21" t="s">
        <v>240</v>
      </c>
      <c r="B327" s="21" t="s">
        <v>237</v>
      </c>
      <c r="C327" s="21" t="s">
        <v>265</v>
      </c>
      <c r="D327" s="21" t="s">
        <v>214</v>
      </c>
      <c r="E327" s="21" t="s">
        <v>216</v>
      </c>
      <c r="F327" s="21" t="s">
        <v>517</v>
      </c>
      <c r="G327" s="16">
        <v>2530</v>
      </c>
      <c r="H327" s="16">
        <v>1430</v>
      </c>
      <c r="I327" s="16">
        <v>893</v>
      </c>
      <c r="J327" s="16">
        <v>3</v>
      </c>
      <c r="K327" s="16">
        <v>117</v>
      </c>
      <c r="L327" s="16">
        <v>87</v>
      </c>
    </row>
    <row r="328" spans="1:12">
      <c r="A328" s="21" t="s">
        <v>240</v>
      </c>
      <c r="B328" s="21" t="s">
        <v>237</v>
      </c>
      <c r="C328" s="21" t="s">
        <v>265</v>
      </c>
      <c r="D328" s="21" t="s">
        <v>214</v>
      </c>
      <c r="E328" s="21" t="s">
        <v>216</v>
      </c>
      <c r="F328" s="21" t="s">
        <v>518</v>
      </c>
      <c r="G328" s="16">
        <v>2911</v>
      </c>
      <c r="H328" s="16">
        <v>944</v>
      </c>
      <c r="I328" s="16">
        <v>1673</v>
      </c>
      <c r="J328" s="16">
        <v>11</v>
      </c>
      <c r="K328" s="16">
        <v>212</v>
      </c>
      <c r="L328" s="16">
        <v>71</v>
      </c>
    </row>
    <row r="329" spans="1:12">
      <c r="A329" s="21" t="s">
        <v>240</v>
      </c>
      <c r="B329" s="21" t="s">
        <v>237</v>
      </c>
      <c r="C329" s="21" t="s">
        <v>265</v>
      </c>
      <c r="D329" s="21" t="s">
        <v>214</v>
      </c>
      <c r="E329" s="21" t="s">
        <v>216</v>
      </c>
      <c r="F329" s="21" t="s">
        <v>519</v>
      </c>
      <c r="G329" s="16">
        <v>3264</v>
      </c>
      <c r="H329" s="16">
        <v>770</v>
      </c>
      <c r="I329" s="16">
        <v>2063</v>
      </c>
      <c r="J329" s="16">
        <v>20</v>
      </c>
      <c r="K329" s="16">
        <v>342</v>
      </c>
      <c r="L329" s="16">
        <v>69</v>
      </c>
    </row>
    <row r="330" spans="1:12">
      <c r="A330" s="21" t="s">
        <v>240</v>
      </c>
      <c r="B330" s="21" t="s">
        <v>237</v>
      </c>
      <c r="C330" s="21" t="s">
        <v>265</v>
      </c>
      <c r="D330" s="21" t="s">
        <v>214</v>
      </c>
      <c r="E330" s="21" t="s">
        <v>216</v>
      </c>
      <c r="F330" s="21" t="s">
        <v>520</v>
      </c>
      <c r="G330" s="16">
        <v>3510</v>
      </c>
      <c r="H330" s="16">
        <v>642</v>
      </c>
      <c r="I330" s="16">
        <v>2299</v>
      </c>
      <c r="J330" s="16">
        <v>31</v>
      </c>
      <c r="K330" s="16">
        <v>461</v>
      </c>
      <c r="L330" s="16">
        <v>77</v>
      </c>
    </row>
    <row r="331" spans="1:12">
      <c r="A331" s="21" t="s">
        <v>240</v>
      </c>
      <c r="B331" s="21" t="s">
        <v>237</v>
      </c>
      <c r="C331" s="21" t="s">
        <v>265</v>
      </c>
      <c r="D331" s="21" t="s">
        <v>214</v>
      </c>
      <c r="E331" s="21" t="s">
        <v>216</v>
      </c>
      <c r="F331" s="21" t="s">
        <v>521</v>
      </c>
      <c r="G331" s="16">
        <v>3909</v>
      </c>
      <c r="H331" s="16">
        <v>678</v>
      </c>
      <c r="I331" s="16">
        <v>2581</v>
      </c>
      <c r="J331" s="16">
        <v>47</v>
      </c>
      <c r="K331" s="16">
        <v>541</v>
      </c>
      <c r="L331" s="16">
        <v>62</v>
      </c>
    </row>
    <row r="332" spans="1:12">
      <c r="A332" s="21" t="s">
        <v>240</v>
      </c>
      <c r="B332" s="21" t="s">
        <v>237</v>
      </c>
      <c r="C332" s="21" t="s">
        <v>265</v>
      </c>
      <c r="D332" s="21" t="s">
        <v>214</v>
      </c>
      <c r="E332" s="21" t="s">
        <v>216</v>
      </c>
      <c r="F332" s="21" t="s">
        <v>522</v>
      </c>
      <c r="G332" s="16">
        <v>3774</v>
      </c>
      <c r="H332" s="16">
        <v>539</v>
      </c>
      <c r="I332" s="16">
        <v>2574</v>
      </c>
      <c r="J332" s="16">
        <v>67</v>
      </c>
      <c r="K332" s="16">
        <v>550</v>
      </c>
      <c r="L332" s="16">
        <v>44</v>
      </c>
    </row>
    <row r="333" spans="1:12">
      <c r="A333" s="21" t="s">
        <v>240</v>
      </c>
      <c r="B333" s="21" t="s">
        <v>237</v>
      </c>
      <c r="C333" s="21" t="s">
        <v>265</v>
      </c>
      <c r="D333" s="21" t="s">
        <v>214</v>
      </c>
      <c r="E333" s="21" t="s">
        <v>216</v>
      </c>
      <c r="F333" s="21" t="s">
        <v>523</v>
      </c>
      <c r="G333" s="16">
        <v>4024</v>
      </c>
      <c r="H333" s="16">
        <v>454</v>
      </c>
      <c r="I333" s="16">
        <v>2781</v>
      </c>
      <c r="J333" s="16">
        <v>192</v>
      </c>
      <c r="K333" s="16">
        <v>550</v>
      </c>
      <c r="L333" s="16">
        <v>47</v>
      </c>
    </row>
    <row r="334" spans="1:12">
      <c r="A334" s="21" t="s">
        <v>240</v>
      </c>
      <c r="B334" s="21" t="s">
        <v>237</v>
      </c>
      <c r="C334" s="21" t="s">
        <v>265</v>
      </c>
      <c r="D334" s="21" t="s">
        <v>214</v>
      </c>
      <c r="E334" s="21" t="s">
        <v>216</v>
      </c>
      <c r="F334" s="21" t="s">
        <v>524</v>
      </c>
      <c r="G334" s="16">
        <v>4400</v>
      </c>
      <c r="H334" s="16">
        <v>317</v>
      </c>
      <c r="I334" s="16">
        <v>3181</v>
      </c>
      <c r="J334" s="16">
        <v>309</v>
      </c>
      <c r="K334" s="16">
        <v>538</v>
      </c>
      <c r="L334" s="16">
        <v>55</v>
      </c>
    </row>
    <row r="335" spans="1:12">
      <c r="A335" s="21" t="s">
        <v>240</v>
      </c>
      <c r="B335" s="21" t="s">
        <v>237</v>
      </c>
      <c r="C335" s="21" t="s">
        <v>265</v>
      </c>
      <c r="D335" s="21" t="s">
        <v>214</v>
      </c>
      <c r="E335" s="21" t="s">
        <v>216</v>
      </c>
      <c r="F335" s="21" t="s">
        <v>525</v>
      </c>
      <c r="G335" s="16">
        <v>5045</v>
      </c>
      <c r="H335" s="16">
        <v>297</v>
      </c>
      <c r="I335" s="16">
        <v>3587</v>
      </c>
      <c r="J335" s="16">
        <v>583</v>
      </c>
      <c r="K335" s="16">
        <v>538</v>
      </c>
      <c r="L335" s="16">
        <v>40</v>
      </c>
    </row>
    <row r="336" spans="1:12">
      <c r="A336" s="21" t="s">
        <v>240</v>
      </c>
      <c r="B336" s="21" t="s">
        <v>237</v>
      </c>
      <c r="C336" s="21" t="s">
        <v>265</v>
      </c>
      <c r="D336" s="21" t="s">
        <v>214</v>
      </c>
      <c r="E336" s="21" t="s">
        <v>216</v>
      </c>
      <c r="F336" s="21" t="s">
        <v>526</v>
      </c>
      <c r="G336" s="16">
        <v>5165</v>
      </c>
      <c r="H336" s="16">
        <v>255</v>
      </c>
      <c r="I336" s="16">
        <v>3348</v>
      </c>
      <c r="J336" s="16">
        <v>994</v>
      </c>
      <c r="K336" s="16">
        <v>522</v>
      </c>
      <c r="L336" s="16">
        <v>46</v>
      </c>
    </row>
    <row r="337" spans="1:12">
      <c r="A337" s="21" t="s">
        <v>240</v>
      </c>
      <c r="B337" s="21" t="s">
        <v>237</v>
      </c>
      <c r="C337" s="21" t="s">
        <v>265</v>
      </c>
      <c r="D337" s="21" t="s">
        <v>214</v>
      </c>
      <c r="E337" s="21" t="s">
        <v>216</v>
      </c>
      <c r="F337" s="21" t="s">
        <v>527</v>
      </c>
      <c r="G337" s="16">
        <v>4355</v>
      </c>
      <c r="H337" s="16">
        <v>208</v>
      </c>
      <c r="I337" s="16">
        <v>2386</v>
      </c>
      <c r="J337" s="16">
        <v>1454</v>
      </c>
      <c r="K337" s="16">
        <v>253</v>
      </c>
      <c r="L337" s="16">
        <v>54</v>
      </c>
    </row>
    <row r="338" spans="1:12">
      <c r="A338" s="21" t="s">
        <v>240</v>
      </c>
      <c r="B338" s="21" t="s">
        <v>237</v>
      </c>
      <c r="C338" s="21" t="s">
        <v>265</v>
      </c>
      <c r="D338" s="21" t="s">
        <v>214</v>
      </c>
      <c r="E338" s="21" t="s">
        <v>216</v>
      </c>
      <c r="F338" s="21" t="s">
        <v>528</v>
      </c>
      <c r="G338" s="16">
        <v>3999</v>
      </c>
      <c r="H338" s="16">
        <v>143</v>
      </c>
      <c r="I338" s="16">
        <v>1569</v>
      </c>
      <c r="J338" s="16">
        <v>2023</v>
      </c>
      <c r="K338" s="16">
        <v>180</v>
      </c>
      <c r="L338" s="16">
        <v>84</v>
      </c>
    </row>
    <row r="339" spans="1:12">
      <c r="A339" s="21" t="s">
        <v>240</v>
      </c>
      <c r="B339" s="21" t="s">
        <v>237</v>
      </c>
      <c r="C339" s="21" t="s">
        <v>265</v>
      </c>
      <c r="D339" s="21" t="s">
        <v>214</v>
      </c>
      <c r="E339" s="21" t="s">
        <v>216</v>
      </c>
      <c r="F339" s="21" t="s">
        <v>529</v>
      </c>
      <c r="G339" s="16">
        <v>3384</v>
      </c>
      <c r="H339" s="16">
        <v>118</v>
      </c>
      <c r="I339" s="16">
        <v>731</v>
      </c>
      <c r="J339" s="16">
        <v>2341</v>
      </c>
      <c r="K339" s="16">
        <v>100</v>
      </c>
      <c r="L339" s="16">
        <v>94</v>
      </c>
    </row>
    <row r="340" spans="1:12">
      <c r="A340" s="21" t="s">
        <v>240</v>
      </c>
      <c r="B340" s="21" t="s">
        <v>237</v>
      </c>
      <c r="C340" s="21" t="s">
        <v>265</v>
      </c>
      <c r="D340" s="21" t="s">
        <v>214</v>
      </c>
      <c r="E340" s="21" t="s">
        <v>216</v>
      </c>
      <c r="F340" s="21" t="s">
        <v>530</v>
      </c>
      <c r="G340" s="16">
        <v>1871</v>
      </c>
      <c r="H340" s="16">
        <v>67</v>
      </c>
      <c r="I340" s="16">
        <v>171</v>
      </c>
      <c r="J340" s="16">
        <v>1522</v>
      </c>
      <c r="K340" s="16">
        <v>43</v>
      </c>
      <c r="L340" s="16">
        <v>68</v>
      </c>
    </row>
    <row r="341" spans="1:12">
      <c r="A341" s="21" t="s">
        <v>240</v>
      </c>
      <c r="B341" s="21" t="s">
        <v>237</v>
      </c>
      <c r="C341" s="21" t="s">
        <v>265</v>
      </c>
      <c r="D341" s="21" t="s">
        <v>214</v>
      </c>
      <c r="E341" s="21" t="s">
        <v>216</v>
      </c>
      <c r="F341" s="21" t="s">
        <v>531</v>
      </c>
      <c r="G341" s="16">
        <v>583</v>
      </c>
      <c r="H341" s="16">
        <v>22</v>
      </c>
      <c r="I341" s="16">
        <v>32</v>
      </c>
      <c r="J341" s="16">
        <v>481</v>
      </c>
      <c r="K341" s="16">
        <v>12</v>
      </c>
      <c r="L341" s="16">
        <v>36</v>
      </c>
    </row>
    <row r="342" spans="1:12">
      <c r="A342" s="21" t="s">
        <v>240</v>
      </c>
      <c r="B342" s="21" t="s">
        <v>237</v>
      </c>
      <c r="C342" s="21" t="s">
        <v>265</v>
      </c>
      <c r="D342" s="21" t="s">
        <v>214</v>
      </c>
      <c r="E342" s="21" t="s">
        <v>216</v>
      </c>
      <c r="F342" s="21" t="s">
        <v>532</v>
      </c>
      <c r="G342" s="16">
        <v>82</v>
      </c>
      <c r="H342" s="16">
        <v>1</v>
      </c>
      <c r="I342" s="22" t="s">
        <v>268</v>
      </c>
      <c r="J342" s="16">
        <v>75</v>
      </c>
      <c r="K342" s="16">
        <v>2</v>
      </c>
      <c r="L342" s="16">
        <v>4</v>
      </c>
    </row>
    <row r="343" spans="1:12">
      <c r="A343" s="21" t="s">
        <v>240</v>
      </c>
      <c r="B343" s="21" t="s">
        <v>237</v>
      </c>
      <c r="C343" s="21" t="s">
        <v>265</v>
      </c>
      <c r="D343" s="21" t="s">
        <v>214</v>
      </c>
      <c r="E343" s="21" t="s">
        <v>216</v>
      </c>
      <c r="F343" s="21" t="s">
        <v>533</v>
      </c>
      <c r="G343" s="16">
        <v>613</v>
      </c>
      <c r="H343" s="22" t="s">
        <v>268</v>
      </c>
      <c r="I343" s="22" t="s">
        <v>268</v>
      </c>
      <c r="J343" s="22" t="s">
        <v>268</v>
      </c>
      <c r="K343" s="22" t="s">
        <v>268</v>
      </c>
      <c r="L343" s="16">
        <v>613</v>
      </c>
    </row>
    <row r="344" spans="1:12">
      <c r="A344" s="21" t="s">
        <v>240</v>
      </c>
      <c r="B344" s="21" t="s">
        <v>237</v>
      </c>
      <c r="C344" s="21" t="s">
        <v>265</v>
      </c>
      <c r="D344" s="21" t="s">
        <v>214</v>
      </c>
      <c r="E344" s="21" t="s">
        <v>216</v>
      </c>
      <c r="F344" s="21" t="s">
        <v>461</v>
      </c>
      <c r="G344" s="16">
        <v>33480</v>
      </c>
      <c r="H344" s="16">
        <v>10580</v>
      </c>
      <c r="I344" s="16">
        <v>18298</v>
      </c>
      <c r="J344" s="16">
        <v>681</v>
      </c>
      <c r="K344" s="16">
        <v>3346</v>
      </c>
      <c r="L344" s="16">
        <v>575</v>
      </c>
    </row>
    <row r="345" spans="1:12">
      <c r="A345" s="21" t="s">
        <v>240</v>
      </c>
      <c r="B345" s="21" t="s">
        <v>237</v>
      </c>
      <c r="C345" s="21" t="s">
        <v>265</v>
      </c>
      <c r="D345" s="21" t="s">
        <v>214</v>
      </c>
      <c r="E345" s="21" t="s">
        <v>216</v>
      </c>
      <c r="F345" s="21" t="s">
        <v>462</v>
      </c>
      <c r="G345" s="16">
        <v>24484</v>
      </c>
      <c r="H345" s="16">
        <v>1111</v>
      </c>
      <c r="I345" s="16">
        <v>11824</v>
      </c>
      <c r="J345" s="16">
        <v>9473</v>
      </c>
      <c r="K345" s="16">
        <v>1650</v>
      </c>
      <c r="L345" s="16">
        <v>426</v>
      </c>
    </row>
    <row r="346" spans="1:12">
      <c r="A346" s="21" t="s">
        <v>240</v>
      </c>
      <c r="B346" s="21" t="s">
        <v>237</v>
      </c>
      <c r="C346" s="21" t="s">
        <v>265</v>
      </c>
      <c r="D346" s="21" t="s">
        <v>214</v>
      </c>
      <c r="E346" s="21" t="s">
        <v>216</v>
      </c>
      <c r="F346" s="21" t="s">
        <v>463</v>
      </c>
      <c r="G346" s="16">
        <v>14274</v>
      </c>
      <c r="H346" s="16">
        <v>559</v>
      </c>
      <c r="I346" s="16">
        <v>4889</v>
      </c>
      <c r="J346" s="16">
        <v>7896</v>
      </c>
      <c r="K346" s="16">
        <v>590</v>
      </c>
      <c r="L346" s="16">
        <v>340</v>
      </c>
    </row>
    <row r="347" spans="1:12">
      <c r="A347" s="21" t="s">
        <v>240</v>
      </c>
      <c r="B347" s="21" t="s">
        <v>237</v>
      </c>
      <c r="C347" s="21" t="s">
        <v>265</v>
      </c>
      <c r="D347" s="21" t="s">
        <v>214</v>
      </c>
      <c r="E347" s="21" t="s">
        <v>216</v>
      </c>
      <c r="F347" s="21" t="s">
        <v>464</v>
      </c>
      <c r="G347" s="16">
        <v>5920</v>
      </c>
      <c r="H347" s="16">
        <v>208</v>
      </c>
      <c r="I347" s="16">
        <v>934</v>
      </c>
      <c r="J347" s="16">
        <v>4419</v>
      </c>
      <c r="K347" s="16">
        <v>157</v>
      </c>
      <c r="L347" s="16">
        <v>202</v>
      </c>
    </row>
    <row r="348" spans="1:12">
      <c r="A348" s="21" t="s">
        <v>240</v>
      </c>
      <c r="B348" s="21" t="s">
        <v>237</v>
      </c>
      <c r="C348" s="21" t="s">
        <v>265</v>
      </c>
      <c r="D348" s="21" t="s">
        <v>214</v>
      </c>
      <c r="E348" s="21" t="s">
        <v>216</v>
      </c>
      <c r="F348" s="21" t="s">
        <v>431</v>
      </c>
      <c r="G348" s="16">
        <v>35734</v>
      </c>
      <c r="H348" s="16">
        <v>8107</v>
      </c>
      <c r="I348" s="16">
        <v>21871</v>
      </c>
      <c r="J348" s="16">
        <v>1264</v>
      </c>
      <c r="K348" s="16">
        <v>3880</v>
      </c>
      <c r="L348" s="16">
        <v>612</v>
      </c>
    </row>
    <row r="349" spans="1:12">
      <c r="A349" s="21" t="s">
        <v>240</v>
      </c>
      <c r="B349" s="21" t="s">
        <v>237</v>
      </c>
      <c r="C349" s="21" t="s">
        <v>265</v>
      </c>
      <c r="D349" s="21" t="s">
        <v>217</v>
      </c>
      <c r="E349" s="21" t="s">
        <v>216</v>
      </c>
      <c r="F349" s="21" t="s">
        <v>401</v>
      </c>
      <c r="G349" s="16">
        <v>62461</v>
      </c>
      <c r="H349" s="16">
        <v>18134</v>
      </c>
      <c r="I349" s="16">
        <v>29771</v>
      </c>
      <c r="J349" s="16">
        <v>8417</v>
      </c>
      <c r="K349" s="16">
        <v>4809</v>
      </c>
      <c r="L349" s="16">
        <v>1330</v>
      </c>
    </row>
    <row r="350" spans="1:12">
      <c r="A350" s="21" t="s">
        <v>240</v>
      </c>
      <c r="B350" s="21" t="s">
        <v>237</v>
      </c>
      <c r="C350" s="21" t="s">
        <v>265</v>
      </c>
      <c r="D350" s="21" t="s">
        <v>217</v>
      </c>
      <c r="E350" s="21" t="s">
        <v>216</v>
      </c>
      <c r="F350" s="21" t="s">
        <v>514</v>
      </c>
      <c r="G350" s="16">
        <v>7173</v>
      </c>
      <c r="H350" s="16">
        <v>7173</v>
      </c>
      <c r="I350" s="22" t="s">
        <v>268</v>
      </c>
      <c r="J350" s="22" t="s">
        <v>268</v>
      </c>
      <c r="K350" s="22" t="s">
        <v>268</v>
      </c>
      <c r="L350" s="22" t="s">
        <v>268</v>
      </c>
    </row>
    <row r="351" spans="1:12">
      <c r="A351" s="21" t="s">
        <v>240</v>
      </c>
      <c r="B351" s="21" t="s">
        <v>237</v>
      </c>
      <c r="C351" s="21" t="s">
        <v>265</v>
      </c>
      <c r="D351" s="21" t="s">
        <v>217</v>
      </c>
      <c r="E351" s="21" t="s">
        <v>216</v>
      </c>
      <c r="F351" s="21" t="s">
        <v>515</v>
      </c>
      <c r="G351" s="16">
        <v>2480</v>
      </c>
      <c r="H351" s="16">
        <v>2459</v>
      </c>
      <c r="I351" s="16">
        <v>14</v>
      </c>
      <c r="J351" s="22" t="s">
        <v>268</v>
      </c>
      <c r="K351" s="16">
        <v>4</v>
      </c>
      <c r="L351" s="16">
        <v>3</v>
      </c>
    </row>
    <row r="352" spans="1:12">
      <c r="A352" s="21" t="s">
        <v>240</v>
      </c>
      <c r="B352" s="21" t="s">
        <v>237</v>
      </c>
      <c r="C352" s="21" t="s">
        <v>265</v>
      </c>
      <c r="D352" s="21" t="s">
        <v>217</v>
      </c>
      <c r="E352" s="21" t="s">
        <v>216</v>
      </c>
      <c r="F352" s="21" t="s">
        <v>516</v>
      </c>
      <c r="G352" s="16">
        <v>2304</v>
      </c>
      <c r="H352" s="16">
        <v>1973</v>
      </c>
      <c r="I352" s="16">
        <v>239</v>
      </c>
      <c r="J352" s="16">
        <v>1</v>
      </c>
      <c r="K352" s="16">
        <v>31</v>
      </c>
      <c r="L352" s="16">
        <v>60</v>
      </c>
    </row>
    <row r="353" spans="1:12">
      <c r="A353" s="21" t="s">
        <v>240</v>
      </c>
      <c r="B353" s="21" t="s">
        <v>237</v>
      </c>
      <c r="C353" s="21" t="s">
        <v>265</v>
      </c>
      <c r="D353" s="21" t="s">
        <v>217</v>
      </c>
      <c r="E353" s="21" t="s">
        <v>216</v>
      </c>
      <c r="F353" s="21" t="s">
        <v>517</v>
      </c>
      <c r="G353" s="16">
        <v>2517</v>
      </c>
      <c r="H353" s="16">
        <v>1420</v>
      </c>
      <c r="I353" s="16">
        <v>891</v>
      </c>
      <c r="J353" s="16">
        <v>3</v>
      </c>
      <c r="K353" s="16">
        <v>117</v>
      </c>
      <c r="L353" s="16">
        <v>86</v>
      </c>
    </row>
    <row r="354" spans="1:12">
      <c r="A354" s="21" t="s">
        <v>240</v>
      </c>
      <c r="B354" s="21" t="s">
        <v>237</v>
      </c>
      <c r="C354" s="21" t="s">
        <v>265</v>
      </c>
      <c r="D354" s="21" t="s">
        <v>217</v>
      </c>
      <c r="E354" s="21" t="s">
        <v>216</v>
      </c>
      <c r="F354" s="21" t="s">
        <v>518</v>
      </c>
      <c r="G354" s="16">
        <v>2900</v>
      </c>
      <c r="H354" s="16">
        <v>937</v>
      </c>
      <c r="I354" s="16">
        <v>1669</v>
      </c>
      <c r="J354" s="16">
        <v>11</v>
      </c>
      <c r="K354" s="16">
        <v>212</v>
      </c>
      <c r="L354" s="16">
        <v>71</v>
      </c>
    </row>
    <row r="355" spans="1:12">
      <c r="A355" s="21" t="s">
        <v>240</v>
      </c>
      <c r="B355" s="21" t="s">
        <v>237</v>
      </c>
      <c r="C355" s="21" t="s">
        <v>265</v>
      </c>
      <c r="D355" s="21" t="s">
        <v>217</v>
      </c>
      <c r="E355" s="21" t="s">
        <v>216</v>
      </c>
      <c r="F355" s="21" t="s">
        <v>519</v>
      </c>
      <c r="G355" s="16">
        <v>3256</v>
      </c>
      <c r="H355" s="16">
        <v>762</v>
      </c>
      <c r="I355" s="16">
        <v>2063</v>
      </c>
      <c r="J355" s="16">
        <v>20</v>
      </c>
      <c r="K355" s="16">
        <v>342</v>
      </c>
      <c r="L355" s="16">
        <v>69</v>
      </c>
    </row>
    <row r="356" spans="1:12">
      <c r="A356" s="21" t="s">
        <v>240</v>
      </c>
      <c r="B356" s="21" t="s">
        <v>237</v>
      </c>
      <c r="C356" s="21" t="s">
        <v>265</v>
      </c>
      <c r="D356" s="21" t="s">
        <v>217</v>
      </c>
      <c r="E356" s="21" t="s">
        <v>216</v>
      </c>
      <c r="F356" s="21" t="s">
        <v>520</v>
      </c>
      <c r="G356" s="16">
        <v>3504</v>
      </c>
      <c r="H356" s="16">
        <v>637</v>
      </c>
      <c r="I356" s="16">
        <v>2298</v>
      </c>
      <c r="J356" s="16">
        <v>31</v>
      </c>
      <c r="K356" s="16">
        <v>461</v>
      </c>
      <c r="L356" s="16">
        <v>77</v>
      </c>
    </row>
    <row r="357" spans="1:12">
      <c r="A357" s="21" t="s">
        <v>240</v>
      </c>
      <c r="B357" s="21" t="s">
        <v>237</v>
      </c>
      <c r="C357" s="21" t="s">
        <v>265</v>
      </c>
      <c r="D357" s="21" t="s">
        <v>217</v>
      </c>
      <c r="E357" s="21" t="s">
        <v>216</v>
      </c>
      <c r="F357" s="21" t="s">
        <v>521</v>
      </c>
      <c r="G357" s="16">
        <v>3889</v>
      </c>
      <c r="H357" s="16">
        <v>663</v>
      </c>
      <c r="I357" s="16">
        <v>2579</v>
      </c>
      <c r="J357" s="16">
        <v>47</v>
      </c>
      <c r="K357" s="16">
        <v>539</v>
      </c>
      <c r="L357" s="16">
        <v>61</v>
      </c>
    </row>
    <row r="358" spans="1:12">
      <c r="A358" s="21" t="s">
        <v>240</v>
      </c>
      <c r="B358" s="21" t="s">
        <v>237</v>
      </c>
      <c r="C358" s="21" t="s">
        <v>265</v>
      </c>
      <c r="D358" s="21" t="s">
        <v>217</v>
      </c>
      <c r="E358" s="21" t="s">
        <v>216</v>
      </c>
      <c r="F358" s="21" t="s">
        <v>522</v>
      </c>
      <c r="G358" s="16">
        <v>3751</v>
      </c>
      <c r="H358" s="16">
        <v>526</v>
      </c>
      <c r="I358" s="16">
        <v>2571</v>
      </c>
      <c r="J358" s="16">
        <v>67</v>
      </c>
      <c r="K358" s="16">
        <v>543</v>
      </c>
      <c r="L358" s="16">
        <v>44</v>
      </c>
    </row>
    <row r="359" spans="1:12">
      <c r="A359" s="21" t="s">
        <v>240</v>
      </c>
      <c r="B359" s="21" t="s">
        <v>237</v>
      </c>
      <c r="C359" s="21" t="s">
        <v>265</v>
      </c>
      <c r="D359" s="21" t="s">
        <v>217</v>
      </c>
      <c r="E359" s="21" t="s">
        <v>216</v>
      </c>
      <c r="F359" s="21" t="s">
        <v>523</v>
      </c>
      <c r="G359" s="16">
        <v>3990</v>
      </c>
      <c r="H359" s="16">
        <v>433</v>
      </c>
      <c r="I359" s="16">
        <v>2778</v>
      </c>
      <c r="J359" s="16">
        <v>188</v>
      </c>
      <c r="K359" s="16">
        <v>546</v>
      </c>
      <c r="L359" s="16">
        <v>45</v>
      </c>
    </row>
    <row r="360" spans="1:12">
      <c r="A360" s="21" t="s">
        <v>240</v>
      </c>
      <c r="B360" s="21" t="s">
        <v>237</v>
      </c>
      <c r="C360" s="21" t="s">
        <v>265</v>
      </c>
      <c r="D360" s="21" t="s">
        <v>217</v>
      </c>
      <c r="E360" s="21" t="s">
        <v>216</v>
      </c>
      <c r="F360" s="21" t="s">
        <v>524</v>
      </c>
      <c r="G360" s="16">
        <v>4360</v>
      </c>
      <c r="H360" s="16">
        <v>297</v>
      </c>
      <c r="I360" s="16">
        <v>3177</v>
      </c>
      <c r="J360" s="16">
        <v>305</v>
      </c>
      <c r="K360" s="16">
        <v>528</v>
      </c>
      <c r="L360" s="16">
        <v>53</v>
      </c>
    </row>
    <row r="361" spans="1:12">
      <c r="A361" s="21" t="s">
        <v>240</v>
      </c>
      <c r="B361" s="21" t="s">
        <v>237</v>
      </c>
      <c r="C361" s="21" t="s">
        <v>265</v>
      </c>
      <c r="D361" s="21" t="s">
        <v>217</v>
      </c>
      <c r="E361" s="21" t="s">
        <v>216</v>
      </c>
      <c r="F361" s="21" t="s">
        <v>525</v>
      </c>
      <c r="G361" s="16">
        <v>4959</v>
      </c>
      <c r="H361" s="16">
        <v>261</v>
      </c>
      <c r="I361" s="16">
        <v>3568</v>
      </c>
      <c r="J361" s="16">
        <v>573</v>
      </c>
      <c r="K361" s="16">
        <v>520</v>
      </c>
      <c r="L361" s="16">
        <v>37</v>
      </c>
    </row>
    <row r="362" spans="1:12">
      <c r="A362" s="21" t="s">
        <v>240</v>
      </c>
      <c r="B362" s="21" t="s">
        <v>237</v>
      </c>
      <c r="C362" s="21" t="s">
        <v>265</v>
      </c>
      <c r="D362" s="21" t="s">
        <v>217</v>
      </c>
      <c r="E362" s="21" t="s">
        <v>216</v>
      </c>
      <c r="F362" s="21" t="s">
        <v>526</v>
      </c>
      <c r="G362" s="16">
        <v>5027</v>
      </c>
      <c r="H362" s="16">
        <v>221</v>
      </c>
      <c r="I362" s="16">
        <v>3317</v>
      </c>
      <c r="J362" s="16">
        <v>970</v>
      </c>
      <c r="K362" s="16">
        <v>483</v>
      </c>
      <c r="L362" s="16">
        <v>36</v>
      </c>
    </row>
    <row r="363" spans="1:12">
      <c r="A363" s="21" t="s">
        <v>240</v>
      </c>
      <c r="B363" s="21" t="s">
        <v>237</v>
      </c>
      <c r="C363" s="21" t="s">
        <v>265</v>
      </c>
      <c r="D363" s="21" t="s">
        <v>217</v>
      </c>
      <c r="E363" s="21" t="s">
        <v>216</v>
      </c>
      <c r="F363" s="21" t="s">
        <v>527</v>
      </c>
      <c r="G363" s="16">
        <v>4144</v>
      </c>
      <c r="H363" s="16">
        <v>177</v>
      </c>
      <c r="I363" s="16">
        <v>2334</v>
      </c>
      <c r="J363" s="16">
        <v>1372</v>
      </c>
      <c r="K363" s="16">
        <v>232</v>
      </c>
      <c r="L363" s="16">
        <v>29</v>
      </c>
    </row>
    <row r="364" spans="1:12">
      <c r="A364" s="21" t="s">
        <v>240</v>
      </c>
      <c r="B364" s="21" t="s">
        <v>237</v>
      </c>
      <c r="C364" s="21" t="s">
        <v>265</v>
      </c>
      <c r="D364" s="21" t="s">
        <v>217</v>
      </c>
      <c r="E364" s="21" t="s">
        <v>216</v>
      </c>
      <c r="F364" s="21" t="s">
        <v>528</v>
      </c>
      <c r="G364" s="16">
        <v>3573</v>
      </c>
      <c r="H364" s="16">
        <v>95</v>
      </c>
      <c r="I364" s="16">
        <v>1496</v>
      </c>
      <c r="J364" s="16">
        <v>1808</v>
      </c>
      <c r="K364" s="16">
        <v>150</v>
      </c>
      <c r="L364" s="16">
        <v>24</v>
      </c>
    </row>
    <row r="365" spans="1:12">
      <c r="A365" s="21" t="s">
        <v>240</v>
      </c>
      <c r="B365" s="21" t="s">
        <v>237</v>
      </c>
      <c r="C365" s="21" t="s">
        <v>265</v>
      </c>
      <c r="D365" s="21" t="s">
        <v>217</v>
      </c>
      <c r="E365" s="21" t="s">
        <v>216</v>
      </c>
      <c r="F365" s="21" t="s">
        <v>529</v>
      </c>
      <c r="G365" s="16">
        <v>2605</v>
      </c>
      <c r="H365" s="16">
        <v>68</v>
      </c>
      <c r="I365" s="16">
        <v>628</v>
      </c>
      <c r="J365" s="16">
        <v>1819</v>
      </c>
      <c r="K365" s="16">
        <v>67</v>
      </c>
      <c r="L365" s="16">
        <v>23</v>
      </c>
    </row>
    <row r="366" spans="1:12">
      <c r="A366" s="21" t="s">
        <v>240</v>
      </c>
      <c r="B366" s="21" t="s">
        <v>237</v>
      </c>
      <c r="C366" s="21" t="s">
        <v>265</v>
      </c>
      <c r="D366" s="21" t="s">
        <v>217</v>
      </c>
      <c r="E366" s="21" t="s">
        <v>216</v>
      </c>
      <c r="F366" s="21" t="s">
        <v>530</v>
      </c>
      <c r="G366" s="16">
        <v>1154</v>
      </c>
      <c r="H366" s="16">
        <v>23</v>
      </c>
      <c r="I366" s="16">
        <v>130</v>
      </c>
      <c r="J366" s="16">
        <v>968</v>
      </c>
      <c r="K366" s="16">
        <v>25</v>
      </c>
      <c r="L366" s="16">
        <v>8</v>
      </c>
    </row>
    <row r="367" spans="1:12">
      <c r="A367" s="21" t="s">
        <v>240</v>
      </c>
      <c r="B367" s="21" t="s">
        <v>237</v>
      </c>
      <c r="C367" s="21" t="s">
        <v>265</v>
      </c>
      <c r="D367" s="21" t="s">
        <v>217</v>
      </c>
      <c r="E367" s="21" t="s">
        <v>216</v>
      </c>
      <c r="F367" s="21" t="s">
        <v>531</v>
      </c>
      <c r="G367" s="16">
        <v>254</v>
      </c>
      <c r="H367" s="16">
        <v>9</v>
      </c>
      <c r="I367" s="16">
        <v>19</v>
      </c>
      <c r="J367" s="16">
        <v>216</v>
      </c>
      <c r="K367" s="16">
        <v>7</v>
      </c>
      <c r="L367" s="16">
        <v>3</v>
      </c>
    </row>
    <row r="368" spans="1:12">
      <c r="A368" s="21" t="s">
        <v>240</v>
      </c>
      <c r="B368" s="21" t="s">
        <v>237</v>
      </c>
      <c r="C368" s="21" t="s">
        <v>265</v>
      </c>
      <c r="D368" s="21" t="s">
        <v>217</v>
      </c>
      <c r="E368" s="21" t="s">
        <v>216</v>
      </c>
      <c r="F368" s="21" t="s">
        <v>532</v>
      </c>
      <c r="G368" s="16">
        <v>20</v>
      </c>
      <c r="H368" s="22" t="s">
        <v>268</v>
      </c>
      <c r="I368" s="22" t="s">
        <v>268</v>
      </c>
      <c r="J368" s="16">
        <v>18</v>
      </c>
      <c r="K368" s="16">
        <v>2</v>
      </c>
      <c r="L368" s="22" t="s">
        <v>268</v>
      </c>
    </row>
    <row r="369" spans="1:12">
      <c r="A369" s="21" t="s">
        <v>240</v>
      </c>
      <c r="B369" s="21" t="s">
        <v>237</v>
      </c>
      <c r="C369" s="21" t="s">
        <v>265</v>
      </c>
      <c r="D369" s="21" t="s">
        <v>217</v>
      </c>
      <c r="E369" s="21" t="s">
        <v>216</v>
      </c>
      <c r="F369" s="21" t="s">
        <v>533</v>
      </c>
      <c r="G369" s="16">
        <v>601</v>
      </c>
      <c r="H369" s="22" t="s">
        <v>268</v>
      </c>
      <c r="I369" s="22" t="s">
        <v>268</v>
      </c>
      <c r="J369" s="22" t="s">
        <v>268</v>
      </c>
      <c r="K369" s="22" t="s">
        <v>268</v>
      </c>
      <c r="L369" s="16">
        <v>601</v>
      </c>
    </row>
    <row r="370" spans="1:12">
      <c r="A370" s="21" t="s">
        <v>240</v>
      </c>
      <c r="B370" s="21" t="s">
        <v>237</v>
      </c>
      <c r="C370" s="21" t="s">
        <v>265</v>
      </c>
      <c r="D370" s="21" t="s">
        <v>217</v>
      </c>
      <c r="E370" s="21" t="s">
        <v>216</v>
      </c>
      <c r="F370" s="21" t="s">
        <v>461</v>
      </c>
      <c r="G370" s="16">
        <v>32951</v>
      </c>
      <c r="H370" s="16">
        <v>10107</v>
      </c>
      <c r="I370" s="16">
        <v>18279</v>
      </c>
      <c r="J370" s="16">
        <v>673</v>
      </c>
      <c r="K370" s="16">
        <v>3323</v>
      </c>
      <c r="L370" s="16">
        <v>569</v>
      </c>
    </row>
    <row r="371" spans="1:12">
      <c r="A371" s="21" t="s">
        <v>240</v>
      </c>
      <c r="B371" s="21" t="s">
        <v>237</v>
      </c>
      <c r="C371" s="21" t="s">
        <v>265</v>
      </c>
      <c r="D371" s="21" t="s">
        <v>217</v>
      </c>
      <c r="E371" s="21" t="s">
        <v>216</v>
      </c>
      <c r="F371" s="21" t="s">
        <v>462</v>
      </c>
      <c r="G371" s="16">
        <v>21736</v>
      </c>
      <c r="H371" s="16">
        <v>854</v>
      </c>
      <c r="I371" s="16">
        <v>11492</v>
      </c>
      <c r="J371" s="16">
        <v>7744</v>
      </c>
      <c r="K371" s="16">
        <v>1486</v>
      </c>
      <c r="L371" s="16">
        <v>160</v>
      </c>
    </row>
    <row r="372" spans="1:12">
      <c r="A372" s="21" t="s">
        <v>240</v>
      </c>
      <c r="B372" s="21" t="s">
        <v>237</v>
      </c>
      <c r="C372" s="21" t="s">
        <v>265</v>
      </c>
      <c r="D372" s="21" t="s">
        <v>217</v>
      </c>
      <c r="E372" s="21" t="s">
        <v>216</v>
      </c>
      <c r="F372" s="21" t="s">
        <v>463</v>
      </c>
      <c r="G372" s="16">
        <v>11750</v>
      </c>
      <c r="H372" s="16">
        <v>372</v>
      </c>
      <c r="I372" s="16">
        <v>4607</v>
      </c>
      <c r="J372" s="16">
        <v>6201</v>
      </c>
      <c r="K372" s="16">
        <v>483</v>
      </c>
      <c r="L372" s="16">
        <v>87</v>
      </c>
    </row>
    <row r="373" spans="1:12">
      <c r="A373" s="21" t="s">
        <v>240</v>
      </c>
      <c r="B373" s="21" t="s">
        <v>237</v>
      </c>
      <c r="C373" s="21" t="s">
        <v>265</v>
      </c>
      <c r="D373" s="21" t="s">
        <v>217</v>
      </c>
      <c r="E373" s="21" t="s">
        <v>216</v>
      </c>
      <c r="F373" s="21" t="s">
        <v>464</v>
      </c>
      <c r="G373" s="16">
        <v>4033</v>
      </c>
      <c r="H373" s="16">
        <v>100</v>
      </c>
      <c r="I373" s="16">
        <v>777</v>
      </c>
      <c r="J373" s="16">
        <v>3021</v>
      </c>
      <c r="K373" s="16">
        <v>101</v>
      </c>
      <c r="L373" s="16">
        <v>34</v>
      </c>
    </row>
    <row r="374" spans="1:12">
      <c r="A374" s="21" t="s">
        <v>240</v>
      </c>
      <c r="B374" s="21" t="s">
        <v>237</v>
      </c>
      <c r="C374" s="21" t="s">
        <v>265</v>
      </c>
      <c r="D374" s="21" t="s">
        <v>217</v>
      </c>
      <c r="E374" s="21" t="s">
        <v>216</v>
      </c>
      <c r="F374" s="21" t="s">
        <v>431</v>
      </c>
      <c r="G374" s="16">
        <v>35430</v>
      </c>
      <c r="H374" s="16">
        <v>7909</v>
      </c>
      <c r="I374" s="16">
        <v>21833</v>
      </c>
      <c r="J374" s="16">
        <v>1246</v>
      </c>
      <c r="K374" s="16">
        <v>3839</v>
      </c>
      <c r="L374" s="16">
        <v>603</v>
      </c>
    </row>
    <row r="375" spans="1:12">
      <c r="A375" s="21" t="s">
        <v>240</v>
      </c>
      <c r="B375" s="21" t="s">
        <v>237</v>
      </c>
      <c r="C375" s="21" t="s">
        <v>265</v>
      </c>
      <c r="D375" s="21" t="s">
        <v>534</v>
      </c>
      <c r="E375" s="21" t="s">
        <v>216</v>
      </c>
      <c r="F375" s="21" t="s">
        <v>401</v>
      </c>
      <c r="G375" s="16">
        <v>53464</v>
      </c>
      <c r="H375" s="16">
        <v>15542</v>
      </c>
      <c r="I375" s="16">
        <v>29104</v>
      </c>
      <c r="J375" s="16">
        <v>5108</v>
      </c>
      <c r="K375" s="16">
        <v>3303</v>
      </c>
      <c r="L375" s="16">
        <v>407</v>
      </c>
    </row>
    <row r="376" spans="1:12">
      <c r="A376" s="21" t="s">
        <v>240</v>
      </c>
      <c r="B376" s="21" t="s">
        <v>237</v>
      </c>
      <c r="C376" s="21" t="s">
        <v>265</v>
      </c>
      <c r="D376" s="21" t="s">
        <v>534</v>
      </c>
      <c r="E376" s="21" t="s">
        <v>216</v>
      </c>
      <c r="F376" s="21" t="s">
        <v>514</v>
      </c>
      <c r="G376" s="16">
        <v>7173</v>
      </c>
      <c r="H376" s="16">
        <v>7173</v>
      </c>
      <c r="I376" s="22" t="s">
        <v>268</v>
      </c>
      <c r="J376" s="22" t="s">
        <v>268</v>
      </c>
      <c r="K376" s="22" t="s">
        <v>268</v>
      </c>
      <c r="L376" s="22" t="s">
        <v>268</v>
      </c>
    </row>
    <row r="377" spans="1:12">
      <c r="A377" s="21" t="s">
        <v>240</v>
      </c>
      <c r="B377" s="21" t="s">
        <v>237</v>
      </c>
      <c r="C377" s="21" t="s">
        <v>265</v>
      </c>
      <c r="D377" s="21" t="s">
        <v>534</v>
      </c>
      <c r="E377" s="21" t="s">
        <v>216</v>
      </c>
      <c r="F377" s="21" t="s">
        <v>515</v>
      </c>
      <c r="G377" s="16">
        <v>2434</v>
      </c>
      <c r="H377" s="16">
        <v>2415</v>
      </c>
      <c r="I377" s="16">
        <v>14</v>
      </c>
      <c r="J377" s="22" t="s">
        <v>268</v>
      </c>
      <c r="K377" s="16">
        <v>3</v>
      </c>
      <c r="L377" s="16">
        <v>2</v>
      </c>
    </row>
    <row r="378" spans="1:12">
      <c r="A378" s="21" t="s">
        <v>240</v>
      </c>
      <c r="B378" s="21" t="s">
        <v>237</v>
      </c>
      <c r="C378" s="21" t="s">
        <v>265</v>
      </c>
      <c r="D378" s="21" t="s">
        <v>534</v>
      </c>
      <c r="E378" s="21" t="s">
        <v>216</v>
      </c>
      <c r="F378" s="21" t="s">
        <v>516</v>
      </c>
      <c r="G378" s="16">
        <v>1690</v>
      </c>
      <c r="H378" s="16">
        <v>1430</v>
      </c>
      <c r="I378" s="16">
        <v>221</v>
      </c>
      <c r="J378" s="16">
        <v>1</v>
      </c>
      <c r="K378" s="16">
        <v>28</v>
      </c>
      <c r="L378" s="16">
        <v>10</v>
      </c>
    </row>
    <row r="379" spans="1:12">
      <c r="A379" s="21" t="s">
        <v>240</v>
      </c>
      <c r="B379" s="21" t="s">
        <v>237</v>
      </c>
      <c r="C379" s="21" t="s">
        <v>265</v>
      </c>
      <c r="D379" s="21" t="s">
        <v>534</v>
      </c>
      <c r="E379" s="21" t="s">
        <v>216</v>
      </c>
      <c r="F379" s="21" t="s">
        <v>517</v>
      </c>
      <c r="G379" s="16">
        <v>1837</v>
      </c>
      <c r="H379" s="16">
        <v>928</v>
      </c>
      <c r="I379" s="16">
        <v>788</v>
      </c>
      <c r="J379" s="16">
        <v>2</v>
      </c>
      <c r="K379" s="16">
        <v>99</v>
      </c>
      <c r="L379" s="16">
        <v>20</v>
      </c>
    </row>
    <row r="380" spans="1:12">
      <c r="A380" s="21" t="s">
        <v>240</v>
      </c>
      <c r="B380" s="21" t="s">
        <v>237</v>
      </c>
      <c r="C380" s="21" t="s">
        <v>265</v>
      </c>
      <c r="D380" s="21" t="s">
        <v>534</v>
      </c>
      <c r="E380" s="21" t="s">
        <v>216</v>
      </c>
      <c r="F380" s="21" t="s">
        <v>518</v>
      </c>
      <c r="G380" s="16">
        <v>2491</v>
      </c>
      <c r="H380" s="16">
        <v>713</v>
      </c>
      <c r="I380" s="16">
        <v>1556</v>
      </c>
      <c r="J380" s="16">
        <v>8</v>
      </c>
      <c r="K380" s="16">
        <v>192</v>
      </c>
      <c r="L380" s="16">
        <v>22</v>
      </c>
    </row>
    <row r="381" spans="1:12">
      <c r="A381" s="21" t="s">
        <v>240</v>
      </c>
      <c r="B381" s="21" t="s">
        <v>237</v>
      </c>
      <c r="C381" s="21" t="s">
        <v>265</v>
      </c>
      <c r="D381" s="21" t="s">
        <v>534</v>
      </c>
      <c r="E381" s="21" t="s">
        <v>216</v>
      </c>
      <c r="F381" s="21" t="s">
        <v>519</v>
      </c>
      <c r="G381" s="16">
        <v>2971</v>
      </c>
      <c r="H381" s="16">
        <v>602</v>
      </c>
      <c r="I381" s="16">
        <v>2000</v>
      </c>
      <c r="J381" s="16">
        <v>17</v>
      </c>
      <c r="K381" s="16">
        <v>314</v>
      </c>
      <c r="L381" s="16">
        <v>38</v>
      </c>
    </row>
    <row r="382" spans="1:12">
      <c r="A382" s="21" t="s">
        <v>240</v>
      </c>
      <c r="B382" s="21" t="s">
        <v>237</v>
      </c>
      <c r="C382" s="21" t="s">
        <v>265</v>
      </c>
      <c r="D382" s="21" t="s">
        <v>534</v>
      </c>
      <c r="E382" s="21" t="s">
        <v>216</v>
      </c>
      <c r="F382" s="21" t="s">
        <v>520</v>
      </c>
      <c r="G382" s="16">
        <v>3299</v>
      </c>
      <c r="H382" s="16">
        <v>531</v>
      </c>
      <c r="I382" s="16">
        <v>2260</v>
      </c>
      <c r="J382" s="16">
        <v>25</v>
      </c>
      <c r="K382" s="16">
        <v>436</v>
      </c>
      <c r="L382" s="16">
        <v>47</v>
      </c>
    </row>
    <row r="383" spans="1:12">
      <c r="A383" s="21" t="s">
        <v>240</v>
      </c>
      <c r="B383" s="21" t="s">
        <v>237</v>
      </c>
      <c r="C383" s="21" t="s">
        <v>265</v>
      </c>
      <c r="D383" s="21" t="s">
        <v>534</v>
      </c>
      <c r="E383" s="21" t="s">
        <v>216</v>
      </c>
      <c r="F383" s="21" t="s">
        <v>521</v>
      </c>
      <c r="G383" s="16">
        <v>3584</v>
      </c>
      <c r="H383" s="16">
        <v>535</v>
      </c>
      <c r="I383" s="16">
        <v>2532</v>
      </c>
      <c r="J383" s="16">
        <v>37</v>
      </c>
      <c r="K383" s="16">
        <v>449</v>
      </c>
      <c r="L383" s="16">
        <v>31</v>
      </c>
    </row>
    <row r="384" spans="1:12">
      <c r="A384" s="21" t="s">
        <v>240</v>
      </c>
      <c r="B384" s="21" t="s">
        <v>237</v>
      </c>
      <c r="C384" s="21" t="s">
        <v>265</v>
      </c>
      <c r="D384" s="21" t="s">
        <v>534</v>
      </c>
      <c r="E384" s="21" t="s">
        <v>216</v>
      </c>
      <c r="F384" s="21" t="s">
        <v>522</v>
      </c>
      <c r="G384" s="16">
        <v>3404</v>
      </c>
      <c r="H384" s="16">
        <v>415</v>
      </c>
      <c r="I384" s="16">
        <v>2527</v>
      </c>
      <c r="J384" s="16">
        <v>44</v>
      </c>
      <c r="K384" s="16">
        <v>399</v>
      </c>
      <c r="L384" s="16">
        <v>19</v>
      </c>
    </row>
    <row r="385" spans="1:12">
      <c r="A385" s="21" t="s">
        <v>240</v>
      </c>
      <c r="B385" s="21" t="s">
        <v>237</v>
      </c>
      <c r="C385" s="21" t="s">
        <v>265</v>
      </c>
      <c r="D385" s="21" t="s">
        <v>534</v>
      </c>
      <c r="E385" s="21" t="s">
        <v>216</v>
      </c>
      <c r="F385" s="21" t="s">
        <v>523</v>
      </c>
      <c r="G385" s="16">
        <v>3539</v>
      </c>
      <c r="H385" s="16">
        <v>301</v>
      </c>
      <c r="I385" s="16">
        <v>2729</v>
      </c>
      <c r="J385" s="16">
        <v>123</v>
      </c>
      <c r="K385" s="16">
        <v>365</v>
      </c>
      <c r="L385" s="16">
        <v>21</v>
      </c>
    </row>
    <row r="386" spans="1:12">
      <c r="A386" s="21" t="s">
        <v>240</v>
      </c>
      <c r="B386" s="21" t="s">
        <v>237</v>
      </c>
      <c r="C386" s="21" t="s">
        <v>265</v>
      </c>
      <c r="D386" s="21" t="s">
        <v>534</v>
      </c>
      <c r="E386" s="21" t="s">
        <v>216</v>
      </c>
      <c r="F386" s="21" t="s">
        <v>524</v>
      </c>
      <c r="G386" s="16">
        <v>3805</v>
      </c>
      <c r="H386" s="16">
        <v>162</v>
      </c>
      <c r="I386" s="16">
        <v>3145</v>
      </c>
      <c r="J386" s="16">
        <v>173</v>
      </c>
      <c r="K386" s="16">
        <v>303</v>
      </c>
      <c r="L386" s="16">
        <v>22</v>
      </c>
    </row>
    <row r="387" spans="1:12">
      <c r="A387" s="21" t="s">
        <v>240</v>
      </c>
      <c r="B387" s="21" t="s">
        <v>237</v>
      </c>
      <c r="C387" s="21" t="s">
        <v>265</v>
      </c>
      <c r="D387" s="21" t="s">
        <v>534</v>
      </c>
      <c r="E387" s="21" t="s">
        <v>216</v>
      </c>
      <c r="F387" s="21" t="s">
        <v>525</v>
      </c>
      <c r="G387" s="16">
        <v>4234</v>
      </c>
      <c r="H387" s="16">
        <v>115</v>
      </c>
      <c r="I387" s="16">
        <v>3529</v>
      </c>
      <c r="J387" s="16">
        <v>318</v>
      </c>
      <c r="K387" s="16">
        <v>264</v>
      </c>
      <c r="L387" s="16">
        <v>8</v>
      </c>
    </row>
    <row r="388" spans="1:12">
      <c r="A388" s="21" t="s">
        <v>240</v>
      </c>
      <c r="B388" s="21" t="s">
        <v>237</v>
      </c>
      <c r="C388" s="21" t="s">
        <v>265</v>
      </c>
      <c r="D388" s="21" t="s">
        <v>534</v>
      </c>
      <c r="E388" s="21" t="s">
        <v>216</v>
      </c>
      <c r="F388" s="21" t="s">
        <v>526</v>
      </c>
      <c r="G388" s="16">
        <v>4101</v>
      </c>
      <c r="H388" s="16">
        <v>79</v>
      </c>
      <c r="I388" s="16">
        <v>3276</v>
      </c>
      <c r="J388" s="16">
        <v>509</v>
      </c>
      <c r="K388" s="16">
        <v>219</v>
      </c>
      <c r="L388" s="16">
        <v>18</v>
      </c>
    </row>
    <row r="389" spans="1:12">
      <c r="A389" s="21" t="s">
        <v>240</v>
      </c>
      <c r="B389" s="21" t="s">
        <v>237</v>
      </c>
      <c r="C389" s="21" t="s">
        <v>265</v>
      </c>
      <c r="D389" s="21" t="s">
        <v>534</v>
      </c>
      <c r="E389" s="21" t="s">
        <v>216</v>
      </c>
      <c r="F389" s="21" t="s">
        <v>527</v>
      </c>
      <c r="G389" s="16">
        <v>3206</v>
      </c>
      <c r="H389" s="16">
        <v>65</v>
      </c>
      <c r="I389" s="16">
        <v>2302</v>
      </c>
      <c r="J389" s="16">
        <v>717</v>
      </c>
      <c r="K389" s="16">
        <v>107</v>
      </c>
      <c r="L389" s="16">
        <v>15</v>
      </c>
    </row>
    <row r="390" spans="1:12">
      <c r="A390" s="21" t="s">
        <v>240</v>
      </c>
      <c r="B390" s="21" t="s">
        <v>237</v>
      </c>
      <c r="C390" s="21" t="s">
        <v>265</v>
      </c>
      <c r="D390" s="21" t="s">
        <v>534</v>
      </c>
      <c r="E390" s="21" t="s">
        <v>216</v>
      </c>
      <c r="F390" s="21" t="s">
        <v>528</v>
      </c>
      <c r="G390" s="16">
        <v>2606</v>
      </c>
      <c r="H390" s="16">
        <v>33</v>
      </c>
      <c r="I390" s="16">
        <v>1465</v>
      </c>
      <c r="J390" s="16">
        <v>1030</v>
      </c>
      <c r="K390" s="16">
        <v>69</v>
      </c>
      <c r="L390" s="16">
        <v>9</v>
      </c>
    </row>
    <row r="391" spans="1:12">
      <c r="A391" s="21" t="s">
        <v>240</v>
      </c>
      <c r="B391" s="21" t="s">
        <v>237</v>
      </c>
      <c r="C391" s="21" t="s">
        <v>265</v>
      </c>
      <c r="D391" s="21" t="s">
        <v>534</v>
      </c>
      <c r="E391" s="21" t="s">
        <v>216</v>
      </c>
      <c r="F391" s="21" t="s">
        <v>529</v>
      </c>
      <c r="G391" s="16">
        <v>1868</v>
      </c>
      <c r="H391" s="16">
        <v>28</v>
      </c>
      <c r="I391" s="16">
        <v>613</v>
      </c>
      <c r="J391" s="16">
        <v>1183</v>
      </c>
      <c r="K391" s="16">
        <v>32</v>
      </c>
      <c r="L391" s="16">
        <v>12</v>
      </c>
    </row>
    <row r="392" spans="1:12">
      <c r="A392" s="21" t="s">
        <v>240</v>
      </c>
      <c r="B392" s="21" t="s">
        <v>237</v>
      </c>
      <c r="C392" s="21" t="s">
        <v>265</v>
      </c>
      <c r="D392" s="21" t="s">
        <v>534</v>
      </c>
      <c r="E392" s="21" t="s">
        <v>216</v>
      </c>
      <c r="F392" s="21" t="s">
        <v>530</v>
      </c>
      <c r="G392" s="16">
        <v>886</v>
      </c>
      <c r="H392" s="16">
        <v>13</v>
      </c>
      <c r="I392" s="16">
        <v>129</v>
      </c>
      <c r="J392" s="16">
        <v>720</v>
      </c>
      <c r="K392" s="16">
        <v>18</v>
      </c>
      <c r="L392" s="16">
        <v>6</v>
      </c>
    </row>
    <row r="393" spans="1:12">
      <c r="A393" s="21" t="s">
        <v>240</v>
      </c>
      <c r="B393" s="21" t="s">
        <v>237</v>
      </c>
      <c r="C393" s="21" t="s">
        <v>265</v>
      </c>
      <c r="D393" s="21" t="s">
        <v>534</v>
      </c>
      <c r="E393" s="21" t="s">
        <v>216</v>
      </c>
      <c r="F393" s="21" t="s">
        <v>531</v>
      </c>
      <c r="G393" s="16">
        <v>213</v>
      </c>
      <c r="H393" s="16">
        <v>4</v>
      </c>
      <c r="I393" s="16">
        <v>18</v>
      </c>
      <c r="J393" s="16">
        <v>185</v>
      </c>
      <c r="K393" s="16">
        <v>4</v>
      </c>
      <c r="L393" s="16">
        <v>2</v>
      </c>
    </row>
    <row r="394" spans="1:12">
      <c r="A394" s="21" t="s">
        <v>240</v>
      </c>
      <c r="B394" s="21" t="s">
        <v>237</v>
      </c>
      <c r="C394" s="21" t="s">
        <v>265</v>
      </c>
      <c r="D394" s="21" t="s">
        <v>534</v>
      </c>
      <c r="E394" s="21" t="s">
        <v>216</v>
      </c>
      <c r="F394" s="21" t="s">
        <v>532</v>
      </c>
      <c r="G394" s="16">
        <v>18</v>
      </c>
      <c r="H394" s="22" t="s">
        <v>268</v>
      </c>
      <c r="I394" s="22" t="s">
        <v>268</v>
      </c>
      <c r="J394" s="16">
        <v>16</v>
      </c>
      <c r="K394" s="16">
        <v>2</v>
      </c>
      <c r="L394" s="22" t="s">
        <v>268</v>
      </c>
    </row>
    <row r="395" spans="1:12">
      <c r="A395" s="21" t="s">
        <v>240</v>
      </c>
      <c r="B395" s="21" t="s">
        <v>237</v>
      </c>
      <c r="C395" s="21" t="s">
        <v>265</v>
      </c>
      <c r="D395" s="21" t="s">
        <v>534</v>
      </c>
      <c r="E395" s="21" t="s">
        <v>216</v>
      </c>
      <c r="F395" s="21" t="s">
        <v>533</v>
      </c>
      <c r="G395" s="16">
        <v>105</v>
      </c>
      <c r="H395" s="22" t="s">
        <v>268</v>
      </c>
      <c r="I395" s="22" t="s">
        <v>268</v>
      </c>
      <c r="J395" s="22" t="s">
        <v>268</v>
      </c>
      <c r="K395" s="22" t="s">
        <v>268</v>
      </c>
      <c r="L395" s="16">
        <v>105</v>
      </c>
    </row>
    <row r="396" spans="1:12">
      <c r="A396" s="21" t="s">
        <v>240</v>
      </c>
      <c r="B396" s="21" t="s">
        <v>237</v>
      </c>
      <c r="C396" s="21" t="s">
        <v>265</v>
      </c>
      <c r="D396" s="21" t="s">
        <v>534</v>
      </c>
      <c r="E396" s="21" t="s">
        <v>216</v>
      </c>
      <c r="F396" s="21" t="s">
        <v>461</v>
      </c>
      <c r="G396" s="16">
        <v>29054</v>
      </c>
      <c r="H396" s="16">
        <v>8032</v>
      </c>
      <c r="I396" s="16">
        <v>17772</v>
      </c>
      <c r="J396" s="16">
        <v>430</v>
      </c>
      <c r="K396" s="16">
        <v>2588</v>
      </c>
      <c r="L396" s="16">
        <v>232</v>
      </c>
    </row>
    <row r="397" spans="1:12">
      <c r="A397" s="21" t="s">
        <v>240</v>
      </c>
      <c r="B397" s="21" t="s">
        <v>237</v>
      </c>
      <c r="C397" s="21" t="s">
        <v>265</v>
      </c>
      <c r="D397" s="21" t="s">
        <v>534</v>
      </c>
      <c r="E397" s="21" t="s">
        <v>216</v>
      </c>
      <c r="F397" s="21" t="s">
        <v>462</v>
      </c>
      <c r="G397" s="16">
        <v>17132</v>
      </c>
      <c r="H397" s="16">
        <v>337</v>
      </c>
      <c r="I397" s="16">
        <v>11332</v>
      </c>
      <c r="J397" s="16">
        <v>4678</v>
      </c>
      <c r="K397" s="16">
        <v>715</v>
      </c>
      <c r="L397" s="16">
        <v>70</v>
      </c>
    </row>
    <row r="398" spans="1:12">
      <c r="A398" s="21" t="s">
        <v>240</v>
      </c>
      <c r="B398" s="21" t="s">
        <v>237</v>
      </c>
      <c r="C398" s="21" t="s">
        <v>265</v>
      </c>
      <c r="D398" s="21" t="s">
        <v>534</v>
      </c>
      <c r="E398" s="21" t="s">
        <v>216</v>
      </c>
      <c r="F398" s="21" t="s">
        <v>463</v>
      </c>
      <c r="G398" s="16">
        <v>8797</v>
      </c>
      <c r="H398" s="16">
        <v>143</v>
      </c>
      <c r="I398" s="16">
        <v>4527</v>
      </c>
      <c r="J398" s="16">
        <v>3851</v>
      </c>
      <c r="K398" s="16">
        <v>232</v>
      </c>
      <c r="L398" s="16">
        <v>44</v>
      </c>
    </row>
    <row r="399" spans="1:12">
      <c r="A399" s="21" t="s">
        <v>240</v>
      </c>
      <c r="B399" s="21" t="s">
        <v>237</v>
      </c>
      <c r="C399" s="21" t="s">
        <v>265</v>
      </c>
      <c r="D399" s="21" t="s">
        <v>534</v>
      </c>
      <c r="E399" s="21" t="s">
        <v>216</v>
      </c>
      <c r="F399" s="21" t="s">
        <v>464</v>
      </c>
      <c r="G399" s="16">
        <v>2985</v>
      </c>
      <c r="H399" s="16">
        <v>45</v>
      </c>
      <c r="I399" s="16">
        <v>760</v>
      </c>
      <c r="J399" s="16">
        <v>2104</v>
      </c>
      <c r="K399" s="16">
        <v>56</v>
      </c>
      <c r="L399" s="16">
        <v>20</v>
      </c>
    </row>
    <row r="400" spans="1:12">
      <c r="A400" s="21" t="s">
        <v>240</v>
      </c>
      <c r="B400" s="21" t="s">
        <v>237</v>
      </c>
      <c r="C400" s="21" t="s">
        <v>265</v>
      </c>
      <c r="D400" s="21" t="s">
        <v>534</v>
      </c>
      <c r="E400" s="21" t="s">
        <v>216</v>
      </c>
      <c r="F400" s="21" t="s">
        <v>431</v>
      </c>
      <c r="G400" s="16">
        <v>30854</v>
      </c>
      <c r="H400" s="16">
        <v>5732</v>
      </c>
      <c r="I400" s="16">
        <v>21287</v>
      </c>
      <c r="J400" s="16">
        <v>748</v>
      </c>
      <c r="K400" s="16">
        <v>2849</v>
      </c>
      <c r="L400" s="16">
        <v>238</v>
      </c>
    </row>
    <row r="401" spans="1:12">
      <c r="A401" s="21" t="s">
        <v>240</v>
      </c>
      <c r="B401" s="21" t="s">
        <v>237</v>
      </c>
      <c r="C401" s="21" t="s">
        <v>265</v>
      </c>
      <c r="D401" s="21" t="s">
        <v>535</v>
      </c>
      <c r="E401" s="21" t="s">
        <v>216</v>
      </c>
      <c r="F401" s="21" t="s">
        <v>401</v>
      </c>
      <c r="G401" s="16">
        <v>5928</v>
      </c>
      <c r="H401" s="16">
        <v>397</v>
      </c>
      <c r="I401" s="16">
        <v>750</v>
      </c>
      <c r="J401" s="16">
        <v>2672</v>
      </c>
      <c r="K401" s="16">
        <v>1870</v>
      </c>
      <c r="L401" s="16">
        <v>239</v>
      </c>
    </row>
    <row r="402" spans="1:12">
      <c r="A402" s="21" t="s">
        <v>240</v>
      </c>
      <c r="B402" s="21" t="s">
        <v>237</v>
      </c>
      <c r="C402" s="21" t="s">
        <v>265</v>
      </c>
      <c r="D402" s="21" t="s">
        <v>535</v>
      </c>
      <c r="E402" s="21" t="s">
        <v>216</v>
      </c>
      <c r="F402" s="21" t="s">
        <v>514</v>
      </c>
      <c r="G402" s="22" t="s">
        <v>268</v>
      </c>
      <c r="H402" s="22" t="s">
        <v>268</v>
      </c>
      <c r="I402" s="22" t="s">
        <v>268</v>
      </c>
      <c r="J402" s="22" t="s">
        <v>268</v>
      </c>
      <c r="K402" s="22" t="s">
        <v>268</v>
      </c>
      <c r="L402" s="22" t="s">
        <v>268</v>
      </c>
    </row>
    <row r="403" spans="1:12">
      <c r="A403" s="21" t="s">
        <v>240</v>
      </c>
      <c r="B403" s="21" t="s">
        <v>237</v>
      </c>
      <c r="C403" s="21" t="s">
        <v>265</v>
      </c>
      <c r="D403" s="21" t="s">
        <v>535</v>
      </c>
      <c r="E403" s="21" t="s">
        <v>216</v>
      </c>
      <c r="F403" s="21" t="s">
        <v>515</v>
      </c>
      <c r="G403" s="16">
        <v>4</v>
      </c>
      <c r="H403" s="16">
        <v>3</v>
      </c>
      <c r="I403" s="22" t="s">
        <v>268</v>
      </c>
      <c r="J403" s="22" t="s">
        <v>268</v>
      </c>
      <c r="K403" s="16">
        <v>1</v>
      </c>
      <c r="L403" s="22" t="s">
        <v>268</v>
      </c>
    </row>
    <row r="404" spans="1:12">
      <c r="A404" s="21" t="s">
        <v>240</v>
      </c>
      <c r="B404" s="21" t="s">
        <v>237</v>
      </c>
      <c r="C404" s="21" t="s">
        <v>265</v>
      </c>
      <c r="D404" s="21" t="s">
        <v>535</v>
      </c>
      <c r="E404" s="21" t="s">
        <v>216</v>
      </c>
      <c r="F404" s="21" t="s">
        <v>516</v>
      </c>
      <c r="G404" s="16">
        <v>40</v>
      </c>
      <c r="H404" s="16">
        <v>15</v>
      </c>
      <c r="I404" s="16">
        <v>9</v>
      </c>
      <c r="J404" s="22" t="s">
        <v>268</v>
      </c>
      <c r="K404" s="16">
        <v>9</v>
      </c>
      <c r="L404" s="16">
        <v>7</v>
      </c>
    </row>
    <row r="405" spans="1:12">
      <c r="A405" s="21" t="s">
        <v>240</v>
      </c>
      <c r="B405" s="21" t="s">
        <v>237</v>
      </c>
      <c r="C405" s="21" t="s">
        <v>265</v>
      </c>
      <c r="D405" s="21" t="s">
        <v>535</v>
      </c>
      <c r="E405" s="21" t="s">
        <v>216</v>
      </c>
      <c r="F405" s="21" t="s">
        <v>517</v>
      </c>
      <c r="G405" s="16">
        <v>117</v>
      </c>
      <c r="H405" s="16">
        <v>29</v>
      </c>
      <c r="I405" s="16">
        <v>25</v>
      </c>
      <c r="J405" s="22" t="s">
        <v>268</v>
      </c>
      <c r="K405" s="16">
        <v>47</v>
      </c>
      <c r="L405" s="16">
        <v>16</v>
      </c>
    </row>
    <row r="406" spans="1:12">
      <c r="A406" s="21" t="s">
        <v>240</v>
      </c>
      <c r="B406" s="21" t="s">
        <v>237</v>
      </c>
      <c r="C406" s="21" t="s">
        <v>265</v>
      </c>
      <c r="D406" s="21" t="s">
        <v>535</v>
      </c>
      <c r="E406" s="21" t="s">
        <v>216</v>
      </c>
      <c r="F406" s="21" t="s">
        <v>518</v>
      </c>
      <c r="G406" s="16">
        <v>229</v>
      </c>
      <c r="H406" s="16">
        <v>35</v>
      </c>
      <c r="I406" s="16">
        <v>53</v>
      </c>
      <c r="J406" s="16">
        <v>7</v>
      </c>
      <c r="K406" s="16">
        <v>115</v>
      </c>
      <c r="L406" s="16">
        <v>19</v>
      </c>
    </row>
    <row r="407" spans="1:12">
      <c r="A407" s="21" t="s">
        <v>240</v>
      </c>
      <c r="B407" s="21" t="s">
        <v>237</v>
      </c>
      <c r="C407" s="21" t="s">
        <v>265</v>
      </c>
      <c r="D407" s="21" t="s">
        <v>535</v>
      </c>
      <c r="E407" s="21" t="s">
        <v>216</v>
      </c>
      <c r="F407" s="21" t="s">
        <v>519</v>
      </c>
      <c r="G407" s="16">
        <v>361</v>
      </c>
      <c r="H407" s="16">
        <v>42</v>
      </c>
      <c r="I407" s="16">
        <v>70</v>
      </c>
      <c r="J407" s="16">
        <v>12</v>
      </c>
      <c r="K407" s="16">
        <v>204</v>
      </c>
      <c r="L407" s="16">
        <v>33</v>
      </c>
    </row>
    <row r="408" spans="1:12">
      <c r="A408" s="21" t="s">
        <v>240</v>
      </c>
      <c r="B408" s="21" t="s">
        <v>237</v>
      </c>
      <c r="C408" s="21" t="s">
        <v>265</v>
      </c>
      <c r="D408" s="21" t="s">
        <v>535</v>
      </c>
      <c r="E408" s="21" t="s">
        <v>216</v>
      </c>
      <c r="F408" s="21" t="s">
        <v>520</v>
      </c>
      <c r="G408" s="16">
        <v>429</v>
      </c>
      <c r="H408" s="16">
        <v>36</v>
      </c>
      <c r="I408" s="16">
        <v>76</v>
      </c>
      <c r="J408" s="16">
        <v>15</v>
      </c>
      <c r="K408" s="16">
        <v>257</v>
      </c>
      <c r="L408" s="16">
        <v>45</v>
      </c>
    </row>
    <row r="409" spans="1:12">
      <c r="A409" s="21" t="s">
        <v>240</v>
      </c>
      <c r="B409" s="21" t="s">
        <v>237</v>
      </c>
      <c r="C409" s="21" t="s">
        <v>265</v>
      </c>
      <c r="D409" s="21" t="s">
        <v>535</v>
      </c>
      <c r="E409" s="21" t="s">
        <v>216</v>
      </c>
      <c r="F409" s="21" t="s">
        <v>521</v>
      </c>
      <c r="G409" s="16">
        <v>485</v>
      </c>
      <c r="H409" s="16">
        <v>48</v>
      </c>
      <c r="I409" s="16">
        <v>103</v>
      </c>
      <c r="J409" s="16">
        <v>28</v>
      </c>
      <c r="K409" s="16">
        <v>279</v>
      </c>
      <c r="L409" s="16">
        <v>27</v>
      </c>
    </row>
    <row r="410" spans="1:12">
      <c r="A410" s="21" t="s">
        <v>240</v>
      </c>
      <c r="B410" s="21" t="s">
        <v>237</v>
      </c>
      <c r="C410" s="21" t="s">
        <v>265</v>
      </c>
      <c r="D410" s="21" t="s">
        <v>535</v>
      </c>
      <c r="E410" s="21" t="s">
        <v>216</v>
      </c>
      <c r="F410" s="21" t="s">
        <v>522</v>
      </c>
      <c r="G410" s="16">
        <v>412</v>
      </c>
      <c r="H410" s="16">
        <v>40</v>
      </c>
      <c r="I410" s="16">
        <v>97</v>
      </c>
      <c r="J410" s="16">
        <v>34</v>
      </c>
      <c r="K410" s="16">
        <v>226</v>
      </c>
      <c r="L410" s="16">
        <v>15</v>
      </c>
    </row>
    <row r="411" spans="1:12">
      <c r="A411" s="21" t="s">
        <v>240</v>
      </c>
      <c r="B411" s="21" t="s">
        <v>237</v>
      </c>
      <c r="C411" s="21" t="s">
        <v>265</v>
      </c>
      <c r="D411" s="21" t="s">
        <v>535</v>
      </c>
      <c r="E411" s="21" t="s">
        <v>216</v>
      </c>
      <c r="F411" s="21" t="s">
        <v>523</v>
      </c>
      <c r="G411" s="16">
        <v>392</v>
      </c>
      <c r="H411" s="16">
        <v>34</v>
      </c>
      <c r="I411" s="16">
        <v>74</v>
      </c>
      <c r="J411" s="16">
        <v>80</v>
      </c>
      <c r="K411" s="16">
        <v>192</v>
      </c>
      <c r="L411" s="16">
        <v>12</v>
      </c>
    </row>
    <row r="412" spans="1:12">
      <c r="A412" s="21" t="s">
        <v>240</v>
      </c>
      <c r="B412" s="21" t="s">
        <v>237</v>
      </c>
      <c r="C412" s="21" t="s">
        <v>265</v>
      </c>
      <c r="D412" s="21" t="s">
        <v>535</v>
      </c>
      <c r="E412" s="21" t="s">
        <v>216</v>
      </c>
      <c r="F412" s="21" t="s">
        <v>524</v>
      </c>
      <c r="G412" s="16">
        <v>384</v>
      </c>
      <c r="H412" s="16">
        <v>25</v>
      </c>
      <c r="I412" s="16">
        <v>49</v>
      </c>
      <c r="J412" s="16">
        <v>131</v>
      </c>
      <c r="K412" s="16">
        <v>168</v>
      </c>
      <c r="L412" s="16">
        <v>11</v>
      </c>
    </row>
    <row r="413" spans="1:12">
      <c r="A413" s="21" t="s">
        <v>240</v>
      </c>
      <c r="B413" s="21" t="s">
        <v>237</v>
      </c>
      <c r="C413" s="21" t="s">
        <v>265</v>
      </c>
      <c r="D413" s="21" t="s">
        <v>535</v>
      </c>
      <c r="E413" s="21" t="s">
        <v>216</v>
      </c>
      <c r="F413" s="21" t="s">
        <v>525</v>
      </c>
      <c r="G413" s="16">
        <v>445</v>
      </c>
      <c r="H413" s="16">
        <v>25</v>
      </c>
      <c r="I413" s="16">
        <v>52</v>
      </c>
      <c r="J413" s="16">
        <v>223</v>
      </c>
      <c r="K413" s="16">
        <v>138</v>
      </c>
      <c r="L413" s="16">
        <v>7</v>
      </c>
    </row>
    <row r="414" spans="1:12">
      <c r="A414" s="21" t="s">
        <v>240</v>
      </c>
      <c r="B414" s="21" t="s">
        <v>237</v>
      </c>
      <c r="C414" s="21" t="s">
        <v>265</v>
      </c>
      <c r="D414" s="21" t="s">
        <v>535</v>
      </c>
      <c r="E414" s="21" t="s">
        <v>216</v>
      </c>
      <c r="F414" s="21" t="s">
        <v>526</v>
      </c>
      <c r="G414" s="16">
        <v>572</v>
      </c>
      <c r="H414" s="16">
        <v>24</v>
      </c>
      <c r="I414" s="16">
        <v>43</v>
      </c>
      <c r="J414" s="16">
        <v>362</v>
      </c>
      <c r="K414" s="16">
        <v>133</v>
      </c>
      <c r="L414" s="16">
        <v>10</v>
      </c>
    </row>
    <row r="415" spans="1:12">
      <c r="A415" s="21" t="s">
        <v>240</v>
      </c>
      <c r="B415" s="21" t="s">
        <v>237</v>
      </c>
      <c r="C415" s="21" t="s">
        <v>265</v>
      </c>
      <c r="D415" s="21" t="s">
        <v>535</v>
      </c>
      <c r="E415" s="21" t="s">
        <v>216</v>
      </c>
      <c r="F415" s="21" t="s">
        <v>527</v>
      </c>
      <c r="G415" s="16">
        <v>586</v>
      </c>
      <c r="H415" s="16">
        <v>21</v>
      </c>
      <c r="I415" s="16">
        <v>42</v>
      </c>
      <c r="J415" s="16">
        <v>460</v>
      </c>
      <c r="K415" s="16">
        <v>52</v>
      </c>
      <c r="L415" s="16">
        <v>11</v>
      </c>
    </row>
    <row r="416" spans="1:12">
      <c r="A416" s="21" t="s">
        <v>240</v>
      </c>
      <c r="B416" s="21" t="s">
        <v>237</v>
      </c>
      <c r="C416" s="21" t="s">
        <v>265</v>
      </c>
      <c r="D416" s="21" t="s">
        <v>535</v>
      </c>
      <c r="E416" s="21" t="s">
        <v>216</v>
      </c>
      <c r="F416" s="21" t="s">
        <v>528</v>
      </c>
      <c r="G416" s="16">
        <v>600</v>
      </c>
      <c r="H416" s="16">
        <v>7</v>
      </c>
      <c r="I416" s="16">
        <v>27</v>
      </c>
      <c r="J416" s="16">
        <v>530</v>
      </c>
      <c r="K416" s="16">
        <v>32</v>
      </c>
      <c r="L416" s="16">
        <v>4</v>
      </c>
    </row>
    <row r="417" spans="1:12">
      <c r="A417" s="21" t="s">
        <v>240</v>
      </c>
      <c r="B417" s="21" t="s">
        <v>237</v>
      </c>
      <c r="C417" s="21" t="s">
        <v>265</v>
      </c>
      <c r="D417" s="21" t="s">
        <v>535</v>
      </c>
      <c r="E417" s="21" t="s">
        <v>216</v>
      </c>
      <c r="F417" s="21" t="s">
        <v>529</v>
      </c>
      <c r="G417" s="16">
        <v>551</v>
      </c>
      <c r="H417" s="16">
        <v>9</v>
      </c>
      <c r="I417" s="16">
        <v>16</v>
      </c>
      <c r="J417" s="16">
        <v>508</v>
      </c>
      <c r="K417" s="16">
        <v>12</v>
      </c>
      <c r="L417" s="16">
        <v>6</v>
      </c>
    </row>
    <row r="418" spans="1:12">
      <c r="A418" s="21" t="s">
        <v>240</v>
      </c>
      <c r="B418" s="21" t="s">
        <v>237</v>
      </c>
      <c r="C418" s="21" t="s">
        <v>265</v>
      </c>
      <c r="D418" s="21" t="s">
        <v>535</v>
      </c>
      <c r="E418" s="21" t="s">
        <v>216</v>
      </c>
      <c r="F418" s="21" t="s">
        <v>530</v>
      </c>
      <c r="G418" s="16">
        <v>241</v>
      </c>
      <c r="H418" s="16">
        <v>2</v>
      </c>
      <c r="I418" s="16">
        <v>11</v>
      </c>
      <c r="J418" s="16">
        <v>223</v>
      </c>
      <c r="K418" s="16">
        <v>3</v>
      </c>
      <c r="L418" s="16">
        <v>2</v>
      </c>
    </row>
    <row r="419" spans="1:12">
      <c r="A419" s="21" t="s">
        <v>240</v>
      </c>
      <c r="B419" s="21" t="s">
        <v>237</v>
      </c>
      <c r="C419" s="21" t="s">
        <v>265</v>
      </c>
      <c r="D419" s="21" t="s">
        <v>535</v>
      </c>
      <c r="E419" s="21" t="s">
        <v>216</v>
      </c>
      <c r="F419" s="21" t="s">
        <v>531</v>
      </c>
      <c r="G419" s="16">
        <v>63</v>
      </c>
      <c r="H419" s="16">
        <v>2</v>
      </c>
      <c r="I419" s="16">
        <v>3</v>
      </c>
      <c r="J419" s="16">
        <v>56</v>
      </c>
      <c r="K419" s="16">
        <v>2</v>
      </c>
      <c r="L419" s="22" t="s">
        <v>268</v>
      </c>
    </row>
    <row r="420" spans="1:12">
      <c r="A420" s="21" t="s">
        <v>240</v>
      </c>
      <c r="B420" s="21" t="s">
        <v>237</v>
      </c>
      <c r="C420" s="21" t="s">
        <v>265</v>
      </c>
      <c r="D420" s="21" t="s">
        <v>535</v>
      </c>
      <c r="E420" s="21" t="s">
        <v>216</v>
      </c>
      <c r="F420" s="21" t="s">
        <v>532</v>
      </c>
      <c r="G420" s="16">
        <v>3</v>
      </c>
      <c r="H420" s="22" t="s">
        <v>268</v>
      </c>
      <c r="I420" s="22" t="s">
        <v>268</v>
      </c>
      <c r="J420" s="16">
        <v>3</v>
      </c>
      <c r="K420" s="22" t="s">
        <v>268</v>
      </c>
      <c r="L420" s="22" t="s">
        <v>268</v>
      </c>
    </row>
    <row r="421" spans="1:12">
      <c r="A421" s="21" t="s">
        <v>240</v>
      </c>
      <c r="B421" s="21" t="s">
        <v>237</v>
      </c>
      <c r="C421" s="21" t="s">
        <v>265</v>
      </c>
      <c r="D421" s="21" t="s">
        <v>535</v>
      </c>
      <c r="E421" s="21" t="s">
        <v>216</v>
      </c>
      <c r="F421" s="21" t="s">
        <v>533</v>
      </c>
      <c r="G421" s="16">
        <v>14</v>
      </c>
      <c r="H421" s="22" t="s">
        <v>268</v>
      </c>
      <c r="I421" s="22" t="s">
        <v>268</v>
      </c>
      <c r="J421" s="22" t="s">
        <v>268</v>
      </c>
      <c r="K421" s="22" t="s">
        <v>268</v>
      </c>
      <c r="L421" s="16">
        <v>14</v>
      </c>
    </row>
    <row r="422" spans="1:12">
      <c r="A422" s="21" t="s">
        <v>240</v>
      </c>
      <c r="B422" s="21" t="s">
        <v>237</v>
      </c>
      <c r="C422" s="21" t="s">
        <v>265</v>
      </c>
      <c r="D422" s="21" t="s">
        <v>535</v>
      </c>
      <c r="E422" s="21" t="s">
        <v>216</v>
      </c>
      <c r="F422" s="21" t="s">
        <v>461</v>
      </c>
      <c r="G422" s="16">
        <v>2853</v>
      </c>
      <c r="H422" s="16">
        <v>307</v>
      </c>
      <c r="I422" s="16">
        <v>556</v>
      </c>
      <c r="J422" s="16">
        <v>307</v>
      </c>
      <c r="K422" s="16">
        <v>1498</v>
      </c>
      <c r="L422" s="16">
        <v>185</v>
      </c>
    </row>
    <row r="423" spans="1:12">
      <c r="A423" s="21" t="s">
        <v>240</v>
      </c>
      <c r="B423" s="21" t="s">
        <v>237</v>
      </c>
      <c r="C423" s="21" t="s">
        <v>265</v>
      </c>
      <c r="D423" s="21" t="s">
        <v>535</v>
      </c>
      <c r="E423" s="21" t="s">
        <v>216</v>
      </c>
      <c r="F423" s="21" t="s">
        <v>462</v>
      </c>
      <c r="G423" s="16">
        <v>3061</v>
      </c>
      <c r="H423" s="16">
        <v>90</v>
      </c>
      <c r="I423" s="16">
        <v>194</v>
      </c>
      <c r="J423" s="16">
        <v>2365</v>
      </c>
      <c r="K423" s="16">
        <v>372</v>
      </c>
      <c r="L423" s="16">
        <v>40</v>
      </c>
    </row>
    <row r="424" spans="1:12">
      <c r="A424" s="21" t="s">
        <v>240</v>
      </c>
      <c r="B424" s="21" t="s">
        <v>237</v>
      </c>
      <c r="C424" s="21" t="s">
        <v>265</v>
      </c>
      <c r="D424" s="21" t="s">
        <v>535</v>
      </c>
      <c r="E424" s="21" t="s">
        <v>216</v>
      </c>
      <c r="F424" s="21" t="s">
        <v>463</v>
      </c>
      <c r="G424" s="16">
        <v>2044</v>
      </c>
      <c r="H424" s="16">
        <v>41</v>
      </c>
      <c r="I424" s="16">
        <v>99</v>
      </c>
      <c r="J424" s="16">
        <v>1780</v>
      </c>
      <c r="K424" s="16">
        <v>101</v>
      </c>
      <c r="L424" s="16">
        <v>23</v>
      </c>
    </row>
    <row r="425" spans="1:12">
      <c r="A425" s="21" t="s">
        <v>240</v>
      </c>
      <c r="B425" s="21" t="s">
        <v>237</v>
      </c>
      <c r="C425" s="21" t="s">
        <v>265</v>
      </c>
      <c r="D425" s="21" t="s">
        <v>535</v>
      </c>
      <c r="E425" s="21" t="s">
        <v>216</v>
      </c>
      <c r="F425" s="21" t="s">
        <v>464</v>
      </c>
      <c r="G425" s="16">
        <v>858</v>
      </c>
      <c r="H425" s="16">
        <v>13</v>
      </c>
      <c r="I425" s="16">
        <v>30</v>
      </c>
      <c r="J425" s="16">
        <v>790</v>
      </c>
      <c r="K425" s="16">
        <v>17</v>
      </c>
      <c r="L425" s="16">
        <v>8</v>
      </c>
    </row>
    <row r="426" spans="1:12">
      <c r="A426" s="21" t="s">
        <v>240</v>
      </c>
      <c r="B426" s="21" t="s">
        <v>237</v>
      </c>
      <c r="C426" s="21" t="s">
        <v>265</v>
      </c>
      <c r="D426" s="21" t="s">
        <v>535</v>
      </c>
      <c r="E426" s="21" t="s">
        <v>216</v>
      </c>
      <c r="F426" s="21" t="s">
        <v>431</v>
      </c>
      <c r="G426" s="16">
        <v>3294</v>
      </c>
      <c r="H426" s="16">
        <v>329</v>
      </c>
      <c r="I426" s="16">
        <v>608</v>
      </c>
      <c r="J426" s="16">
        <v>530</v>
      </c>
      <c r="K426" s="16">
        <v>1635</v>
      </c>
      <c r="L426" s="16">
        <v>192</v>
      </c>
    </row>
    <row r="427" spans="1:12">
      <c r="A427" s="21" t="s">
        <v>240</v>
      </c>
      <c r="B427" s="21" t="s">
        <v>237</v>
      </c>
      <c r="C427" s="21" t="s">
        <v>265</v>
      </c>
      <c r="D427" s="21" t="s">
        <v>536</v>
      </c>
      <c r="E427" s="21" t="s">
        <v>216</v>
      </c>
      <c r="F427" s="21" t="s">
        <v>401</v>
      </c>
      <c r="G427" s="16">
        <v>8997</v>
      </c>
      <c r="H427" s="16">
        <v>2592</v>
      </c>
      <c r="I427" s="16">
        <v>667</v>
      </c>
      <c r="J427" s="16">
        <v>3309</v>
      </c>
      <c r="K427" s="16">
        <v>1506</v>
      </c>
      <c r="L427" s="16">
        <v>923</v>
      </c>
    </row>
    <row r="428" spans="1:12">
      <c r="A428" s="21" t="s">
        <v>240</v>
      </c>
      <c r="B428" s="21" t="s">
        <v>237</v>
      </c>
      <c r="C428" s="21" t="s">
        <v>265</v>
      </c>
      <c r="D428" s="21" t="s">
        <v>536</v>
      </c>
      <c r="E428" s="21" t="s">
        <v>216</v>
      </c>
      <c r="F428" s="21" t="s">
        <v>514</v>
      </c>
      <c r="G428" s="22" t="s">
        <v>268</v>
      </c>
      <c r="H428" s="22" t="s">
        <v>268</v>
      </c>
      <c r="I428" s="22" t="s">
        <v>268</v>
      </c>
      <c r="J428" s="22" t="s">
        <v>268</v>
      </c>
      <c r="K428" s="22" t="s">
        <v>268</v>
      </c>
      <c r="L428" s="22" t="s">
        <v>268</v>
      </c>
    </row>
    <row r="429" spans="1:12">
      <c r="A429" s="21" t="s">
        <v>240</v>
      </c>
      <c r="B429" s="21" t="s">
        <v>237</v>
      </c>
      <c r="C429" s="21" t="s">
        <v>265</v>
      </c>
      <c r="D429" s="21" t="s">
        <v>536</v>
      </c>
      <c r="E429" s="21" t="s">
        <v>216</v>
      </c>
      <c r="F429" s="21" t="s">
        <v>515</v>
      </c>
      <c r="G429" s="16">
        <v>46</v>
      </c>
      <c r="H429" s="16">
        <v>44</v>
      </c>
      <c r="I429" s="22" t="s">
        <v>268</v>
      </c>
      <c r="J429" s="22" t="s">
        <v>268</v>
      </c>
      <c r="K429" s="16">
        <v>1</v>
      </c>
      <c r="L429" s="16">
        <v>1</v>
      </c>
    </row>
    <row r="430" spans="1:12">
      <c r="A430" s="21" t="s">
        <v>240</v>
      </c>
      <c r="B430" s="21" t="s">
        <v>237</v>
      </c>
      <c r="C430" s="21" t="s">
        <v>265</v>
      </c>
      <c r="D430" s="21" t="s">
        <v>536</v>
      </c>
      <c r="E430" s="21" t="s">
        <v>216</v>
      </c>
      <c r="F430" s="21" t="s">
        <v>516</v>
      </c>
      <c r="G430" s="16">
        <v>614</v>
      </c>
      <c r="H430" s="16">
        <v>543</v>
      </c>
      <c r="I430" s="16">
        <v>18</v>
      </c>
      <c r="J430" s="22" t="s">
        <v>268</v>
      </c>
      <c r="K430" s="16">
        <v>3</v>
      </c>
      <c r="L430" s="16">
        <v>50</v>
      </c>
    </row>
    <row r="431" spans="1:12">
      <c r="A431" s="21" t="s">
        <v>240</v>
      </c>
      <c r="B431" s="21" t="s">
        <v>237</v>
      </c>
      <c r="C431" s="21" t="s">
        <v>265</v>
      </c>
      <c r="D431" s="21" t="s">
        <v>536</v>
      </c>
      <c r="E431" s="21" t="s">
        <v>216</v>
      </c>
      <c r="F431" s="21" t="s">
        <v>517</v>
      </c>
      <c r="G431" s="16">
        <v>680</v>
      </c>
      <c r="H431" s="16">
        <v>492</v>
      </c>
      <c r="I431" s="16">
        <v>103</v>
      </c>
      <c r="J431" s="16">
        <v>1</v>
      </c>
      <c r="K431" s="16">
        <v>18</v>
      </c>
      <c r="L431" s="16">
        <v>66</v>
      </c>
    </row>
    <row r="432" spans="1:12">
      <c r="A432" s="21" t="s">
        <v>240</v>
      </c>
      <c r="B432" s="21" t="s">
        <v>237</v>
      </c>
      <c r="C432" s="21" t="s">
        <v>265</v>
      </c>
      <c r="D432" s="21" t="s">
        <v>536</v>
      </c>
      <c r="E432" s="21" t="s">
        <v>216</v>
      </c>
      <c r="F432" s="21" t="s">
        <v>518</v>
      </c>
      <c r="G432" s="16">
        <v>409</v>
      </c>
      <c r="H432" s="16">
        <v>224</v>
      </c>
      <c r="I432" s="16">
        <v>113</v>
      </c>
      <c r="J432" s="16">
        <v>3</v>
      </c>
      <c r="K432" s="16">
        <v>20</v>
      </c>
      <c r="L432" s="16">
        <v>49</v>
      </c>
    </row>
    <row r="433" spans="1:12">
      <c r="A433" s="21" t="s">
        <v>240</v>
      </c>
      <c r="B433" s="21" t="s">
        <v>237</v>
      </c>
      <c r="C433" s="21" t="s">
        <v>265</v>
      </c>
      <c r="D433" s="21" t="s">
        <v>536</v>
      </c>
      <c r="E433" s="21" t="s">
        <v>216</v>
      </c>
      <c r="F433" s="21" t="s">
        <v>519</v>
      </c>
      <c r="G433" s="16">
        <v>285</v>
      </c>
      <c r="H433" s="16">
        <v>160</v>
      </c>
      <c r="I433" s="16">
        <v>63</v>
      </c>
      <c r="J433" s="16">
        <v>3</v>
      </c>
      <c r="K433" s="16">
        <v>28</v>
      </c>
      <c r="L433" s="16">
        <v>31</v>
      </c>
    </row>
    <row r="434" spans="1:12">
      <c r="A434" s="21" t="s">
        <v>240</v>
      </c>
      <c r="B434" s="21" t="s">
        <v>237</v>
      </c>
      <c r="C434" s="21" t="s">
        <v>265</v>
      </c>
      <c r="D434" s="21" t="s">
        <v>536</v>
      </c>
      <c r="E434" s="21" t="s">
        <v>216</v>
      </c>
      <c r="F434" s="21" t="s">
        <v>520</v>
      </c>
      <c r="G434" s="16">
        <v>205</v>
      </c>
      <c r="H434" s="16">
        <v>106</v>
      </c>
      <c r="I434" s="16">
        <v>38</v>
      </c>
      <c r="J434" s="16">
        <v>6</v>
      </c>
      <c r="K434" s="16">
        <v>25</v>
      </c>
      <c r="L434" s="16">
        <v>30</v>
      </c>
    </row>
    <row r="435" spans="1:12">
      <c r="A435" s="21" t="s">
        <v>240</v>
      </c>
      <c r="B435" s="21" t="s">
        <v>237</v>
      </c>
      <c r="C435" s="21" t="s">
        <v>265</v>
      </c>
      <c r="D435" s="21" t="s">
        <v>536</v>
      </c>
      <c r="E435" s="21" t="s">
        <v>216</v>
      </c>
      <c r="F435" s="21" t="s">
        <v>521</v>
      </c>
      <c r="G435" s="16">
        <v>305</v>
      </c>
      <c r="H435" s="16">
        <v>128</v>
      </c>
      <c r="I435" s="16">
        <v>47</v>
      </c>
      <c r="J435" s="16">
        <v>10</v>
      </c>
      <c r="K435" s="16">
        <v>90</v>
      </c>
      <c r="L435" s="16">
        <v>30</v>
      </c>
    </row>
    <row r="436" spans="1:12">
      <c r="A436" s="21" t="s">
        <v>240</v>
      </c>
      <c r="B436" s="21" t="s">
        <v>237</v>
      </c>
      <c r="C436" s="21" t="s">
        <v>265</v>
      </c>
      <c r="D436" s="21" t="s">
        <v>536</v>
      </c>
      <c r="E436" s="21" t="s">
        <v>216</v>
      </c>
      <c r="F436" s="21" t="s">
        <v>522</v>
      </c>
      <c r="G436" s="16">
        <v>347</v>
      </c>
      <c r="H436" s="16">
        <v>111</v>
      </c>
      <c r="I436" s="16">
        <v>44</v>
      </c>
      <c r="J436" s="16">
        <v>23</v>
      </c>
      <c r="K436" s="16">
        <v>144</v>
      </c>
      <c r="L436" s="16">
        <v>25</v>
      </c>
    </row>
    <row r="437" spans="1:12">
      <c r="A437" s="21" t="s">
        <v>240</v>
      </c>
      <c r="B437" s="21" t="s">
        <v>237</v>
      </c>
      <c r="C437" s="21" t="s">
        <v>265</v>
      </c>
      <c r="D437" s="21" t="s">
        <v>536</v>
      </c>
      <c r="E437" s="21" t="s">
        <v>216</v>
      </c>
      <c r="F437" s="21" t="s">
        <v>523</v>
      </c>
      <c r="G437" s="16">
        <v>451</v>
      </c>
      <c r="H437" s="16">
        <v>132</v>
      </c>
      <c r="I437" s="16">
        <v>49</v>
      </c>
      <c r="J437" s="16">
        <v>65</v>
      </c>
      <c r="K437" s="16">
        <v>181</v>
      </c>
      <c r="L437" s="16">
        <v>24</v>
      </c>
    </row>
    <row r="438" spans="1:12">
      <c r="A438" s="21" t="s">
        <v>240</v>
      </c>
      <c r="B438" s="21" t="s">
        <v>237</v>
      </c>
      <c r="C438" s="21" t="s">
        <v>265</v>
      </c>
      <c r="D438" s="21" t="s">
        <v>536</v>
      </c>
      <c r="E438" s="21" t="s">
        <v>216</v>
      </c>
      <c r="F438" s="21" t="s">
        <v>524</v>
      </c>
      <c r="G438" s="16">
        <v>555</v>
      </c>
      <c r="H438" s="16">
        <v>135</v>
      </c>
      <c r="I438" s="16">
        <v>32</v>
      </c>
      <c r="J438" s="16">
        <v>132</v>
      </c>
      <c r="K438" s="16">
        <v>225</v>
      </c>
      <c r="L438" s="16">
        <v>31</v>
      </c>
    </row>
    <row r="439" spans="1:12">
      <c r="A439" s="21" t="s">
        <v>240</v>
      </c>
      <c r="B439" s="21" t="s">
        <v>237</v>
      </c>
      <c r="C439" s="21" t="s">
        <v>265</v>
      </c>
      <c r="D439" s="21" t="s">
        <v>536</v>
      </c>
      <c r="E439" s="21" t="s">
        <v>216</v>
      </c>
      <c r="F439" s="21" t="s">
        <v>525</v>
      </c>
      <c r="G439" s="16">
        <v>725</v>
      </c>
      <c r="H439" s="16">
        <v>146</v>
      </c>
      <c r="I439" s="16">
        <v>39</v>
      </c>
      <c r="J439" s="16">
        <v>255</v>
      </c>
      <c r="K439" s="16">
        <v>256</v>
      </c>
      <c r="L439" s="16">
        <v>29</v>
      </c>
    </row>
    <row r="440" spans="1:12">
      <c r="A440" s="21" t="s">
        <v>240</v>
      </c>
      <c r="B440" s="21" t="s">
        <v>237</v>
      </c>
      <c r="C440" s="21" t="s">
        <v>265</v>
      </c>
      <c r="D440" s="21" t="s">
        <v>536</v>
      </c>
      <c r="E440" s="21" t="s">
        <v>216</v>
      </c>
      <c r="F440" s="21" t="s">
        <v>526</v>
      </c>
      <c r="G440" s="16">
        <v>926</v>
      </c>
      <c r="H440" s="16">
        <v>142</v>
      </c>
      <c r="I440" s="16">
        <v>41</v>
      </c>
      <c r="J440" s="16">
        <v>461</v>
      </c>
      <c r="K440" s="16">
        <v>264</v>
      </c>
      <c r="L440" s="16">
        <v>18</v>
      </c>
    </row>
    <row r="441" spans="1:12">
      <c r="A441" s="21" t="s">
        <v>240</v>
      </c>
      <c r="B441" s="21" t="s">
        <v>237</v>
      </c>
      <c r="C441" s="21" t="s">
        <v>265</v>
      </c>
      <c r="D441" s="21" t="s">
        <v>536</v>
      </c>
      <c r="E441" s="21" t="s">
        <v>216</v>
      </c>
      <c r="F441" s="21" t="s">
        <v>527</v>
      </c>
      <c r="G441" s="16">
        <v>938</v>
      </c>
      <c r="H441" s="16">
        <v>112</v>
      </c>
      <c r="I441" s="16">
        <v>32</v>
      </c>
      <c r="J441" s="16">
        <v>655</v>
      </c>
      <c r="K441" s="16">
        <v>125</v>
      </c>
      <c r="L441" s="16">
        <v>14</v>
      </c>
    </row>
    <row r="442" spans="1:12">
      <c r="A442" s="21" t="s">
        <v>240</v>
      </c>
      <c r="B442" s="21" t="s">
        <v>237</v>
      </c>
      <c r="C442" s="21" t="s">
        <v>265</v>
      </c>
      <c r="D442" s="21" t="s">
        <v>536</v>
      </c>
      <c r="E442" s="21" t="s">
        <v>216</v>
      </c>
      <c r="F442" s="21" t="s">
        <v>528</v>
      </c>
      <c r="G442" s="16">
        <v>967</v>
      </c>
      <c r="H442" s="16">
        <v>62</v>
      </c>
      <c r="I442" s="16">
        <v>31</v>
      </c>
      <c r="J442" s="16">
        <v>778</v>
      </c>
      <c r="K442" s="16">
        <v>81</v>
      </c>
      <c r="L442" s="16">
        <v>15</v>
      </c>
    </row>
    <row r="443" spans="1:12">
      <c r="A443" s="21" t="s">
        <v>240</v>
      </c>
      <c r="B443" s="21" t="s">
        <v>237</v>
      </c>
      <c r="C443" s="21" t="s">
        <v>265</v>
      </c>
      <c r="D443" s="21" t="s">
        <v>536</v>
      </c>
      <c r="E443" s="21" t="s">
        <v>216</v>
      </c>
      <c r="F443" s="21" t="s">
        <v>529</v>
      </c>
      <c r="G443" s="16">
        <v>737</v>
      </c>
      <c r="H443" s="16">
        <v>40</v>
      </c>
      <c r="I443" s="16">
        <v>15</v>
      </c>
      <c r="J443" s="16">
        <v>636</v>
      </c>
      <c r="K443" s="16">
        <v>35</v>
      </c>
      <c r="L443" s="16">
        <v>11</v>
      </c>
    </row>
    <row r="444" spans="1:12">
      <c r="A444" s="21" t="s">
        <v>240</v>
      </c>
      <c r="B444" s="21" t="s">
        <v>237</v>
      </c>
      <c r="C444" s="21" t="s">
        <v>265</v>
      </c>
      <c r="D444" s="21" t="s">
        <v>536</v>
      </c>
      <c r="E444" s="21" t="s">
        <v>216</v>
      </c>
      <c r="F444" s="21" t="s">
        <v>530</v>
      </c>
      <c r="G444" s="16">
        <v>268</v>
      </c>
      <c r="H444" s="16">
        <v>10</v>
      </c>
      <c r="I444" s="16">
        <v>1</v>
      </c>
      <c r="J444" s="16">
        <v>248</v>
      </c>
      <c r="K444" s="16">
        <v>7</v>
      </c>
      <c r="L444" s="16">
        <v>2</v>
      </c>
    </row>
    <row r="445" spans="1:12">
      <c r="A445" s="21" t="s">
        <v>240</v>
      </c>
      <c r="B445" s="21" t="s">
        <v>237</v>
      </c>
      <c r="C445" s="21" t="s">
        <v>265</v>
      </c>
      <c r="D445" s="21" t="s">
        <v>536</v>
      </c>
      <c r="E445" s="21" t="s">
        <v>216</v>
      </c>
      <c r="F445" s="21" t="s">
        <v>531</v>
      </c>
      <c r="G445" s="16">
        <v>41</v>
      </c>
      <c r="H445" s="16">
        <v>5</v>
      </c>
      <c r="I445" s="16">
        <v>1</v>
      </c>
      <c r="J445" s="16">
        <v>31</v>
      </c>
      <c r="K445" s="16">
        <v>3</v>
      </c>
      <c r="L445" s="16">
        <v>1</v>
      </c>
    </row>
    <row r="446" spans="1:12">
      <c r="A446" s="21" t="s">
        <v>240</v>
      </c>
      <c r="B446" s="21" t="s">
        <v>237</v>
      </c>
      <c r="C446" s="21" t="s">
        <v>265</v>
      </c>
      <c r="D446" s="21" t="s">
        <v>536</v>
      </c>
      <c r="E446" s="21" t="s">
        <v>216</v>
      </c>
      <c r="F446" s="21" t="s">
        <v>532</v>
      </c>
      <c r="G446" s="16">
        <v>2</v>
      </c>
      <c r="H446" s="22" t="s">
        <v>268</v>
      </c>
      <c r="I446" s="22" t="s">
        <v>268</v>
      </c>
      <c r="J446" s="16">
        <v>2</v>
      </c>
      <c r="K446" s="22" t="s">
        <v>268</v>
      </c>
      <c r="L446" s="22" t="s">
        <v>268</v>
      </c>
    </row>
    <row r="447" spans="1:12">
      <c r="A447" s="21" t="s">
        <v>240</v>
      </c>
      <c r="B447" s="21" t="s">
        <v>237</v>
      </c>
      <c r="C447" s="21" t="s">
        <v>265</v>
      </c>
      <c r="D447" s="21" t="s">
        <v>536</v>
      </c>
      <c r="E447" s="21" t="s">
        <v>216</v>
      </c>
      <c r="F447" s="21" t="s">
        <v>533</v>
      </c>
      <c r="G447" s="16">
        <v>496</v>
      </c>
      <c r="H447" s="22" t="s">
        <v>268</v>
      </c>
      <c r="I447" s="22" t="s">
        <v>268</v>
      </c>
      <c r="J447" s="22" t="s">
        <v>268</v>
      </c>
      <c r="K447" s="22" t="s">
        <v>268</v>
      </c>
      <c r="L447" s="16">
        <v>496</v>
      </c>
    </row>
    <row r="448" spans="1:12">
      <c r="A448" s="21" t="s">
        <v>240</v>
      </c>
      <c r="B448" s="21" t="s">
        <v>237</v>
      </c>
      <c r="C448" s="21" t="s">
        <v>265</v>
      </c>
      <c r="D448" s="21" t="s">
        <v>536</v>
      </c>
      <c r="E448" s="21" t="s">
        <v>216</v>
      </c>
      <c r="F448" s="21" t="s">
        <v>461</v>
      </c>
      <c r="G448" s="16">
        <v>3897</v>
      </c>
      <c r="H448" s="16">
        <v>2075</v>
      </c>
      <c r="I448" s="16">
        <v>507</v>
      </c>
      <c r="J448" s="16">
        <v>243</v>
      </c>
      <c r="K448" s="16">
        <v>735</v>
      </c>
      <c r="L448" s="16">
        <v>337</v>
      </c>
    </row>
    <row r="449" spans="1:12">
      <c r="A449" s="21" t="s">
        <v>240</v>
      </c>
      <c r="B449" s="21" t="s">
        <v>237</v>
      </c>
      <c r="C449" s="21" t="s">
        <v>265</v>
      </c>
      <c r="D449" s="21" t="s">
        <v>536</v>
      </c>
      <c r="E449" s="21" t="s">
        <v>216</v>
      </c>
      <c r="F449" s="21" t="s">
        <v>462</v>
      </c>
      <c r="G449" s="16">
        <v>4604</v>
      </c>
      <c r="H449" s="16">
        <v>517</v>
      </c>
      <c r="I449" s="16">
        <v>160</v>
      </c>
      <c r="J449" s="16">
        <v>3066</v>
      </c>
      <c r="K449" s="16">
        <v>771</v>
      </c>
      <c r="L449" s="16">
        <v>90</v>
      </c>
    </row>
    <row r="450" spans="1:12">
      <c r="A450" s="21" t="s">
        <v>240</v>
      </c>
      <c r="B450" s="21" t="s">
        <v>237</v>
      </c>
      <c r="C450" s="21" t="s">
        <v>265</v>
      </c>
      <c r="D450" s="21" t="s">
        <v>536</v>
      </c>
      <c r="E450" s="21" t="s">
        <v>216</v>
      </c>
      <c r="F450" s="21" t="s">
        <v>463</v>
      </c>
      <c r="G450" s="16">
        <v>2953</v>
      </c>
      <c r="H450" s="16">
        <v>229</v>
      </c>
      <c r="I450" s="16">
        <v>80</v>
      </c>
      <c r="J450" s="16">
        <v>2350</v>
      </c>
      <c r="K450" s="16">
        <v>251</v>
      </c>
      <c r="L450" s="16">
        <v>43</v>
      </c>
    </row>
    <row r="451" spans="1:12">
      <c r="A451" s="21" t="s">
        <v>240</v>
      </c>
      <c r="B451" s="21" t="s">
        <v>237</v>
      </c>
      <c r="C451" s="21" t="s">
        <v>265</v>
      </c>
      <c r="D451" s="21" t="s">
        <v>536</v>
      </c>
      <c r="E451" s="21" t="s">
        <v>216</v>
      </c>
      <c r="F451" s="21" t="s">
        <v>464</v>
      </c>
      <c r="G451" s="16">
        <v>1048</v>
      </c>
      <c r="H451" s="16">
        <v>55</v>
      </c>
      <c r="I451" s="16">
        <v>17</v>
      </c>
      <c r="J451" s="16">
        <v>917</v>
      </c>
      <c r="K451" s="16">
        <v>45</v>
      </c>
      <c r="L451" s="16">
        <v>14</v>
      </c>
    </row>
    <row r="452" spans="1:12">
      <c r="A452" s="21" t="s">
        <v>240</v>
      </c>
      <c r="B452" s="21" t="s">
        <v>237</v>
      </c>
      <c r="C452" s="21" t="s">
        <v>265</v>
      </c>
      <c r="D452" s="21" t="s">
        <v>536</v>
      </c>
      <c r="E452" s="21" t="s">
        <v>216</v>
      </c>
      <c r="F452" s="21" t="s">
        <v>431</v>
      </c>
      <c r="G452" s="16">
        <v>4576</v>
      </c>
      <c r="H452" s="16">
        <v>2177</v>
      </c>
      <c r="I452" s="16">
        <v>546</v>
      </c>
      <c r="J452" s="16">
        <v>498</v>
      </c>
      <c r="K452" s="16">
        <v>990</v>
      </c>
      <c r="L452" s="16">
        <v>365</v>
      </c>
    </row>
    <row r="453" spans="1:12">
      <c r="A453" s="21" t="s">
        <v>240</v>
      </c>
      <c r="B453" s="21" t="s">
        <v>237</v>
      </c>
      <c r="C453" s="21" t="s">
        <v>265</v>
      </c>
      <c r="D453" s="21" t="s">
        <v>218</v>
      </c>
      <c r="E453" s="21" t="s">
        <v>216</v>
      </c>
      <c r="F453" s="21" t="s">
        <v>401</v>
      </c>
      <c r="G453" s="16">
        <v>3308</v>
      </c>
      <c r="H453" s="16">
        <v>749</v>
      </c>
      <c r="I453" s="16">
        <v>351</v>
      </c>
      <c r="J453" s="16">
        <v>1737</v>
      </c>
      <c r="K453" s="16">
        <v>187</v>
      </c>
      <c r="L453" s="16">
        <v>284</v>
      </c>
    </row>
    <row r="454" spans="1:12">
      <c r="A454" s="21" t="s">
        <v>240</v>
      </c>
      <c r="B454" s="21" t="s">
        <v>237</v>
      </c>
      <c r="C454" s="21" t="s">
        <v>265</v>
      </c>
      <c r="D454" s="21" t="s">
        <v>218</v>
      </c>
      <c r="E454" s="21" t="s">
        <v>216</v>
      </c>
      <c r="F454" s="21" t="s">
        <v>514</v>
      </c>
      <c r="G454" s="16">
        <v>19</v>
      </c>
      <c r="H454" s="16">
        <v>19</v>
      </c>
      <c r="I454" s="22" t="s">
        <v>268</v>
      </c>
      <c r="J454" s="22" t="s">
        <v>268</v>
      </c>
      <c r="K454" s="22" t="s">
        <v>268</v>
      </c>
      <c r="L454" s="22" t="s">
        <v>268</v>
      </c>
    </row>
    <row r="455" spans="1:12">
      <c r="A455" s="21" t="s">
        <v>240</v>
      </c>
      <c r="B455" s="21" t="s">
        <v>237</v>
      </c>
      <c r="C455" s="21" t="s">
        <v>265</v>
      </c>
      <c r="D455" s="21" t="s">
        <v>218</v>
      </c>
      <c r="E455" s="21" t="s">
        <v>216</v>
      </c>
      <c r="F455" s="21" t="s">
        <v>515</v>
      </c>
      <c r="G455" s="16">
        <v>311</v>
      </c>
      <c r="H455" s="16">
        <v>311</v>
      </c>
      <c r="I455" s="22" t="s">
        <v>268</v>
      </c>
      <c r="J455" s="22" t="s">
        <v>268</v>
      </c>
      <c r="K455" s="22" t="s">
        <v>268</v>
      </c>
      <c r="L455" s="22" t="s">
        <v>268</v>
      </c>
    </row>
    <row r="456" spans="1:12">
      <c r="A456" s="21" t="s">
        <v>240</v>
      </c>
      <c r="B456" s="21" t="s">
        <v>237</v>
      </c>
      <c r="C456" s="21" t="s">
        <v>265</v>
      </c>
      <c r="D456" s="21" t="s">
        <v>218</v>
      </c>
      <c r="E456" s="21" t="s">
        <v>216</v>
      </c>
      <c r="F456" s="21" t="s">
        <v>516</v>
      </c>
      <c r="G456" s="16">
        <v>63</v>
      </c>
      <c r="H456" s="16">
        <v>63</v>
      </c>
      <c r="I456" s="22" t="s">
        <v>268</v>
      </c>
      <c r="J456" s="22" t="s">
        <v>268</v>
      </c>
      <c r="K456" s="22" t="s">
        <v>268</v>
      </c>
      <c r="L456" s="22" t="s">
        <v>268</v>
      </c>
    </row>
    <row r="457" spans="1:12">
      <c r="A457" s="21" t="s">
        <v>240</v>
      </c>
      <c r="B457" s="21" t="s">
        <v>237</v>
      </c>
      <c r="C457" s="21" t="s">
        <v>265</v>
      </c>
      <c r="D457" s="21" t="s">
        <v>218</v>
      </c>
      <c r="E457" s="21" t="s">
        <v>216</v>
      </c>
      <c r="F457" s="21" t="s">
        <v>517</v>
      </c>
      <c r="G457" s="16">
        <v>13</v>
      </c>
      <c r="H457" s="16">
        <v>10</v>
      </c>
      <c r="I457" s="16">
        <v>2</v>
      </c>
      <c r="J457" s="22" t="s">
        <v>268</v>
      </c>
      <c r="K457" s="22" t="s">
        <v>268</v>
      </c>
      <c r="L457" s="16">
        <v>1</v>
      </c>
    </row>
    <row r="458" spans="1:12">
      <c r="A458" s="21" t="s">
        <v>240</v>
      </c>
      <c r="B458" s="21" t="s">
        <v>237</v>
      </c>
      <c r="C458" s="21" t="s">
        <v>265</v>
      </c>
      <c r="D458" s="21" t="s">
        <v>218</v>
      </c>
      <c r="E458" s="21" t="s">
        <v>216</v>
      </c>
      <c r="F458" s="21" t="s">
        <v>518</v>
      </c>
      <c r="G458" s="16">
        <v>11</v>
      </c>
      <c r="H458" s="16">
        <v>7</v>
      </c>
      <c r="I458" s="16">
        <v>4</v>
      </c>
      <c r="J458" s="22" t="s">
        <v>268</v>
      </c>
      <c r="K458" s="22" t="s">
        <v>268</v>
      </c>
      <c r="L458" s="22" t="s">
        <v>268</v>
      </c>
    </row>
    <row r="459" spans="1:12">
      <c r="A459" s="21" t="s">
        <v>240</v>
      </c>
      <c r="B459" s="21" t="s">
        <v>237</v>
      </c>
      <c r="C459" s="21" t="s">
        <v>265</v>
      </c>
      <c r="D459" s="21" t="s">
        <v>218</v>
      </c>
      <c r="E459" s="21" t="s">
        <v>216</v>
      </c>
      <c r="F459" s="21" t="s">
        <v>519</v>
      </c>
      <c r="G459" s="16">
        <v>8</v>
      </c>
      <c r="H459" s="16">
        <v>8</v>
      </c>
      <c r="I459" s="22" t="s">
        <v>268</v>
      </c>
      <c r="J459" s="22" t="s">
        <v>268</v>
      </c>
      <c r="K459" s="22" t="s">
        <v>268</v>
      </c>
      <c r="L459" s="22" t="s">
        <v>268</v>
      </c>
    </row>
    <row r="460" spans="1:12">
      <c r="A460" s="21" t="s">
        <v>240</v>
      </c>
      <c r="B460" s="21" t="s">
        <v>237</v>
      </c>
      <c r="C460" s="21" t="s">
        <v>265</v>
      </c>
      <c r="D460" s="21" t="s">
        <v>218</v>
      </c>
      <c r="E460" s="21" t="s">
        <v>216</v>
      </c>
      <c r="F460" s="21" t="s">
        <v>520</v>
      </c>
      <c r="G460" s="16">
        <v>6</v>
      </c>
      <c r="H460" s="16">
        <v>5</v>
      </c>
      <c r="I460" s="16">
        <v>1</v>
      </c>
      <c r="J460" s="22" t="s">
        <v>268</v>
      </c>
      <c r="K460" s="22" t="s">
        <v>268</v>
      </c>
      <c r="L460" s="22" t="s">
        <v>268</v>
      </c>
    </row>
    <row r="461" spans="1:12">
      <c r="A461" s="21" t="s">
        <v>240</v>
      </c>
      <c r="B461" s="21" t="s">
        <v>237</v>
      </c>
      <c r="C461" s="21" t="s">
        <v>265</v>
      </c>
      <c r="D461" s="21" t="s">
        <v>218</v>
      </c>
      <c r="E461" s="21" t="s">
        <v>216</v>
      </c>
      <c r="F461" s="21" t="s">
        <v>521</v>
      </c>
      <c r="G461" s="16">
        <v>20</v>
      </c>
      <c r="H461" s="16">
        <v>15</v>
      </c>
      <c r="I461" s="16">
        <v>2</v>
      </c>
      <c r="J461" s="22" t="s">
        <v>268</v>
      </c>
      <c r="K461" s="16">
        <v>2</v>
      </c>
      <c r="L461" s="16">
        <v>1</v>
      </c>
    </row>
    <row r="462" spans="1:12">
      <c r="A462" s="21" t="s">
        <v>240</v>
      </c>
      <c r="B462" s="21" t="s">
        <v>237</v>
      </c>
      <c r="C462" s="21" t="s">
        <v>265</v>
      </c>
      <c r="D462" s="21" t="s">
        <v>218</v>
      </c>
      <c r="E462" s="21" t="s">
        <v>216</v>
      </c>
      <c r="F462" s="21" t="s">
        <v>522</v>
      </c>
      <c r="G462" s="16">
        <v>23</v>
      </c>
      <c r="H462" s="16">
        <v>13</v>
      </c>
      <c r="I462" s="16">
        <v>3</v>
      </c>
      <c r="J462" s="22" t="s">
        <v>268</v>
      </c>
      <c r="K462" s="16">
        <v>7</v>
      </c>
      <c r="L462" s="22" t="s">
        <v>268</v>
      </c>
    </row>
    <row r="463" spans="1:12">
      <c r="A463" s="21" t="s">
        <v>240</v>
      </c>
      <c r="B463" s="21" t="s">
        <v>237</v>
      </c>
      <c r="C463" s="21" t="s">
        <v>265</v>
      </c>
      <c r="D463" s="21" t="s">
        <v>218</v>
      </c>
      <c r="E463" s="21" t="s">
        <v>216</v>
      </c>
      <c r="F463" s="21" t="s">
        <v>523</v>
      </c>
      <c r="G463" s="16">
        <v>34</v>
      </c>
      <c r="H463" s="16">
        <v>21</v>
      </c>
      <c r="I463" s="16">
        <v>3</v>
      </c>
      <c r="J463" s="16">
        <v>4</v>
      </c>
      <c r="K463" s="16">
        <v>4</v>
      </c>
      <c r="L463" s="16">
        <v>2</v>
      </c>
    </row>
    <row r="464" spans="1:12">
      <c r="A464" s="21" t="s">
        <v>240</v>
      </c>
      <c r="B464" s="21" t="s">
        <v>237</v>
      </c>
      <c r="C464" s="21" t="s">
        <v>265</v>
      </c>
      <c r="D464" s="21" t="s">
        <v>218</v>
      </c>
      <c r="E464" s="21" t="s">
        <v>216</v>
      </c>
      <c r="F464" s="21" t="s">
        <v>524</v>
      </c>
      <c r="G464" s="16">
        <v>40</v>
      </c>
      <c r="H464" s="16">
        <v>20</v>
      </c>
      <c r="I464" s="16">
        <v>4</v>
      </c>
      <c r="J464" s="16">
        <v>4</v>
      </c>
      <c r="K464" s="16">
        <v>10</v>
      </c>
      <c r="L464" s="16">
        <v>2</v>
      </c>
    </row>
    <row r="465" spans="1:12">
      <c r="A465" s="21" t="s">
        <v>240</v>
      </c>
      <c r="B465" s="21" t="s">
        <v>237</v>
      </c>
      <c r="C465" s="21" t="s">
        <v>265</v>
      </c>
      <c r="D465" s="21" t="s">
        <v>218</v>
      </c>
      <c r="E465" s="21" t="s">
        <v>216</v>
      </c>
      <c r="F465" s="21" t="s">
        <v>525</v>
      </c>
      <c r="G465" s="16">
        <v>86</v>
      </c>
      <c r="H465" s="16">
        <v>36</v>
      </c>
      <c r="I465" s="16">
        <v>19</v>
      </c>
      <c r="J465" s="16">
        <v>10</v>
      </c>
      <c r="K465" s="16">
        <v>18</v>
      </c>
      <c r="L465" s="16">
        <v>3</v>
      </c>
    </row>
    <row r="466" spans="1:12">
      <c r="A466" s="21" t="s">
        <v>240</v>
      </c>
      <c r="B466" s="21" t="s">
        <v>237</v>
      </c>
      <c r="C466" s="21" t="s">
        <v>265</v>
      </c>
      <c r="D466" s="21" t="s">
        <v>218</v>
      </c>
      <c r="E466" s="21" t="s">
        <v>216</v>
      </c>
      <c r="F466" s="21" t="s">
        <v>526</v>
      </c>
      <c r="G466" s="16">
        <v>138</v>
      </c>
      <c r="H466" s="16">
        <v>34</v>
      </c>
      <c r="I466" s="16">
        <v>31</v>
      </c>
      <c r="J466" s="16">
        <v>24</v>
      </c>
      <c r="K466" s="16">
        <v>39</v>
      </c>
      <c r="L466" s="16">
        <v>10</v>
      </c>
    </row>
    <row r="467" spans="1:12">
      <c r="A467" s="21" t="s">
        <v>240</v>
      </c>
      <c r="B467" s="21" t="s">
        <v>237</v>
      </c>
      <c r="C467" s="21" t="s">
        <v>265</v>
      </c>
      <c r="D467" s="21" t="s">
        <v>218</v>
      </c>
      <c r="E467" s="21" t="s">
        <v>216</v>
      </c>
      <c r="F467" s="21" t="s">
        <v>527</v>
      </c>
      <c r="G467" s="16">
        <v>211</v>
      </c>
      <c r="H467" s="16">
        <v>31</v>
      </c>
      <c r="I467" s="16">
        <v>52</v>
      </c>
      <c r="J467" s="16">
        <v>82</v>
      </c>
      <c r="K467" s="16">
        <v>21</v>
      </c>
      <c r="L467" s="16">
        <v>25</v>
      </c>
    </row>
    <row r="468" spans="1:12">
      <c r="A468" s="21" t="s">
        <v>240</v>
      </c>
      <c r="B468" s="21" t="s">
        <v>237</v>
      </c>
      <c r="C468" s="21" t="s">
        <v>265</v>
      </c>
      <c r="D468" s="21" t="s">
        <v>218</v>
      </c>
      <c r="E468" s="21" t="s">
        <v>216</v>
      </c>
      <c r="F468" s="21" t="s">
        <v>528</v>
      </c>
      <c r="G468" s="16">
        <v>426</v>
      </c>
      <c r="H468" s="16">
        <v>48</v>
      </c>
      <c r="I468" s="16">
        <v>73</v>
      </c>
      <c r="J468" s="16">
        <v>215</v>
      </c>
      <c r="K468" s="16">
        <v>30</v>
      </c>
      <c r="L468" s="16">
        <v>60</v>
      </c>
    </row>
    <row r="469" spans="1:12">
      <c r="A469" s="21" t="s">
        <v>240</v>
      </c>
      <c r="B469" s="21" t="s">
        <v>237</v>
      </c>
      <c r="C469" s="21" t="s">
        <v>265</v>
      </c>
      <c r="D469" s="21" t="s">
        <v>218</v>
      </c>
      <c r="E469" s="21" t="s">
        <v>216</v>
      </c>
      <c r="F469" s="21" t="s">
        <v>529</v>
      </c>
      <c r="G469" s="16">
        <v>779</v>
      </c>
      <c r="H469" s="16">
        <v>50</v>
      </c>
      <c r="I469" s="16">
        <v>103</v>
      </c>
      <c r="J469" s="16">
        <v>522</v>
      </c>
      <c r="K469" s="16">
        <v>33</v>
      </c>
      <c r="L469" s="16">
        <v>71</v>
      </c>
    </row>
    <row r="470" spans="1:12">
      <c r="A470" s="21" t="s">
        <v>240</v>
      </c>
      <c r="B470" s="21" t="s">
        <v>237</v>
      </c>
      <c r="C470" s="21" t="s">
        <v>265</v>
      </c>
      <c r="D470" s="21" t="s">
        <v>218</v>
      </c>
      <c r="E470" s="21" t="s">
        <v>216</v>
      </c>
      <c r="F470" s="21" t="s">
        <v>530</v>
      </c>
      <c r="G470" s="16">
        <v>717</v>
      </c>
      <c r="H470" s="16">
        <v>44</v>
      </c>
      <c r="I470" s="16">
        <v>41</v>
      </c>
      <c r="J470" s="16">
        <v>554</v>
      </c>
      <c r="K470" s="16">
        <v>18</v>
      </c>
      <c r="L470" s="16">
        <v>60</v>
      </c>
    </row>
    <row r="471" spans="1:12">
      <c r="A471" s="21" t="s">
        <v>240</v>
      </c>
      <c r="B471" s="21" t="s">
        <v>237</v>
      </c>
      <c r="C471" s="21" t="s">
        <v>265</v>
      </c>
      <c r="D471" s="21" t="s">
        <v>218</v>
      </c>
      <c r="E471" s="21" t="s">
        <v>216</v>
      </c>
      <c r="F471" s="21" t="s">
        <v>531</v>
      </c>
      <c r="G471" s="16">
        <v>329</v>
      </c>
      <c r="H471" s="16">
        <v>13</v>
      </c>
      <c r="I471" s="16">
        <v>13</v>
      </c>
      <c r="J471" s="16">
        <v>265</v>
      </c>
      <c r="K471" s="16">
        <v>5</v>
      </c>
      <c r="L471" s="16">
        <v>33</v>
      </c>
    </row>
    <row r="472" spans="1:12">
      <c r="A472" s="21" t="s">
        <v>240</v>
      </c>
      <c r="B472" s="21" t="s">
        <v>237</v>
      </c>
      <c r="C472" s="21" t="s">
        <v>265</v>
      </c>
      <c r="D472" s="21" t="s">
        <v>218</v>
      </c>
      <c r="E472" s="21" t="s">
        <v>216</v>
      </c>
      <c r="F472" s="21" t="s">
        <v>532</v>
      </c>
      <c r="G472" s="16">
        <v>62</v>
      </c>
      <c r="H472" s="16">
        <v>1</v>
      </c>
      <c r="I472" s="22" t="s">
        <v>268</v>
      </c>
      <c r="J472" s="16">
        <v>57</v>
      </c>
      <c r="K472" s="22" t="s">
        <v>268</v>
      </c>
      <c r="L472" s="16">
        <v>4</v>
      </c>
    </row>
    <row r="473" spans="1:12">
      <c r="A473" s="21" t="s">
        <v>240</v>
      </c>
      <c r="B473" s="21" t="s">
        <v>237</v>
      </c>
      <c r="C473" s="21" t="s">
        <v>265</v>
      </c>
      <c r="D473" s="21" t="s">
        <v>218</v>
      </c>
      <c r="E473" s="21" t="s">
        <v>216</v>
      </c>
      <c r="F473" s="21" t="s">
        <v>533</v>
      </c>
      <c r="G473" s="16">
        <v>12</v>
      </c>
      <c r="H473" s="22" t="s">
        <v>268</v>
      </c>
      <c r="I473" s="22" t="s">
        <v>268</v>
      </c>
      <c r="J473" s="22" t="s">
        <v>268</v>
      </c>
      <c r="K473" s="22" t="s">
        <v>268</v>
      </c>
      <c r="L473" s="16">
        <v>12</v>
      </c>
    </row>
    <row r="474" spans="1:12">
      <c r="A474" s="21" t="s">
        <v>240</v>
      </c>
      <c r="B474" s="21" t="s">
        <v>237</v>
      </c>
      <c r="C474" s="21" t="s">
        <v>265</v>
      </c>
      <c r="D474" s="21" t="s">
        <v>218</v>
      </c>
      <c r="E474" s="21" t="s">
        <v>216</v>
      </c>
      <c r="F474" s="21" t="s">
        <v>461</v>
      </c>
      <c r="G474" s="16">
        <v>529</v>
      </c>
      <c r="H474" s="16">
        <v>473</v>
      </c>
      <c r="I474" s="16">
        <v>19</v>
      </c>
      <c r="J474" s="16">
        <v>8</v>
      </c>
      <c r="K474" s="16">
        <v>23</v>
      </c>
      <c r="L474" s="16">
        <v>6</v>
      </c>
    </row>
    <row r="475" spans="1:12">
      <c r="A475" s="21" t="s">
        <v>240</v>
      </c>
      <c r="B475" s="21" t="s">
        <v>237</v>
      </c>
      <c r="C475" s="21" t="s">
        <v>265</v>
      </c>
      <c r="D475" s="21" t="s">
        <v>218</v>
      </c>
      <c r="E475" s="21" t="s">
        <v>216</v>
      </c>
      <c r="F475" s="21" t="s">
        <v>462</v>
      </c>
      <c r="G475" s="16">
        <v>2748</v>
      </c>
      <c r="H475" s="16">
        <v>257</v>
      </c>
      <c r="I475" s="16">
        <v>332</v>
      </c>
      <c r="J475" s="16">
        <v>1729</v>
      </c>
      <c r="K475" s="16">
        <v>164</v>
      </c>
      <c r="L475" s="16">
        <v>266</v>
      </c>
    </row>
    <row r="476" spans="1:12">
      <c r="A476" s="21" t="s">
        <v>240</v>
      </c>
      <c r="B476" s="21" t="s">
        <v>237</v>
      </c>
      <c r="C476" s="21" t="s">
        <v>265</v>
      </c>
      <c r="D476" s="21" t="s">
        <v>218</v>
      </c>
      <c r="E476" s="21" t="s">
        <v>216</v>
      </c>
      <c r="F476" s="21" t="s">
        <v>463</v>
      </c>
      <c r="G476" s="16">
        <v>2524</v>
      </c>
      <c r="H476" s="16">
        <v>187</v>
      </c>
      <c r="I476" s="16">
        <v>282</v>
      </c>
      <c r="J476" s="16">
        <v>1695</v>
      </c>
      <c r="K476" s="16">
        <v>107</v>
      </c>
      <c r="L476" s="16">
        <v>253</v>
      </c>
    </row>
    <row r="477" spans="1:12">
      <c r="A477" s="21" t="s">
        <v>240</v>
      </c>
      <c r="B477" s="21" t="s">
        <v>237</v>
      </c>
      <c r="C477" s="21" t="s">
        <v>265</v>
      </c>
      <c r="D477" s="21" t="s">
        <v>218</v>
      </c>
      <c r="E477" s="21" t="s">
        <v>216</v>
      </c>
      <c r="F477" s="21" t="s">
        <v>464</v>
      </c>
      <c r="G477" s="16">
        <v>1887</v>
      </c>
      <c r="H477" s="16">
        <v>108</v>
      </c>
      <c r="I477" s="16">
        <v>157</v>
      </c>
      <c r="J477" s="16">
        <v>1398</v>
      </c>
      <c r="K477" s="16">
        <v>56</v>
      </c>
      <c r="L477" s="16">
        <v>168</v>
      </c>
    </row>
    <row r="478" spans="1:12">
      <c r="A478" s="21" t="s">
        <v>240</v>
      </c>
      <c r="B478" s="21" t="s">
        <v>237</v>
      </c>
      <c r="C478" s="21" t="s">
        <v>265</v>
      </c>
      <c r="D478" s="21" t="s">
        <v>218</v>
      </c>
      <c r="E478" s="21" t="s">
        <v>216</v>
      </c>
      <c r="F478" s="21" t="s">
        <v>431</v>
      </c>
      <c r="G478" s="16">
        <v>304</v>
      </c>
      <c r="H478" s="16">
        <v>198</v>
      </c>
      <c r="I478" s="16">
        <v>38</v>
      </c>
      <c r="J478" s="16">
        <v>18</v>
      </c>
      <c r="K478" s="16">
        <v>41</v>
      </c>
      <c r="L478" s="16">
        <v>9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3" orientation="portrait" r:id="rId1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6030D8D-E58E-4C9C-8C40-DDEFFED472BA}">
  <sheetPr>
    <pageSetUpPr fitToPage="1"/>
  </sheetPr>
  <dimension ref="A1:L19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3.625" style="20" bestFit="1" customWidth="1"/>
    <col min="5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539</v>
      </c>
    </row>
    <row r="3" spans="1:12" s="11" customFormat="1"/>
    <row r="4" spans="1:12" s="11" customFormat="1" hidden="1"/>
    <row r="5" spans="1:12" s="11" customFormat="1"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</row>
    <row r="6" spans="1:12" s="11" customFormat="1" ht="24">
      <c r="E6" s="12" t="s">
        <v>487</v>
      </c>
      <c r="F6" s="12" t="s">
        <v>487</v>
      </c>
      <c r="G6" s="12" t="s">
        <v>487</v>
      </c>
      <c r="H6" s="12" t="s">
        <v>487</v>
      </c>
      <c r="I6" s="12" t="s">
        <v>487</v>
      </c>
      <c r="J6" s="12" t="s">
        <v>487</v>
      </c>
      <c r="K6" s="12" t="s">
        <v>487</v>
      </c>
      <c r="L6" s="12" t="s">
        <v>487</v>
      </c>
    </row>
    <row r="7" spans="1:12" s="11" customFormat="1">
      <c r="E7" s="12">
        <v>1</v>
      </c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</row>
    <row r="8" spans="1:12" s="11" customFormat="1" ht="24">
      <c r="E8" s="12" t="s">
        <v>214</v>
      </c>
      <c r="F8" s="12" t="s">
        <v>540</v>
      </c>
      <c r="G8" s="12" t="s">
        <v>541</v>
      </c>
      <c r="H8" s="12" t="s">
        <v>542</v>
      </c>
      <c r="I8" s="12" t="s">
        <v>543</v>
      </c>
      <c r="J8" s="12" t="s">
        <v>544</v>
      </c>
      <c r="K8" s="12" t="s">
        <v>545</v>
      </c>
      <c r="L8" s="12" t="s">
        <v>546</v>
      </c>
    </row>
    <row r="9" spans="1:12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</row>
    <row r="10" spans="1:12" s="11" customFormat="1">
      <c r="A10" s="14" t="s">
        <v>224</v>
      </c>
      <c r="B10" s="14" t="s">
        <v>259</v>
      </c>
      <c r="C10" s="14" t="s">
        <v>230</v>
      </c>
      <c r="D10" s="14" t="s">
        <v>547</v>
      </c>
      <c r="E10" s="14" t="s">
        <v>231</v>
      </c>
      <c r="F10" s="14"/>
      <c r="G10" s="14"/>
      <c r="H10" s="14"/>
      <c r="I10" s="14"/>
      <c r="J10" s="14"/>
      <c r="K10" s="14"/>
      <c r="L10" s="14"/>
    </row>
    <row r="11" spans="1:12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55704949</v>
      </c>
      <c r="F11" s="16">
        <v>21151042</v>
      </c>
      <c r="G11" s="16">
        <v>15656588</v>
      </c>
      <c r="H11" s="16">
        <v>9229513</v>
      </c>
      <c r="I11" s="16">
        <v>6629815</v>
      </c>
      <c r="J11" s="16">
        <v>2126291</v>
      </c>
      <c r="K11" s="16">
        <v>629499</v>
      </c>
      <c r="L11" s="16">
        <v>282201</v>
      </c>
    </row>
    <row r="12" spans="1:12">
      <c r="A12" s="21" t="s">
        <v>232</v>
      </c>
      <c r="B12" s="21" t="s">
        <v>233</v>
      </c>
      <c r="C12" s="21" t="s">
        <v>262</v>
      </c>
      <c r="D12" s="21" t="s">
        <v>548</v>
      </c>
      <c r="E12" s="16">
        <v>4224286</v>
      </c>
      <c r="F12" s="22" t="s">
        <v>268</v>
      </c>
      <c r="G12" s="16">
        <v>95870</v>
      </c>
      <c r="H12" s="16">
        <v>1501552</v>
      </c>
      <c r="I12" s="16">
        <v>1622654</v>
      </c>
      <c r="J12" s="16">
        <v>660112</v>
      </c>
      <c r="K12" s="16">
        <v>211819</v>
      </c>
      <c r="L12" s="16">
        <v>132279</v>
      </c>
    </row>
    <row r="13" spans="1:12">
      <c r="A13" s="21" t="s">
        <v>232</v>
      </c>
      <c r="B13" s="21" t="s">
        <v>233</v>
      </c>
      <c r="C13" s="21" t="s">
        <v>262</v>
      </c>
      <c r="D13" s="21" t="s">
        <v>549</v>
      </c>
      <c r="E13" s="16">
        <v>10733725</v>
      </c>
      <c r="F13" s="16">
        <v>7955</v>
      </c>
      <c r="G13" s="16">
        <v>514482</v>
      </c>
      <c r="H13" s="16">
        <v>3352650</v>
      </c>
      <c r="I13" s="16">
        <v>4401229</v>
      </c>
      <c r="J13" s="16">
        <v>1671205</v>
      </c>
      <c r="K13" s="16">
        <v>523311</v>
      </c>
      <c r="L13" s="16">
        <v>262893</v>
      </c>
    </row>
    <row r="14" spans="1:12">
      <c r="A14" s="21" t="s">
        <v>232</v>
      </c>
      <c r="B14" s="21" t="s">
        <v>237</v>
      </c>
      <c r="C14" s="21" t="s">
        <v>264</v>
      </c>
      <c r="D14" s="21" t="s">
        <v>214</v>
      </c>
      <c r="E14" s="16">
        <v>716740</v>
      </c>
      <c r="F14" s="16">
        <v>242940</v>
      </c>
      <c r="G14" s="16">
        <v>212169</v>
      </c>
      <c r="H14" s="16">
        <v>120909</v>
      </c>
      <c r="I14" s="16">
        <v>85243</v>
      </c>
      <c r="J14" s="16">
        <v>35845</v>
      </c>
      <c r="K14" s="16">
        <v>12278</v>
      </c>
      <c r="L14" s="16">
        <v>7356</v>
      </c>
    </row>
    <row r="15" spans="1:12">
      <c r="A15" s="21" t="s">
        <v>232</v>
      </c>
      <c r="B15" s="21" t="s">
        <v>237</v>
      </c>
      <c r="C15" s="21" t="s">
        <v>264</v>
      </c>
      <c r="D15" s="21" t="s">
        <v>548</v>
      </c>
      <c r="E15" s="16">
        <v>61709</v>
      </c>
      <c r="F15" s="22" t="s">
        <v>268</v>
      </c>
      <c r="G15" s="16">
        <v>1454</v>
      </c>
      <c r="H15" s="16">
        <v>17426</v>
      </c>
      <c r="I15" s="16">
        <v>21732</v>
      </c>
      <c r="J15" s="16">
        <v>12486</v>
      </c>
      <c r="K15" s="16">
        <v>4800</v>
      </c>
      <c r="L15" s="16">
        <v>3811</v>
      </c>
    </row>
    <row r="16" spans="1:12">
      <c r="A16" s="21" t="s">
        <v>232</v>
      </c>
      <c r="B16" s="21" t="s">
        <v>237</v>
      </c>
      <c r="C16" s="21" t="s">
        <v>264</v>
      </c>
      <c r="D16" s="21" t="s">
        <v>549</v>
      </c>
      <c r="E16" s="16">
        <v>149965</v>
      </c>
      <c r="F16" s="16">
        <v>165</v>
      </c>
      <c r="G16" s="16">
        <v>7608</v>
      </c>
      <c r="H16" s="16">
        <v>39579</v>
      </c>
      <c r="I16" s="16">
        <v>56077</v>
      </c>
      <c r="J16" s="16">
        <v>29005</v>
      </c>
      <c r="K16" s="16">
        <v>10541</v>
      </c>
      <c r="L16" s="16">
        <v>6990</v>
      </c>
    </row>
    <row r="17" spans="1:12">
      <c r="A17" s="21" t="s">
        <v>240</v>
      </c>
      <c r="B17" s="21" t="s">
        <v>237</v>
      </c>
      <c r="C17" s="21" t="s">
        <v>265</v>
      </c>
      <c r="D17" s="21" t="s">
        <v>214</v>
      </c>
      <c r="E17" s="16">
        <v>48996</v>
      </c>
      <c r="F17" s="16">
        <v>15791</v>
      </c>
      <c r="G17" s="16">
        <v>14870</v>
      </c>
      <c r="H17" s="16">
        <v>8359</v>
      </c>
      <c r="I17" s="16">
        <v>5634</v>
      </c>
      <c r="J17" s="16">
        <v>2541</v>
      </c>
      <c r="K17" s="16">
        <v>1051</v>
      </c>
      <c r="L17" s="16">
        <v>750</v>
      </c>
    </row>
    <row r="18" spans="1:12">
      <c r="A18" s="21" t="s">
        <v>240</v>
      </c>
      <c r="B18" s="21" t="s">
        <v>237</v>
      </c>
      <c r="C18" s="21" t="s">
        <v>265</v>
      </c>
      <c r="D18" s="21" t="s">
        <v>548</v>
      </c>
      <c r="E18" s="16">
        <v>3857</v>
      </c>
      <c r="F18" s="22" t="s">
        <v>268</v>
      </c>
      <c r="G18" s="16">
        <v>90</v>
      </c>
      <c r="H18" s="16">
        <v>932</v>
      </c>
      <c r="I18" s="16">
        <v>1279</v>
      </c>
      <c r="J18" s="16">
        <v>800</v>
      </c>
      <c r="K18" s="16">
        <v>385</v>
      </c>
      <c r="L18" s="16">
        <v>371</v>
      </c>
    </row>
    <row r="19" spans="1:12">
      <c r="A19" s="21" t="s">
        <v>240</v>
      </c>
      <c r="B19" s="21" t="s">
        <v>237</v>
      </c>
      <c r="C19" s="21" t="s">
        <v>265</v>
      </c>
      <c r="D19" s="21" t="s">
        <v>549</v>
      </c>
      <c r="E19" s="16">
        <v>9711</v>
      </c>
      <c r="F19" s="16">
        <v>1</v>
      </c>
      <c r="G19" s="16">
        <v>512</v>
      </c>
      <c r="H19" s="16">
        <v>2302</v>
      </c>
      <c r="I19" s="16">
        <v>3377</v>
      </c>
      <c r="J19" s="16">
        <v>1935</v>
      </c>
      <c r="K19" s="16">
        <v>882</v>
      </c>
      <c r="L19" s="16">
        <v>702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5" orientation="portrait" r:id="rId1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D67565-34A1-4B00-AAC6-1AEB6020A537}">
  <sheetPr>
    <pageSetUpPr fitToPage="1"/>
  </sheetPr>
  <dimension ref="A1:L19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3.625" style="20" bestFit="1" customWidth="1"/>
    <col min="5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550</v>
      </c>
    </row>
    <row r="3" spans="1:12" s="11" customFormat="1"/>
    <row r="4" spans="1:12" s="11" customFormat="1" hidden="1"/>
    <row r="5" spans="1:12" s="11" customFormat="1">
      <c r="E5" s="12" t="s">
        <v>495</v>
      </c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</row>
    <row r="6" spans="1:12" s="11" customFormat="1" ht="24">
      <c r="E6" s="12" t="s">
        <v>487</v>
      </c>
      <c r="F6" s="12" t="s">
        <v>487</v>
      </c>
      <c r="G6" s="12" t="s">
        <v>487</v>
      </c>
      <c r="H6" s="12" t="s">
        <v>487</v>
      </c>
      <c r="I6" s="12" t="s">
        <v>487</v>
      </c>
      <c r="J6" s="12" t="s">
        <v>487</v>
      </c>
      <c r="K6" s="12" t="s">
        <v>487</v>
      </c>
      <c r="L6" s="12" t="s">
        <v>487</v>
      </c>
    </row>
    <row r="7" spans="1:12" s="11" customFormat="1">
      <c r="E7" s="12">
        <v>1</v>
      </c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</row>
    <row r="8" spans="1:12" s="11" customFormat="1" ht="24">
      <c r="E8" s="12" t="s">
        <v>214</v>
      </c>
      <c r="F8" s="12" t="s">
        <v>540</v>
      </c>
      <c r="G8" s="12" t="s">
        <v>541</v>
      </c>
      <c r="H8" s="12" t="s">
        <v>542</v>
      </c>
      <c r="I8" s="12" t="s">
        <v>543</v>
      </c>
      <c r="J8" s="12" t="s">
        <v>544</v>
      </c>
      <c r="K8" s="12" t="s">
        <v>545</v>
      </c>
      <c r="L8" s="12" t="s">
        <v>546</v>
      </c>
    </row>
    <row r="9" spans="1:12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</row>
    <row r="10" spans="1:12" s="11" customFormat="1">
      <c r="A10" s="14" t="s">
        <v>224</v>
      </c>
      <c r="B10" s="14" t="s">
        <v>259</v>
      </c>
      <c r="C10" s="14" t="s">
        <v>230</v>
      </c>
      <c r="D10" s="14" t="s">
        <v>547</v>
      </c>
      <c r="E10" s="14" t="s">
        <v>231</v>
      </c>
      <c r="F10" s="14"/>
      <c r="G10" s="14"/>
      <c r="H10" s="14"/>
      <c r="I10" s="14"/>
      <c r="J10" s="14"/>
      <c r="K10" s="14"/>
      <c r="L10" s="14"/>
    </row>
    <row r="11" spans="1:12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123162995</v>
      </c>
      <c r="F11" s="16">
        <v>21151042</v>
      </c>
      <c r="G11" s="16">
        <v>31313176</v>
      </c>
      <c r="H11" s="16">
        <v>27688539</v>
      </c>
      <c r="I11" s="16">
        <v>26519260</v>
      </c>
      <c r="J11" s="16">
        <v>10631455</v>
      </c>
      <c r="K11" s="16">
        <v>3776994</v>
      </c>
      <c r="L11" s="16">
        <v>2082529</v>
      </c>
    </row>
    <row r="12" spans="1:12">
      <c r="A12" s="21" t="s">
        <v>232</v>
      </c>
      <c r="B12" s="21" t="s">
        <v>233</v>
      </c>
      <c r="C12" s="21" t="s">
        <v>262</v>
      </c>
      <c r="D12" s="21" t="s">
        <v>548</v>
      </c>
      <c r="E12" s="16">
        <v>16751285</v>
      </c>
      <c r="F12" s="22" t="s">
        <v>268</v>
      </c>
      <c r="G12" s="16">
        <v>191740</v>
      </c>
      <c r="H12" s="16">
        <v>4504656</v>
      </c>
      <c r="I12" s="16">
        <v>6490616</v>
      </c>
      <c r="J12" s="16">
        <v>3300560</v>
      </c>
      <c r="K12" s="16">
        <v>1270914</v>
      </c>
      <c r="L12" s="16">
        <v>992799</v>
      </c>
    </row>
    <row r="13" spans="1:12">
      <c r="A13" s="21" t="s">
        <v>232</v>
      </c>
      <c r="B13" s="21" t="s">
        <v>233</v>
      </c>
      <c r="C13" s="21" t="s">
        <v>262</v>
      </c>
      <c r="D13" s="21" t="s">
        <v>549</v>
      </c>
      <c r="E13" s="16">
        <v>42139737</v>
      </c>
      <c r="F13" s="16">
        <v>7955</v>
      </c>
      <c r="G13" s="16">
        <v>1028964</v>
      </c>
      <c r="H13" s="16">
        <v>10057950</v>
      </c>
      <c r="I13" s="16">
        <v>17604916</v>
      </c>
      <c r="J13" s="16">
        <v>8356025</v>
      </c>
      <c r="K13" s="16">
        <v>3139866</v>
      </c>
      <c r="L13" s="16">
        <v>1944061</v>
      </c>
    </row>
    <row r="14" spans="1:12">
      <c r="A14" s="21" t="s">
        <v>232</v>
      </c>
      <c r="B14" s="21" t="s">
        <v>237</v>
      </c>
      <c r="C14" s="21" t="s">
        <v>264</v>
      </c>
      <c r="D14" s="21" t="s">
        <v>214</v>
      </c>
      <c r="E14" s="16">
        <v>1678793</v>
      </c>
      <c r="F14" s="16">
        <v>242940</v>
      </c>
      <c r="G14" s="16">
        <v>424338</v>
      </c>
      <c r="H14" s="16">
        <v>362727</v>
      </c>
      <c r="I14" s="16">
        <v>340972</v>
      </c>
      <c r="J14" s="16">
        <v>179225</v>
      </c>
      <c r="K14" s="16">
        <v>73668</v>
      </c>
      <c r="L14" s="16">
        <v>54923</v>
      </c>
    </row>
    <row r="15" spans="1:12">
      <c r="A15" s="21" t="s">
        <v>232</v>
      </c>
      <c r="B15" s="21" t="s">
        <v>237</v>
      </c>
      <c r="C15" s="21" t="s">
        <v>264</v>
      </c>
      <c r="D15" s="21" t="s">
        <v>548</v>
      </c>
      <c r="E15" s="16">
        <v>262326</v>
      </c>
      <c r="F15" s="22" t="s">
        <v>268</v>
      </c>
      <c r="G15" s="16">
        <v>2908</v>
      </c>
      <c r="H15" s="16">
        <v>52278</v>
      </c>
      <c r="I15" s="16">
        <v>86928</v>
      </c>
      <c r="J15" s="16">
        <v>62430</v>
      </c>
      <c r="K15" s="16">
        <v>28800</v>
      </c>
      <c r="L15" s="16">
        <v>28982</v>
      </c>
    </row>
    <row r="16" spans="1:12">
      <c r="A16" s="21" t="s">
        <v>232</v>
      </c>
      <c r="B16" s="21" t="s">
        <v>237</v>
      </c>
      <c r="C16" s="21" t="s">
        <v>264</v>
      </c>
      <c r="D16" s="21" t="s">
        <v>549</v>
      </c>
      <c r="E16" s="16">
        <v>619001</v>
      </c>
      <c r="F16" s="16">
        <v>165</v>
      </c>
      <c r="G16" s="16">
        <v>15216</v>
      </c>
      <c r="H16" s="16">
        <v>118737</v>
      </c>
      <c r="I16" s="16">
        <v>224308</v>
      </c>
      <c r="J16" s="16">
        <v>145025</v>
      </c>
      <c r="K16" s="16">
        <v>63246</v>
      </c>
      <c r="L16" s="16">
        <v>52304</v>
      </c>
    </row>
    <row r="17" spans="1:12">
      <c r="A17" s="21" t="s">
        <v>240</v>
      </c>
      <c r="B17" s="21" t="s">
        <v>237</v>
      </c>
      <c r="C17" s="21" t="s">
        <v>265</v>
      </c>
      <c r="D17" s="21" t="s">
        <v>214</v>
      </c>
      <c r="E17" s="16">
        <v>117827</v>
      </c>
      <c r="F17" s="16">
        <v>15791</v>
      </c>
      <c r="G17" s="16">
        <v>29740</v>
      </c>
      <c r="H17" s="16">
        <v>25077</v>
      </c>
      <c r="I17" s="16">
        <v>22536</v>
      </c>
      <c r="J17" s="16">
        <v>12705</v>
      </c>
      <c r="K17" s="16">
        <v>6306</v>
      </c>
      <c r="L17" s="16">
        <v>5672</v>
      </c>
    </row>
    <row r="18" spans="1:12">
      <c r="A18" s="21" t="s">
        <v>240</v>
      </c>
      <c r="B18" s="21" t="s">
        <v>237</v>
      </c>
      <c r="C18" s="21" t="s">
        <v>265</v>
      </c>
      <c r="D18" s="21" t="s">
        <v>548</v>
      </c>
      <c r="E18" s="16">
        <v>17251</v>
      </c>
      <c r="F18" s="22" t="s">
        <v>268</v>
      </c>
      <c r="G18" s="16">
        <v>180</v>
      </c>
      <c r="H18" s="16">
        <v>2796</v>
      </c>
      <c r="I18" s="16">
        <v>5116</v>
      </c>
      <c r="J18" s="16">
        <v>4000</v>
      </c>
      <c r="K18" s="16">
        <v>2310</v>
      </c>
      <c r="L18" s="16">
        <v>2849</v>
      </c>
    </row>
    <row r="19" spans="1:12">
      <c r="A19" s="21" t="s">
        <v>240</v>
      </c>
      <c r="B19" s="21" t="s">
        <v>237</v>
      </c>
      <c r="C19" s="21" t="s">
        <v>265</v>
      </c>
      <c r="D19" s="21" t="s">
        <v>549</v>
      </c>
      <c r="E19" s="16">
        <v>41726</v>
      </c>
      <c r="F19" s="16">
        <v>1</v>
      </c>
      <c r="G19" s="16">
        <v>1024</v>
      </c>
      <c r="H19" s="16">
        <v>6906</v>
      </c>
      <c r="I19" s="16">
        <v>13508</v>
      </c>
      <c r="J19" s="16">
        <v>9675</v>
      </c>
      <c r="K19" s="16">
        <v>5292</v>
      </c>
      <c r="L19" s="16">
        <v>5320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5" orientation="portrait" r:id="rId1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7ECFE2-BA47-4E31-BEE5-70F3BCAFC4CC}">
  <sheetPr>
    <pageSetUpPr fitToPage="1"/>
  </sheetPr>
  <dimension ref="A1:L19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14.25" style="20" bestFit="1" customWidth="1"/>
    <col min="5" max="5" width="12.25" style="20" bestFit="1" customWidth="1"/>
    <col min="6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551</v>
      </c>
    </row>
    <row r="3" spans="1:12" s="11" customFormat="1"/>
    <row r="4" spans="1:12" s="11" customFormat="1" hidden="1"/>
    <row r="5" spans="1:12" s="11" customFormat="1">
      <c r="E5" s="12" t="s">
        <v>495</v>
      </c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</row>
    <row r="6" spans="1:12" s="11" customFormat="1" ht="24">
      <c r="E6" s="12" t="s">
        <v>487</v>
      </c>
      <c r="F6" s="12" t="s">
        <v>487</v>
      </c>
      <c r="G6" s="12" t="s">
        <v>487</v>
      </c>
      <c r="H6" s="12" t="s">
        <v>487</v>
      </c>
      <c r="I6" s="12" t="s">
        <v>487</v>
      </c>
      <c r="J6" s="12" t="s">
        <v>487</v>
      </c>
      <c r="K6" s="12" t="s">
        <v>487</v>
      </c>
      <c r="L6" s="12" t="s">
        <v>487</v>
      </c>
    </row>
    <row r="7" spans="1:12" s="11" customFormat="1">
      <c r="E7" s="12">
        <v>1</v>
      </c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</row>
    <row r="8" spans="1:12" s="11" customFormat="1" ht="24">
      <c r="E8" s="12" t="s">
        <v>214</v>
      </c>
      <c r="F8" s="12" t="s">
        <v>540</v>
      </c>
      <c r="G8" s="12" t="s">
        <v>541</v>
      </c>
      <c r="H8" s="12" t="s">
        <v>542</v>
      </c>
      <c r="I8" s="12" t="s">
        <v>543</v>
      </c>
      <c r="J8" s="12" t="s">
        <v>544</v>
      </c>
      <c r="K8" s="12" t="s">
        <v>545</v>
      </c>
      <c r="L8" s="12" t="s">
        <v>546</v>
      </c>
    </row>
    <row r="9" spans="1:12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</row>
    <row r="10" spans="1:12" s="11" customFormat="1">
      <c r="A10" s="14" t="s">
        <v>224</v>
      </c>
      <c r="B10" s="14" t="s">
        <v>259</v>
      </c>
      <c r="C10" s="14" t="s">
        <v>230</v>
      </c>
      <c r="D10" s="14" t="s">
        <v>552</v>
      </c>
      <c r="E10" s="14" t="s">
        <v>231</v>
      </c>
      <c r="F10" s="14"/>
      <c r="G10" s="14"/>
      <c r="H10" s="14"/>
      <c r="I10" s="14"/>
      <c r="J10" s="14"/>
      <c r="K10" s="14"/>
      <c r="L10" s="14"/>
    </row>
    <row r="11" spans="1:12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123162995</v>
      </c>
      <c r="F11" s="16">
        <v>21151042</v>
      </c>
      <c r="G11" s="16">
        <v>31313176</v>
      </c>
      <c r="H11" s="16">
        <v>27688539</v>
      </c>
      <c r="I11" s="16">
        <v>26519260</v>
      </c>
      <c r="J11" s="16">
        <v>10631455</v>
      </c>
      <c r="K11" s="16">
        <v>3776994</v>
      </c>
      <c r="L11" s="16">
        <v>2082529</v>
      </c>
    </row>
    <row r="12" spans="1:12">
      <c r="A12" s="21" t="s">
        <v>232</v>
      </c>
      <c r="B12" s="21" t="s">
        <v>233</v>
      </c>
      <c r="C12" s="21" t="s">
        <v>262</v>
      </c>
      <c r="D12" s="21" t="s">
        <v>553</v>
      </c>
      <c r="E12" s="16">
        <v>5507693</v>
      </c>
      <c r="F12" s="22" t="s">
        <v>268</v>
      </c>
      <c r="G12" s="16">
        <v>95871</v>
      </c>
      <c r="H12" s="16">
        <v>1527133</v>
      </c>
      <c r="I12" s="16">
        <v>2377413</v>
      </c>
      <c r="J12" s="16">
        <v>983138</v>
      </c>
      <c r="K12" s="16">
        <v>314855</v>
      </c>
      <c r="L12" s="16">
        <v>209283</v>
      </c>
    </row>
    <row r="13" spans="1:12">
      <c r="A13" s="21" t="s">
        <v>232</v>
      </c>
      <c r="B13" s="21" t="s">
        <v>233</v>
      </c>
      <c r="C13" s="21" t="s">
        <v>262</v>
      </c>
      <c r="D13" s="21" t="s">
        <v>554</v>
      </c>
      <c r="E13" s="16">
        <v>18155230</v>
      </c>
      <c r="F13" s="16">
        <v>7955</v>
      </c>
      <c r="G13" s="16">
        <v>514710</v>
      </c>
      <c r="H13" s="16">
        <v>3693534</v>
      </c>
      <c r="I13" s="16">
        <v>7912201</v>
      </c>
      <c r="J13" s="16">
        <v>3968577</v>
      </c>
      <c r="K13" s="16">
        <v>1297827</v>
      </c>
      <c r="L13" s="16">
        <v>760426</v>
      </c>
    </row>
    <row r="14" spans="1:12">
      <c r="A14" s="21" t="s">
        <v>232</v>
      </c>
      <c r="B14" s="21" t="s">
        <v>237</v>
      </c>
      <c r="C14" s="21" t="s">
        <v>264</v>
      </c>
      <c r="D14" s="21" t="s">
        <v>214</v>
      </c>
      <c r="E14" s="16">
        <v>1678793</v>
      </c>
      <c r="F14" s="16">
        <v>242940</v>
      </c>
      <c r="G14" s="16">
        <v>424338</v>
      </c>
      <c r="H14" s="16">
        <v>362727</v>
      </c>
      <c r="I14" s="16">
        <v>340972</v>
      </c>
      <c r="J14" s="16">
        <v>179225</v>
      </c>
      <c r="K14" s="16">
        <v>73668</v>
      </c>
      <c r="L14" s="16">
        <v>54923</v>
      </c>
    </row>
    <row r="15" spans="1:12">
      <c r="A15" s="21" t="s">
        <v>232</v>
      </c>
      <c r="B15" s="21" t="s">
        <v>237</v>
      </c>
      <c r="C15" s="21" t="s">
        <v>264</v>
      </c>
      <c r="D15" s="21" t="s">
        <v>553</v>
      </c>
      <c r="E15" s="16">
        <v>84233</v>
      </c>
      <c r="F15" s="22" t="s">
        <v>268</v>
      </c>
      <c r="G15" s="16">
        <v>1454</v>
      </c>
      <c r="H15" s="16">
        <v>17887</v>
      </c>
      <c r="I15" s="16">
        <v>32511</v>
      </c>
      <c r="J15" s="16">
        <v>18878</v>
      </c>
      <c r="K15" s="16">
        <v>7326</v>
      </c>
      <c r="L15" s="16">
        <v>6177</v>
      </c>
    </row>
    <row r="16" spans="1:12">
      <c r="A16" s="21" t="s">
        <v>232</v>
      </c>
      <c r="B16" s="21" t="s">
        <v>237</v>
      </c>
      <c r="C16" s="21" t="s">
        <v>264</v>
      </c>
      <c r="D16" s="21" t="s">
        <v>554</v>
      </c>
      <c r="E16" s="16">
        <v>273923</v>
      </c>
      <c r="F16" s="16">
        <v>165</v>
      </c>
      <c r="G16" s="16">
        <v>7614</v>
      </c>
      <c r="H16" s="16">
        <v>45181</v>
      </c>
      <c r="I16" s="16">
        <v>101502</v>
      </c>
      <c r="J16" s="16">
        <v>70874</v>
      </c>
      <c r="K16" s="16">
        <v>27698</v>
      </c>
      <c r="L16" s="16">
        <v>20889</v>
      </c>
    </row>
    <row r="17" spans="1:12">
      <c r="A17" s="21" t="s">
        <v>240</v>
      </c>
      <c r="B17" s="21" t="s">
        <v>237</v>
      </c>
      <c r="C17" s="21" t="s">
        <v>265</v>
      </c>
      <c r="D17" s="21" t="s">
        <v>214</v>
      </c>
      <c r="E17" s="16">
        <v>117827</v>
      </c>
      <c r="F17" s="16">
        <v>15791</v>
      </c>
      <c r="G17" s="16">
        <v>29740</v>
      </c>
      <c r="H17" s="16">
        <v>25077</v>
      </c>
      <c r="I17" s="16">
        <v>22536</v>
      </c>
      <c r="J17" s="16">
        <v>12705</v>
      </c>
      <c r="K17" s="16">
        <v>6306</v>
      </c>
      <c r="L17" s="16">
        <v>5672</v>
      </c>
    </row>
    <row r="18" spans="1:12">
      <c r="A18" s="21" t="s">
        <v>240</v>
      </c>
      <c r="B18" s="21" t="s">
        <v>237</v>
      </c>
      <c r="C18" s="21" t="s">
        <v>265</v>
      </c>
      <c r="D18" s="21" t="s">
        <v>553</v>
      </c>
      <c r="E18" s="16">
        <v>5293</v>
      </c>
      <c r="F18" s="22" t="s">
        <v>268</v>
      </c>
      <c r="G18" s="16">
        <v>90</v>
      </c>
      <c r="H18" s="16">
        <v>960</v>
      </c>
      <c r="I18" s="16">
        <v>1884</v>
      </c>
      <c r="J18" s="16">
        <v>1186</v>
      </c>
      <c r="K18" s="16">
        <v>576</v>
      </c>
      <c r="L18" s="16">
        <v>597</v>
      </c>
    </row>
    <row r="19" spans="1:12">
      <c r="A19" s="21" t="s">
        <v>240</v>
      </c>
      <c r="B19" s="21" t="s">
        <v>237</v>
      </c>
      <c r="C19" s="21" t="s">
        <v>265</v>
      </c>
      <c r="D19" s="21" t="s">
        <v>554</v>
      </c>
      <c r="E19" s="16">
        <v>17797</v>
      </c>
      <c r="F19" s="16">
        <v>1</v>
      </c>
      <c r="G19" s="16">
        <v>512</v>
      </c>
      <c r="H19" s="16">
        <v>2692</v>
      </c>
      <c r="I19" s="16">
        <v>6057</v>
      </c>
      <c r="J19" s="16">
        <v>4504</v>
      </c>
      <c r="K19" s="16">
        <v>2104</v>
      </c>
      <c r="L19" s="16">
        <v>1927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63" orientation="portrait" r:id="rId1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36B6DA-7BCD-45C9-B6BE-6582DF1D00DF}">
  <sheetPr>
    <pageSetUpPr fitToPage="1"/>
  </sheetPr>
  <dimension ref="A1:L130"/>
  <sheetViews>
    <sheetView zoomScaleNormal="100" workbookViewId="0">
      <pane xSplit="5" ySplit="10" topLeftCell="F11" activePane="bottomRight" state="frozen"/>
      <selection pane="topRight" activeCell="T1" sqref="T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2.375" style="20" bestFit="1" customWidth="1"/>
    <col min="5" max="5" width="52" style="20" bestFit="1" customWidth="1"/>
    <col min="6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555</v>
      </c>
    </row>
    <row r="3" spans="1:12" s="11" customFormat="1"/>
    <row r="4" spans="1:12" s="11" customFormat="1" outlineLevel="1">
      <c r="A4" s="11" t="s">
        <v>556</v>
      </c>
    </row>
    <row r="5" spans="1:12" s="11" customFormat="1"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557</v>
      </c>
    </row>
    <row r="6" spans="1:12" s="11" customFormat="1" ht="36">
      <c r="F6" s="12" t="s">
        <v>547</v>
      </c>
      <c r="G6" s="12" t="s">
        <v>547</v>
      </c>
      <c r="H6" s="12" t="s">
        <v>547</v>
      </c>
      <c r="I6" s="12" t="s">
        <v>547</v>
      </c>
      <c r="J6" s="12" t="s">
        <v>547</v>
      </c>
      <c r="K6" s="12" t="s">
        <v>547</v>
      </c>
      <c r="L6" s="12"/>
    </row>
    <row r="7" spans="1:12" s="11" customFormat="1"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/>
    </row>
    <row r="8" spans="1:12" s="11" customFormat="1" ht="36">
      <c r="F8" s="12" t="s">
        <v>214</v>
      </c>
      <c r="G8" s="12" t="s">
        <v>548</v>
      </c>
      <c r="H8" s="12" t="s">
        <v>558</v>
      </c>
      <c r="I8" s="12" t="s">
        <v>559</v>
      </c>
      <c r="J8" s="12" t="s">
        <v>560</v>
      </c>
      <c r="K8" s="12" t="s">
        <v>561</v>
      </c>
      <c r="L8" s="12"/>
    </row>
    <row r="9" spans="1:12" s="11" customFormat="1"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</row>
    <row r="10" spans="1:12" s="11" customFormat="1">
      <c r="A10" s="14" t="s">
        <v>224</v>
      </c>
      <c r="B10" s="14" t="s">
        <v>259</v>
      </c>
      <c r="C10" s="14" t="s">
        <v>230</v>
      </c>
      <c r="D10" s="14" t="s">
        <v>562</v>
      </c>
      <c r="E10" s="14" t="s">
        <v>563</v>
      </c>
      <c r="F10" s="14" t="s">
        <v>231</v>
      </c>
      <c r="G10" s="14"/>
      <c r="H10" s="14"/>
      <c r="I10" s="14"/>
      <c r="J10" s="14"/>
      <c r="K10" s="14"/>
      <c r="L10" s="14"/>
    </row>
    <row r="11" spans="1:12">
      <c r="A11" s="15" t="s">
        <v>232</v>
      </c>
      <c r="B11" s="15" t="s">
        <v>233</v>
      </c>
      <c r="C11" s="15" t="s">
        <v>262</v>
      </c>
      <c r="D11" s="15" t="s">
        <v>474</v>
      </c>
      <c r="E11" s="15" t="s">
        <v>214</v>
      </c>
      <c r="F11" s="16">
        <v>55704949</v>
      </c>
      <c r="G11" s="16">
        <v>4224286</v>
      </c>
      <c r="H11" s="16">
        <v>7492251</v>
      </c>
      <c r="I11" s="16">
        <v>9107231</v>
      </c>
      <c r="J11" s="16">
        <v>10733725</v>
      </c>
      <c r="K11" s="16">
        <v>12015859</v>
      </c>
      <c r="L11" s="16">
        <v>2337703</v>
      </c>
    </row>
    <row r="12" spans="1:12">
      <c r="A12" s="21" t="s">
        <v>232</v>
      </c>
      <c r="B12" s="21" t="s">
        <v>233</v>
      </c>
      <c r="C12" s="21" t="s">
        <v>262</v>
      </c>
      <c r="D12" s="21" t="s">
        <v>474</v>
      </c>
      <c r="E12" s="21" t="s">
        <v>564</v>
      </c>
      <c r="F12" s="16">
        <v>33889589</v>
      </c>
      <c r="G12" s="16">
        <v>4208008</v>
      </c>
      <c r="H12" s="16">
        <v>7461888</v>
      </c>
      <c r="I12" s="16">
        <v>9069026</v>
      </c>
      <c r="J12" s="16">
        <v>10679214</v>
      </c>
      <c r="K12" s="16">
        <v>11672251</v>
      </c>
      <c r="L12" s="16">
        <v>2326954</v>
      </c>
    </row>
    <row r="13" spans="1:12">
      <c r="A13" s="21" t="s">
        <v>232</v>
      </c>
      <c r="B13" s="21" t="s">
        <v>233</v>
      </c>
      <c r="C13" s="21" t="s">
        <v>262</v>
      </c>
      <c r="D13" s="21" t="s">
        <v>240</v>
      </c>
      <c r="E13" s="21" t="s">
        <v>565</v>
      </c>
      <c r="F13" s="16">
        <v>30110571</v>
      </c>
      <c r="G13" s="16">
        <v>3772306</v>
      </c>
      <c r="H13" s="16">
        <v>6596224</v>
      </c>
      <c r="I13" s="16">
        <v>7961751</v>
      </c>
      <c r="J13" s="16">
        <v>9308835</v>
      </c>
      <c r="K13" s="16">
        <v>10124964</v>
      </c>
      <c r="L13" s="22" t="s">
        <v>268</v>
      </c>
    </row>
    <row r="14" spans="1:12">
      <c r="A14" s="21" t="s">
        <v>232</v>
      </c>
      <c r="B14" s="21" t="s">
        <v>233</v>
      </c>
      <c r="C14" s="21" t="s">
        <v>262</v>
      </c>
      <c r="D14" s="21" t="s">
        <v>476</v>
      </c>
      <c r="E14" s="21" t="s">
        <v>566</v>
      </c>
      <c r="F14" s="16">
        <v>11158840</v>
      </c>
      <c r="G14" s="22" t="s">
        <v>268</v>
      </c>
      <c r="H14" s="22" t="s">
        <v>268</v>
      </c>
      <c r="I14" s="22" t="s">
        <v>268</v>
      </c>
      <c r="J14" s="16">
        <v>167</v>
      </c>
      <c r="K14" s="16">
        <v>2390</v>
      </c>
      <c r="L14" s="22" t="s">
        <v>268</v>
      </c>
    </row>
    <row r="15" spans="1:12">
      <c r="A15" s="21" t="s">
        <v>232</v>
      </c>
      <c r="B15" s="21" t="s">
        <v>233</v>
      </c>
      <c r="C15" s="21" t="s">
        <v>262</v>
      </c>
      <c r="D15" s="21" t="s">
        <v>476</v>
      </c>
      <c r="E15" s="21" t="s">
        <v>567</v>
      </c>
      <c r="F15" s="16">
        <v>13949190</v>
      </c>
      <c r="G15" s="16">
        <v>3550645</v>
      </c>
      <c r="H15" s="16">
        <v>5976817</v>
      </c>
      <c r="I15" s="16">
        <v>7081527</v>
      </c>
      <c r="J15" s="16">
        <v>8121644</v>
      </c>
      <c r="K15" s="16">
        <v>8727993</v>
      </c>
      <c r="L15" s="22" t="s">
        <v>268</v>
      </c>
    </row>
    <row r="16" spans="1:12">
      <c r="A16" s="21" t="s">
        <v>232</v>
      </c>
      <c r="B16" s="21" t="s">
        <v>233</v>
      </c>
      <c r="C16" s="21" t="s">
        <v>262</v>
      </c>
      <c r="D16" s="21" t="s">
        <v>476</v>
      </c>
      <c r="E16" s="21" t="s">
        <v>568</v>
      </c>
      <c r="F16" s="16">
        <v>738006</v>
      </c>
      <c r="G16" s="16">
        <v>12042</v>
      </c>
      <c r="H16" s="16">
        <v>44025</v>
      </c>
      <c r="I16" s="16">
        <v>70717</v>
      </c>
      <c r="J16" s="16">
        <v>107268</v>
      </c>
      <c r="K16" s="16">
        <v>137023</v>
      </c>
      <c r="L16" s="22" t="s">
        <v>268</v>
      </c>
    </row>
    <row r="17" spans="1:12">
      <c r="A17" s="21" t="s">
        <v>232</v>
      </c>
      <c r="B17" s="21" t="s">
        <v>233</v>
      </c>
      <c r="C17" s="21" t="s">
        <v>262</v>
      </c>
      <c r="D17" s="21" t="s">
        <v>476</v>
      </c>
      <c r="E17" s="21" t="s">
        <v>569</v>
      </c>
      <c r="F17" s="16">
        <v>4264535</v>
      </c>
      <c r="G17" s="16">
        <v>209619</v>
      </c>
      <c r="H17" s="16">
        <v>575382</v>
      </c>
      <c r="I17" s="16">
        <v>809507</v>
      </c>
      <c r="J17" s="16">
        <v>1079756</v>
      </c>
      <c r="K17" s="16">
        <v>1257558</v>
      </c>
      <c r="L17" s="22" t="s">
        <v>268</v>
      </c>
    </row>
    <row r="18" spans="1:12">
      <c r="A18" s="21" t="s">
        <v>232</v>
      </c>
      <c r="B18" s="21" t="s">
        <v>233</v>
      </c>
      <c r="C18" s="21" t="s">
        <v>262</v>
      </c>
      <c r="D18" s="21" t="s">
        <v>240</v>
      </c>
      <c r="E18" s="21" t="s">
        <v>570</v>
      </c>
      <c r="F18" s="16">
        <v>3779018</v>
      </c>
      <c r="G18" s="16">
        <v>435702</v>
      </c>
      <c r="H18" s="16">
        <v>865664</v>
      </c>
      <c r="I18" s="16">
        <v>1107275</v>
      </c>
      <c r="J18" s="16">
        <v>1370379</v>
      </c>
      <c r="K18" s="16">
        <v>1547287</v>
      </c>
      <c r="L18" s="16">
        <v>2326954</v>
      </c>
    </row>
    <row r="19" spans="1:12">
      <c r="A19" s="21" t="s">
        <v>232</v>
      </c>
      <c r="B19" s="21" t="s">
        <v>233</v>
      </c>
      <c r="C19" s="21" t="s">
        <v>262</v>
      </c>
      <c r="D19" s="21" t="s">
        <v>476</v>
      </c>
      <c r="E19" s="21" t="s">
        <v>571</v>
      </c>
      <c r="F19" s="16">
        <v>159224</v>
      </c>
      <c r="G19" s="22" t="s">
        <v>268</v>
      </c>
      <c r="H19" s="22" t="s">
        <v>268</v>
      </c>
      <c r="I19" s="22" t="s">
        <v>268</v>
      </c>
      <c r="J19" s="16">
        <v>30</v>
      </c>
      <c r="K19" s="16">
        <v>154</v>
      </c>
      <c r="L19" s="22" t="s">
        <v>268</v>
      </c>
    </row>
    <row r="20" spans="1:12">
      <c r="A20" s="21" t="s">
        <v>232</v>
      </c>
      <c r="B20" s="21" t="s">
        <v>233</v>
      </c>
      <c r="C20" s="21" t="s">
        <v>262</v>
      </c>
      <c r="D20" s="21" t="s">
        <v>572</v>
      </c>
      <c r="E20" s="21" t="s">
        <v>573</v>
      </c>
      <c r="F20" s="16">
        <v>125363</v>
      </c>
      <c r="G20" s="22" t="s">
        <v>268</v>
      </c>
      <c r="H20" s="22" t="s">
        <v>268</v>
      </c>
      <c r="I20" s="22" t="s">
        <v>268</v>
      </c>
      <c r="J20" s="16">
        <v>22</v>
      </c>
      <c r="K20" s="16">
        <v>105</v>
      </c>
      <c r="L20" s="22" t="s">
        <v>268</v>
      </c>
    </row>
    <row r="21" spans="1:12">
      <c r="A21" s="21" t="s">
        <v>232</v>
      </c>
      <c r="B21" s="21" t="s">
        <v>233</v>
      </c>
      <c r="C21" s="21" t="s">
        <v>262</v>
      </c>
      <c r="D21" s="21" t="s">
        <v>572</v>
      </c>
      <c r="E21" s="21" t="s">
        <v>574</v>
      </c>
      <c r="F21" s="16">
        <v>33861</v>
      </c>
      <c r="G21" s="22" t="s">
        <v>268</v>
      </c>
      <c r="H21" s="22" t="s">
        <v>268</v>
      </c>
      <c r="I21" s="22" t="s">
        <v>268</v>
      </c>
      <c r="J21" s="16">
        <v>8</v>
      </c>
      <c r="K21" s="16">
        <v>49</v>
      </c>
      <c r="L21" s="22" t="s">
        <v>268</v>
      </c>
    </row>
    <row r="22" spans="1:12">
      <c r="A22" s="21" t="s">
        <v>232</v>
      </c>
      <c r="B22" s="21" t="s">
        <v>233</v>
      </c>
      <c r="C22" s="21" t="s">
        <v>262</v>
      </c>
      <c r="D22" s="21" t="s">
        <v>476</v>
      </c>
      <c r="E22" s="21" t="s">
        <v>575</v>
      </c>
      <c r="F22" s="16">
        <v>608813</v>
      </c>
      <c r="G22" s="22" t="s">
        <v>268</v>
      </c>
      <c r="H22" s="22" t="s">
        <v>268</v>
      </c>
      <c r="I22" s="22" t="s">
        <v>268</v>
      </c>
      <c r="J22" s="16">
        <v>25</v>
      </c>
      <c r="K22" s="16">
        <v>129</v>
      </c>
      <c r="L22" s="22" t="s">
        <v>268</v>
      </c>
    </row>
    <row r="23" spans="1:12">
      <c r="A23" s="21" t="s">
        <v>232</v>
      </c>
      <c r="B23" s="21" t="s">
        <v>233</v>
      </c>
      <c r="C23" s="21" t="s">
        <v>262</v>
      </c>
      <c r="D23" s="21" t="s">
        <v>572</v>
      </c>
      <c r="E23" s="21" t="s">
        <v>576</v>
      </c>
      <c r="F23" s="16">
        <v>437343</v>
      </c>
      <c r="G23" s="22" t="s">
        <v>268</v>
      </c>
      <c r="H23" s="22" t="s">
        <v>268</v>
      </c>
      <c r="I23" s="22" t="s">
        <v>268</v>
      </c>
      <c r="J23" s="16">
        <v>15</v>
      </c>
      <c r="K23" s="16">
        <v>83</v>
      </c>
      <c r="L23" s="22" t="s">
        <v>268</v>
      </c>
    </row>
    <row r="24" spans="1:12">
      <c r="A24" s="21" t="s">
        <v>232</v>
      </c>
      <c r="B24" s="21" t="s">
        <v>233</v>
      </c>
      <c r="C24" s="21" t="s">
        <v>262</v>
      </c>
      <c r="D24" s="21" t="s">
        <v>572</v>
      </c>
      <c r="E24" s="21" t="s">
        <v>577</v>
      </c>
      <c r="F24" s="16">
        <v>171470</v>
      </c>
      <c r="G24" s="22" t="s">
        <v>268</v>
      </c>
      <c r="H24" s="22" t="s">
        <v>268</v>
      </c>
      <c r="I24" s="22" t="s">
        <v>268</v>
      </c>
      <c r="J24" s="16">
        <v>10</v>
      </c>
      <c r="K24" s="16">
        <v>46</v>
      </c>
      <c r="L24" s="22" t="s">
        <v>268</v>
      </c>
    </row>
    <row r="25" spans="1:12">
      <c r="A25" s="21" t="s">
        <v>232</v>
      </c>
      <c r="B25" s="21" t="s">
        <v>233</v>
      </c>
      <c r="C25" s="21" t="s">
        <v>262</v>
      </c>
      <c r="D25" s="21" t="s">
        <v>476</v>
      </c>
      <c r="E25" s="21" t="s">
        <v>578</v>
      </c>
      <c r="F25" s="16">
        <v>499365</v>
      </c>
      <c r="G25" s="16">
        <v>114348</v>
      </c>
      <c r="H25" s="16">
        <v>229083</v>
      </c>
      <c r="I25" s="16">
        <v>290149</v>
      </c>
      <c r="J25" s="16">
        <v>349567</v>
      </c>
      <c r="K25" s="16">
        <v>381124</v>
      </c>
      <c r="L25" s="16">
        <v>499365</v>
      </c>
    </row>
    <row r="26" spans="1:12">
      <c r="A26" s="21" t="s">
        <v>232</v>
      </c>
      <c r="B26" s="21" t="s">
        <v>233</v>
      </c>
      <c r="C26" s="21" t="s">
        <v>262</v>
      </c>
      <c r="D26" s="21" t="s">
        <v>572</v>
      </c>
      <c r="E26" s="21" t="s">
        <v>579</v>
      </c>
      <c r="F26" s="16">
        <v>399146</v>
      </c>
      <c r="G26" s="16">
        <v>87058</v>
      </c>
      <c r="H26" s="16">
        <v>178654</v>
      </c>
      <c r="I26" s="16">
        <v>228272</v>
      </c>
      <c r="J26" s="16">
        <v>276908</v>
      </c>
      <c r="K26" s="16">
        <v>302841</v>
      </c>
      <c r="L26" s="16">
        <v>399146</v>
      </c>
    </row>
    <row r="27" spans="1:12">
      <c r="A27" s="21" t="s">
        <v>232</v>
      </c>
      <c r="B27" s="21" t="s">
        <v>233</v>
      </c>
      <c r="C27" s="21" t="s">
        <v>262</v>
      </c>
      <c r="D27" s="21" t="s">
        <v>572</v>
      </c>
      <c r="E27" s="21" t="s">
        <v>580</v>
      </c>
      <c r="F27" s="16">
        <v>100158</v>
      </c>
      <c r="G27" s="16">
        <v>27290</v>
      </c>
      <c r="H27" s="16">
        <v>50428</v>
      </c>
      <c r="I27" s="16">
        <v>61876</v>
      </c>
      <c r="J27" s="16">
        <v>72657</v>
      </c>
      <c r="K27" s="16">
        <v>78279</v>
      </c>
      <c r="L27" s="16">
        <v>100158</v>
      </c>
    </row>
    <row r="28" spans="1:12">
      <c r="A28" s="21" t="s">
        <v>232</v>
      </c>
      <c r="B28" s="21" t="s">
        <v>233</v>
      </c>
      <c r="C28" s="21" t="s">
        <v>262</v>
      </c>
      <c r="D28" s="21" t="s">
        <v>476</v>
      </c>
      <c r="E28" s="21" t="s">
        <v>581</v>
      </c>
      <c r="F28" s="16">
        <v>917696</v>
      </c>
      <c r="G28" s="16">
        <v>105380</v>
      </c>
      <c r="H28" s="16">
        <v>231047</v>
      </c>
      <c r="I28" s="16">
        <v>309190</v>
      </c>
      <c r="J28" s="16">
        <v>398660</v>
      </c>
      <c r="K28" s="16">
        <v>457094</v>
      </c>
      <c r="L28" s="16">
        <v>917696</v>
      </c>
    </row>
    <row r="29" spans="1:12">
      <c r="A29" s="21" t="s">
        <v>232</v>
      </c>
      <c r="B29" s="21" t="s">
        <v>233</v>
      </c>
      <c r="C29" s="21" t="s">
        <v>262</v>
      </c>
      <c r="D29" s="21" t="s">
        <v>572</v>
      </c>
      <c r="E29" s="21" t="s">
        <v>582</v>
      </c>
      <c r="F29" s="16">
        <v>669972</v>
      </c>
      <c r="G29" s="16">
        <v>70637</v>
      </c>
      <c r="H29" s="16">
        <v>159128</v>
      </c>
      <c r="I29" s="16">
        <v>216060</v>
      </c>
      <c r="J29" s="16">
        <v>282661</v>
      </c>
      <c r="K29" s="16">
        <v>326301</v>
      </c>
      <c r="L29" s="16">
        <v>669972</v>
      </c>
    </row>
    <row r="30" spans="1:12">
      <c r="A30" s="21" t="s">
        <v>232</v>
      </c>
      <c r="B30" s="21" t="s">
        <v>233</v>
      </c>
      <c r="C30" s="21" t="s">
        <v>262</v>
      </c>
      <c r="D30" s="21" t="s">
        <v>572</v>
      </c>
      <c r="E30" s="21" t="s">
        <v>583</v>
      </c>
      <c r="F30" s="16">
        <v>246689</v>
      </c>
      <c r="G30" s="16">
        <v>34743</v>
      </c>
      <c r="H30" s="16">
        <v>71917</v>
      </c>
      <c r="I30" s="16">
        <v>93125</v>
      </c>
      <c r="J30" s="16">
        <v>115988</v>
      </c>
      <c r="K30" s="16">
        <v>130779</v>
      </c>
      <c r="L30" s="16">
        <v>246689</v>
      </c>
    </row>
    <row r="31" spans="1:12">
      <c r="A31" s="21" t="s">
        <v>232</v>
      </c>
      <c r="B31" s="21" t="s">
        <v>233</v>
      </c>
      <c r="C31" s="21" t="s">
        <v>262</v>
      </c>
      <c r="D31" s="21" t="s">
        <v>476</v>
      </c>
      <c r="E31" s="21" t="s">
        <v>584</v>
      </c>
      <c r="F31" s="16">
        <v>107465</v>
      </c>
      <c r="G31" s="16">
        <v>3994</v>
      </c>
      <c r="H31" s="16">
        <v>8583</v>
      </c>
      <c r="I31" s="16">
        <v>12645</v>
      </c>
      <c r="J31" s="16">
        <v>19124</v>
      </c>
      <c r="K31" s="16">
        <v>26405</v>
      </c>
      <c r="L31" s="16">
        <v>137</v>
      </c>
    </row>
    <row r="32" spans="1:12">
      <c r="A32" s="21" t="s">
        <v>232</v>
      </c>
      <c r="B32" s="21" t="s">
        <v>233</v>
      </c>
      <c r="C32" s="21" t="s">
        <v>262</v>
      </c>
      <c r="D32" s="21" t="s">
        <v>476</v>
      </c>
      <c r="E32" s="21" t="s">
        <v>585</v>
      </c>
      <c r="F32" s="16">
        <v>359156</v>
      </c>
      <c r="G32" s="16">
        <v>71596</v>
      </c>
      <c r="H32" s="16">
        <v>149288</v>
      </c>
      <c r="I32" s="16">
        <v>191054</v>
      </c>
      <c r="J32" s="16">
        <v>234325</v>
      </c>
      <c r="K32" s="16">
        <v>260373</v>
      </c>
      <c r="L32" s="16">
        <v>315452</v>
      </c>
    </row>
    <row r="33" spans="1:12">
      <c r="A33" s="21" t="s">
        <v>232</v>
      </c>
      <c r="B33" s="21" t="s">
        <v>233</v>
      </c>
      <c r="C33" s="21" t="s">
        <v>262</v>
      </c>
      <c r="D33" s="21" t="s">
        <v>476</v>
      </c>
      <c r="E33" s="21" t="s">
        <v>586</v>
      </c>
      <c r="F33" s="16">
        <v>64587</v>
      </c>
      <c r="G33" s="16">
        <v>10002</v>
      </c>
      <c r="H33" s="16">
        <v>12956</v>
      </c>
      <c r="I33" s="16">
        <v>14021</v>
      </c>
      <c r="J33" s="16">
        <v>15336</v>
      </c>
      <c r="K33" s="16">
        <v>16499</v>
      </c>
      <c r="L33" s="16">
        <v>26671</v>
      </c>
    </row>
    <row r="34" spans="1:12">
      <c r="A34" s="21" t="s">
        <v>232</v>
      </c>
      <c r="B34" s="21" t="s">
        <v>233</v>
      </c>
      <c r="C34" s="21" t="s">
        <v>262</v>
      </c>
      <c r="D34" s="21" t="s">
        <v>572</v>
      </c>
      <c r="E34" s="21" t="s">
        <v>587</v>
      </c>
      <c r="F34" s="16">
        <v>34897</v>
      </c>
      <c r="G34" s="16">
        <v>351</v>
      </c>
      <c r="H34" s="16">
        <v>843</v>
      </c>
      <c r="I34" s="16">
        <v>1252</v>
      </c>
      <c r="J34" s="16">
        <v>1909</v>
      </c>
      <c r="K34" s="16">
        <v>2582</v>
      </c>
      <c r="L34" s="16">
        <v>8671</v>
      </c>
    </row>
    <row r="35" spans="1:12">
      <c r="A35" s="21" t="s">
        <v>232</v>
      </c>
      <c r="B35" s="21" t="s">
        <v>233</v>
      </c>
      <c r="C35" s="21" t="s">
        <v>262</v>
      </c>
      <c r="D35" s="21" t="s">
        <v>572</v>
      </c>
      <c r="E35" s="21" t="s">
        <v>588</v>
      </c>
      <c r="F35" s="16">
        <v>11990</v>
      </c>
      <c r="G35" s="16">
        <v>142</v>
      </c>
      <c r="H35" s="16">
        <v>366</v>
      </c>
      <c r="I35" s="16">
        <v>538</v>
      </c>
      <c r="J35" s="16">
        <v>839</v>
      </c>
      <c r="K35" s="16">
        <v>1124</v>
      </c>
      <c r="L35" s="16">
        <v>2774</v>
      </c>
    </row>
    <row r="36" spans="1:12">
      <c r="A36" s="21" t="s">
        <v>232</v>
      </c>
      <c r="B36" s="21" t="s">
        <v>233</v>
      </c>
      <c r="C36" s="21" t="s">
        <v>262</v>
      </c>
      <c r="D36" s="21" t="s">
        <v>476</v>
      </c>
      <c r="E36" s="21" t="s">
        <v>589</v>
      </c>
      <c r="F36" s="16">
        <v>185925</v>
      </c>
      <c r="G36" s="16">
        <v>84375</v>
      </c>
      <c r="H36" s="16">
        <v>129490</v>
      </c>
      <c r="I36" s="16">
        <v>146013</v>
      </c>
      <c r="J36" s="16">
        <v>159253</v>
      </c>
      <c r="K36" s="16">
        <v>165296</v>
      </c>
      <c r="L36" s="16">
        <v>185925</v>
      </c>
    </row>
    <row r="37" spans="1:12">
      <c r="A37" s="21" t="s">
        <v>232</v>
      </c>
      <c r="B37" s="21" t="s">
        <v>233</v>
      </c>
      <c r="C37" s="21" t="s">
        <v>262</v>
      </c>
      <c r="D37" s="21" t="s">
        <v>572</v>
      </c>
      <c r="E37" s="21" t="s">
        <v>590</v>
      </c>
      <c r="F37" s="16">
        <v>139254</v>
      </c>
      <c r="G37" s="16">
        <v>61887</v>
      </c>
      <c r="H37" s="16">
        <v>96271</v>
      </c>
      <c r="I37" s="16">
        <v>109040</v>
      </c>
      <c r="J37" s="16">
        <v>119258</v>
      </c>
      <c r="K37" s="16">
        <v>123907</v>
      </c>
      <c r="L37" s="16">
        <v>139254</v>
      </c>
    </row>
    <row r="38" spans="1:12">
      <c r="A38" s="21" t="s">
        <v>232</v>
      </c>
      <c r="B38" s="21" t="s">
        <v>233</v>
      </c>
      <c r="C38" s="21" t="s">
        <v>262</v>
      </c>
      <c r="D38" s="21" t="s">
        <v>572</v>
      </c>
      <c r="E38" s="21" t="s">
        <v>591</v>
      </c>
      <c r="F38" s="16">
        <v>44202</v>
      </c>
      <c r="G38" s="16">
        <v>22165</v>
      </c>
      <c r="H38" s="16">
        <v>32468</v>
      </c>
      <c r="I38" s="16">
        <v>35974</v>
      </c>
      <c r="J38" s="16">
        <v>38762</v>
      </c>
      <c r="K38" s="16">
        <v>39988</v>
      </c>
      <c r="L38" s="16">
        <v>44202</v>
      </c>
    </row>
    <row r="39" spans="1:12">
      <c r="A39" s="21" t="s">
        <v>232</v>
      </c>
      <c r="B39" s="21" t="s">
        <v>233</v>
      </c>
      <c r="C39" s="21" t="s">
        <v>262</v>
      </c>
      <c r="D39" s="21" t="s">
        <v>476</v>
      </c>
      <c r="E39" s="21" t="s">
        <v>592</v>
      </c>
      <c r="F39" s="16">
        <v>346184</v>
      </c>
      <c r="G39" s="16">
        <v>23</v>
      </c>
      <c r="H39" s="16">
        <v>176</v>
      </c>
      <c r="I39" s="16">
        <v>498</v>
      </c>
      <c r="J39" s="16">
        <v>2200</v>
      </c>
      <c r="K39" s="16">
        <v>11384</v>
      </c>
      <c r="L39" s="22" t="s">
        <v>268</v>
      </c>
    </row>
    <row r="40" spans="1:12">
      <c r="A40" s="21" t="s">
        <v>232</v>
      </c>
      <c r="B40" s="21" t="s">
        <v>233</v>
      </c>
      <c r="C40" s="21" t="s">
        <v>262</v>
      </c>
      <c r="D40" s="21" t="s">
        <v>476</v>
      </c>
      <c r="E40" s="21" t="s">
        <v>593</v>
      </c>
      <c r="F40" s="16">
        <v>530603</v>
      </c>
      <c r="G40" s="16">
        <v>45984</v>
      </c>
      <c r="H40" s="16">
        <v>105041</v>
      </c>
      <c r="I40" s="16">
        <v>143705</v>
      </c>
      <c r="J40" s="16">
        <v>191859</v>
      </c>
      <c r="K40" s="16">
        <v>228829</v>
      </c>
      <c r="L40" s="16">
        <v>381708</v>
      </c>
    </row>
    <row r="41" spans="1:12">
      <c r="A41" s="21" t="s">
        <v>232</v>
      </c>
      <c r="B41" s="21" t="s">
        <v>233</v>
      </c>
      <c r="C41" s="21" t="s">
        <v>262</v>
      </c>
      <c r="D41" s="21" t="s">
        <v>474</v>
      </c>
      <c r="E41" s="21" t="s">
        <v>594</v>
      </c>
      <c r="F41" s="16">
        <v>504198</v>
      </c>
      <c r="G41" s="16">
        <v>16278</v>
      </c>
      <c r="H41" s="16">
        <v>30354</v>
      </c>
      <c r="I41" s="16">
        <v>38077</v>
      </c>
      <c r="J41" s="16">
        <v>46556</v>
      </c>
      <c r="K41" s="16">
        <v>55857</v>
      </c>
      <c r="L41" s="16">
        <v>10749</v>
      </c>
    </row>
    <row r="42" spans="1:12">
      <c r="A42" s="21" t="s">
        <v>232</v>
      </c>
      <c r="B42" s="21" t="s">
        <v>233</v>
      </c>
      <c r="C42" s="21" t="s">
        <v>262</v>
      </c>
      <c r="D42" s="21" t="s">
        <v>474</v>
      </c>
      <c r="E42" s="21" t="s">
        <v>595</v>
      </c>
      <c r="F42" s="16">
        <v>21151042</v>
      </c>
      <c r="G42" s="22" t="s">
        <v>268</v>
      </c>
      <c r="H42" s="16">
        <v>9</v>
      </c>
      <c r="I42" s="16">
        <v>128</v>
      </c>
      <c r="J42" s="16">
        <v>7955</v>
      </c>
      <c r="K42" s="16">
        <v>287751</v>
      </c>
      <c r="L42" s="22" t="s">
        <v>268</v>
      </c>
    </row>
    <row r="43" spans="1:12">
      <c r="A43" s="21" t="s">
        <v>232</v>
      </c>
      <c r="B43" s="21" t="s">
        <v>233</v>
      </c>
      <c r="C43" s="21" t="s">
        <v>262</v>
      </c>
      <c r="D43" s="21" t="s">
        <v>474</v>
      </c>
      <c r="E43" s="21" t="s">
        <v>596</v>
      </c>
      <c r="F43" s="16">
        <v>160120</v>
      </c>
      <c r="G43" s="22" t="s">
        <v>268</v>
      </c>
      <c r="H43" s="22" t="s">
        <v>268</v>
      </c>
      <c r="I43" s="22" t="s">
        <v>268</v>
      </c>
      <c r="J43" s="22" t="s">
        <v>268</v>
      </c>
      <c r="K43" s="22" t="s">
        <v>268</v>
      </c>
      <c r="L43" s="22" t="s">
        <v>268</v>
      </c>
    </row>
    <row r="44" spans="1:12">
      <c r="A44" s="21" t="s">
        <v>232</v>
      </c>
      <c r="B44" s="21" t="s">
        <v>233</v>
      </c>
      <c r="C44" s="21" t="s">
        <v>262</v>
      </c>
      <c r="D44" s="21" t="s">
        <v>474</v>
      </c>
      <c r="E44" s="21" t="s">
        <v>597</v>
      </c>
      <c r="F44" s="16">
        <v>2337703</v>
      </c>
      <c r="G44" s="16">
        <v>422433</v>
      </c>
      <c r="H44" s="16">
        <v>837975</v>
      </c>
      <c r="I44" s="16">
        <v>1068296</v>
      </c>
      <c r="J44" s="16">
        <v>1313313</v>
      </c>
      <c r="K44" s="16">
        <v>1463414</v>
      </c>
      <c r="L44" s="16">
        <v>2337703</v>
      </c>
    </row>
    <row r="45" spans="1:12">
      <c r="A45" s="21" t="s">
        <v>232</v>
      </c>
      <c r="B45" s="21" t="s">
        <v>233</v>
      </c>
      <c r="C45" s="21" t="s">
        <v>262</v>
      </c>
      <c r="D45" s="21" t="s">
        <v>474</v>
      </c>
      <c r="E45" s="21" t="s">
        <v>598</v>
      </c>
      <c r="F45" s="16">
        <v>646809</v>
      </c>
      <c r="G45" s="16">
        <v>109700</v>
      </c>
      <c r="H45" s="16">
        <v>322156</v>
      </c>
      <c r="I45" s="16">
        <v>449934</v>
      </c>
      <c r="J45" s="16">
        <v>578717</v>
      </c>
      <c r="K45" s="16">
        <v>646809</v>
      </c>
      <c r="L45" s="22" t="s">
        <v>268</v>
      </c>
    </row>
    <row r="46" spans="1:12">
      <c r="A46" s="21" t="s">
        <v>232</v>
      </c>
      <c r="B46" s="21" t="s">
        <v>233</v>
      </c>
      <c r="C46" s="21" t="s">
        <v>262</v>
      </c>
      <c r="D46" s="21" t="s">
        <v>474</v>
      </c>
      <c r="E46" s="21" t="s">
        <v>599</v>
      </c>
      <c r="F46" s="16">
        <v>905671</v>
      </c>
      <c r="G46" s="16">
        <v>172307</v>
      </c>
      <c r="H46" s="16">
        <v>468767</v>
      </c>
      <c r="I46" s="16">
        <v>641296</v>
      </c>
      <c r="J46" s="16">
        <v>814130</v>
      </c>
      <c r="K46" s="16">
        <v>905671</v>
      </c>
      <c r="L46" s="16">
        <v>249094</v>
      </c>
    </row>
    <row r="47" spans="1:12">
      <c r="A47" s="21" t="s">
        <v>232</v>
      </c>
      <c r="B47" s="21" t="s">
        <v>233</v>
      </c>
      <c r="C47" s="21" t="s">
        <v>262</v>
      </c>
      <c r="D47" s="21" t="s">
        <v>474</v>
      </c>
      <c r="E47" s="21" t="s">
        <v>600</v>
      </c>
      <c r="F47" s="16">
        <v>74481</v>
      </c>
      <c r="G47" s="16">
        <v>5632</v>
      </c>
      <c r="H47" s="16">
        <v>26263</v>
      </c>
      <c r="I47" s="16">
        <v>42896</v>
      </c>
      <c r="J47" s="16">
        <v>62428</v>
      </c>
      <c r="K47" s="16">
        <v>74481</v>
      </c>
      <c r="L47" s="22" t="s">
        <v>268</v>
      </c>
    </row>
    <row r="48" spans="1:12">
      <c r="A48" s="21" t="s">
        <v>232</v>
      </c>
      <c r="B48" s="21" t="s">
        <v>233</v>
      </c>
      <c r="C48" s="21" t="s">
        <v>262</v>
      </c>
      <c r="D48" s="21" t="s">
        <v>474</v>
      </c>
      <c r="E48" s="21" t="s">
        <v>601</v>
      </c>
      <c r="F48" s="16">
        <v>146416</v>
      </c>
      <c r="G48" s="16">
        <v>17294</v>
      </c>
      <c r="H48" s="16">
        <v>59036</v>
      </c>
      <c r="I48" s="16">
        <v>89676</v>
      </c>
      <c r="J48" s="16">
        <v>124880</v>
      </c>
      <c r="K48" s="16">
        <v>146416</v>
      </c>
      <c r="L48" s="16">
        <v>65208</v>
      </c>
    </row>
    <row r="49" spans="1:12">
      <c r="A49" s="21" t="s">
        <v>232</v>
      </c>
      <c r="B49" s="21" t="s">
        <v>233</v>
      </c>
      <c r="C49" s="21" t="s">
        <v>262</v>
      </c>
      <c r="D49" s="21" t="s">
        <v>474</v>
      </c>
      <c r="E49" s="21" t="s">
        <v>602</v>
      </c>
      <c r="F49" s="16">
        <v>6533895</v>
      </c>
      <c r="G49" s="22" t="s">
        <v>268</v>
      </c>
      <c r="H49" s="22" t="s">
        <v>268</v>
      </c>
      <c r="I49" s="22" t="s">
        <v>268</v>
      </c>
      <c r="J49" s="22" t="s">
        <v>268</v>
      </c>
      <c r="K49" s="22" t="s">
        <v>268</v>
      </c>
      <c r="L49" s="22" t="s">
        <v>268</v>
      </c>
    </row>
    <row r="50" spans="1:12">
      <c r="A50" s="21" t="s">
        <v>232</v>
      </c>
      <c r="B50" s="21" t="s">
        <v>233</v>
      </c>
      <c r="C50" s="21" t="s">
        <v>262</v>
      </c>
      <c r="D50" s="21" t="s">
        <v>474</v>
      </c>
      <c r="E50" s="21" t="s">
        <v>603</v>
      </c>
      <c r="F50" s="16">
        <v>6716806</v>
      </c>
      <c r="G50" s="22" t="s">
        <v>268</v>
      </c>
      <c r="H50" s="22" t="s">
        <v>268</v>
      </c>
      <c r="I50" s="22" t="s">
        <v>268</v>
      </c>
      <c r="J50" s="22" t="s">
        <v>268</v>
      </c>
      <c r="K50" s="22" t="s">
        <v>268</v>
      </c>
      <c r="L50" s="22" t="s">
        <v>268</v>
      </c>
    </row>
    <row r="51" spans="1:12">
      <c r="A51" s="21" t="s">
        <v>232</v>
      </c>
      <c r="B51" s="21" t="s">
        <v>237</v>
      </c>
      <c r="C51" s="21" t="s">
        <v>264</v>
      </c>
      <c r="D51" s="21" t="s">
        <v>474</v>
      </c>
      <c r="E51" s="21" t="s">
        <v>214</v>
      </c>
      <c r="F51" s="16">
        <v>716740</v>
      </c>
      <c r="G51" s="16">
        <v>61709</v>
      </c>
      <c r="H51" s="16">
        <v>106789</v>
      </c>
      <c r="I51" s="16">
        <v>128482</v>
      </c>
      <c r="J51" s="16">
        <v>149965</v>
      </c>
      <c r="K51" s="16">
        <v>165417</v>
      </c>
      <c r="L51" s="16">
        <v>43735</v>
      </c>
    </row>
    <row r="52" spans="1:12">
      <c r="A52" s="21" t="s">
        <v>232</v>
      </c>
      <c r="B52" s="21" t="s">
        <v>237</v>
      </c>
      <c r="C52" s="21" t="s">
        <v>264</v>
      </c>
      <c r="D52" s="21" t="s">
        <v>474</v>
      </c>
      <c r="E52" s="21" t="s">
        <v>564</v>
      </c>
      <c r="F52" s="16">
        <v>467025</v>
      </c>
      <c r="G52" s="16">
        <v>61504</v>
      </c>
      <c r="H52" s="16">
        <v>106396</v>
      </c>
      <c r="I52" s="16">
        <v>127985</v>
      </c>
      <c r="J52" s="16">
        <v>149208</v>
      </c>
      <c r="K52" s="16">
        <v>160762</v>
      </c>
      <c r="L52" s="16">
        <v>43490</v>
      </c>
    </row>
    <row r="53" spans="1:12">
      <c r="A53" s="21" t="s">
        <v>232</v>
      </c>
      <c r="B53" s="21" t="s">
        <v>237</v>
      </c>
      <c r="C53" s="21" t="s">
        <v>264</v>
      </c>
      <c r="D53" s="21" t="s">
        <v>240</v>
      </c>
      <c r="E53" s="21" t="s">
        <v>565</v>
      </c>
      <c r="F53" s="16">
        <v>396063</v>
      </c>
      <c r="G53" s="16">
        <v>52081</v>
      </c>
      <c r="H53" s="16">
        <v>88475</v>
      </c>
      <c r="I53" s="16">
        <v>105586</v>
      </c>
      <c r="J53" s="16">
        <v>122079</v>
      </c>
      <c r="K53" s="16">
        <v>130775</v>
      </c>
      <c r="L53" s="22" t="s">
        <v>268</v>
      </c>
    </row>
    <row r="54" spans="1:12">
      <c r="A54" s="21" t="s">
        <v>232</v>
      </c>
      <c r="B54" s="21" t="s">
        <v>237</v>
      </c>
      <c r="C54" s="21" t="s">
        <v>264</v>
      </c>
      <c r="D54" s="21" t="s">
        <v>476</v>
      </c>
      <c r="E54" s="21" t="s">
        <v>566</v>
      </c>
      <c r="F54" s="16">
        <v>149328</v>
      </c>
      <c r="G54" s="22" t="s">
        <v>268</v>
      </c>
      <c r="H54" s="22" t="s">
        <v>268</v>
      </c>
      <c r="I54" s="22" t="s">
        <v>268</v>
      </c>
      <c r="J54" s="16">
        <v>3</v>
      </c>
      <c r="K54" s="16">
        <v>39</v>
      </c>
      <c r="L54" s="22" t="s">
        <v>268</v>
      </c>
    </row>
    <row r="55" spans="1:12">
      <c r="A55" s="21" t="s">
        <v>232</v>
      </c>
      <c r="B55" s="21" t="s">
        <v>237</v>
      </c>
      <c r="C55" s="21" t="s">
        <v>264</v>
      </c>
      <c r="D55" s="21" t="s">
        <v>476</v>
      </c>
      <c r="E55" s="21" t="s">
        <v>567</v>
      </c>
      <c r="F55" s="16">
        <v>175135</v>
      </c>
      <c r="G55" s="16">
        <v>48241</v>
      </c>
      <c r="H55" s="16">
        <v>78239</v>
      </c>
      <c r="I55" s="16">
        <v>91368</v>
      </c>
      <c r="J55" s="16">
        <v>103351</v>
      </c>
      <c r="K55" s="16">
        <v>109443</v>
      </c>
      <c r="L55" s="22" t="s">
        <v>268</v>
      </c>
    </row>
    <row r="56" spans="1:12">
      <c r="A56" s="21" t="s">
        <v>232</v>
      </c>
      <c r="B56" s="21" t="s">
        <v>237</v>
      </c>
      <c r="C56" s="21" t="s">
        <v>264</v>
      </c>
      <c r="D56" s="21" t="s">
        <v>476</v>
      </c>
      <c r="E56" s="21" t="s">
        <v>568</v>
      </c>
      <c r="F56" s="16">
        <v>9867</v>
      </c>
      <c r="G56" s="16">
        <v>170</v>
      </c>
      <c r="H56" s="16">
        <v>643</v>
      </c>
      <c r="I56" s="16">
        <v>1021</v>
      </c>
      <c r="J56" s="16">
        <v>1478</v>
      </c>
      <c r="K56" s="16">
        <v>1787</v>
      </c>
      <c r="L56" s="22" t="s">
        <v>268</v>
      </c>
    </row>
    <row r="57" spans="1:12">
      <c r="A57" s="21" t="s">
        <v>232</v>
      </c>
      <c r="B57" s="21" t="s">
        <v>237</v>
      </c>
      <c r="C57" s="21" t="s">
        <v>264</v>
      </c>
      <c r="D57" s="21" t="s">
        <v>476</v>
      </c>
      <c r="E57" s="21" t="s">
        <v>569</v>
      </c>
      <c r="F57" s="16">
        <v>61733</v>
      </c>
      <c r="G57" s="16">
        <v>3670</v>
      </c>
      <c r="H57" s="16">
        <v>9593</v>
      </c>
      <c r="I57" s="16">
        <v>13197</v>
      </c>
      <c r="J57" s="16">
        <v>17247</v>
      </c>
      <c r="K57" s="16">
        <v>19506</v>
      </c>
      <c r="L57" s="22" t="s">
        <v>268</v>
      </c>
    </row>
    <row r="58" spans="1:12">
      <c r="A58" s="21" t="s">
        <v>232</v>
      </c>
      <c r="B58" s="21" t="s">
        <v>237</v>
      </c>
      <c r="C58" s="21" t="s">
        <v>264</v>
      </c>
      <c r="D58" s="21" t="s">
        <v>240</v>
      </c>
      <c r="E58" s="21" t="s">
        <v>570</v>
      </c>
      <c r="F58" s="16">
        <v>70962</v>
      </c>
      <c r="G58" s="16">
        <v>9423</v>
      </c>
      <c r="H58" s="16">
        <v>17921</v>
      </c>
      <c r="I58" s="16">
        <v>22399</v>
      </c>
      <c r="J58" s="16">
        <v>27129</v>
      </c>
      <c r="K58" s="16">
        <v>29987</v>
      </c>
      <c r="L58" s="16">
        <v>43490</v>
      </c>
    </row>
    <row r="59" spans="1:12">
      <c r="A59" s="21" t="s">
        <v>232</v>
      </c>
      <c r="B59" s="21" t="s">
        <v>237</v>
      </c>
      <c r="C59" s="21" t="s">
        <v>264</v>
      </c>
      <c r="D59" s="21" t="s">
        <v>476</v>
      </c>
      <c r="E59" s="21" t="s">
        <v>571</v>
      </c>
      <c r="F59" s="16">
        <v>3574</v>
      </c>
      <c r="G59" s="22" t="s">
        <v>268</v>
      </c>
      <c r="H59" s="22" t="s">
        <v>268</v>
      </c>
      <c r="I59" s="22" t="s">
        <v>268</v>
      </c>
      <c r="J59" s="22" t="s">
        <v>268</v>
      </c>
      <c r="K59" s="16">
        <v>2</v>
      </c>
      <c r="L59" s="22" t="s">
        <v>268</v>
      </c>
    </row>
    <row r="60" spans="1:12">
      <c r="A60" s="21" t="s">
        <v>232</v>
      </c>
      <c r="B60" s="21" t="s">
        <v>237</v>
      </c>
      <c r="C60" s="21" t="s">
        <v>264</v>
      </c>
      <c r="D60" s="21" t="s">
        <v>572</v>
      </c>
      <c r="E60" s="21" t="s">
        <v>573</v>
      </c>
      <c r="F60" s="16">
        <v>2947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16">
        <v>2</v>
      </c>
      <c r="L60" s="22" t="s">
        <v>268</v>
      </c>
    </row>
    <row r="61" spans="1:12">
      <c r="A61" s="21" t="s">
        <v>232</v>
      </c>
      <c r="B61" s="21" t="s">
        <v>237</v>
      </c>
      <c r="C61" s="21" t="s">
        <v>264</v>
      </c>
      <c r="D61" s="21" t="s">
        <v>572</v>
      </c>
      <c r="E61" s="21" t="s">
        <v>574</v>
      </c>
      <c r="F61" s="16">
        <v>627</v>
      </c>
      <c r="G61" s="22" t="s">
        <v>268</v>
      </c>
      <c r="H61" s="22" t="s">
        <v>268</v>
      </c>
      <c r="I61" s="22" t="s">
        <v>268</v>
      </c>
      <c r="J61" s="22" t="s">
        <v>268</v>
      </c>
      <c r="K61" s="22" t="s">
        <v>268</v>
      </c>
      <c r="L61" s="22" t="s">
        <v>268</v>
      </c>
    </row>
    <row r="62" spans="1:12">
      <c r="A62" s="21" t="s">
        <v>232</v>
      </c>
      <c r="B62" s="21" t="s">
        <v>237</v>
      </c>
      <c r="C62" s="21" t="s">
        <v>264</v>
      </c>
      <c r="D62" s="21" t="s">
        <v>476</v>
      </c>
      <c r="E62" s="21" t="s">
        <v>575</v>
      </c>
      <c r="F62" s="16">
        <v>11896</v>
      </c>
      <c r="G62" s="22" t="s">
        <v>268</v>
      </c>
      <c r="H62" s="22" t="s">
        <v>268</v>
      </c>
      <c r="I62" s="22" t="s">
        <v>268</v>
      </c>
      <c r="J62" s="22" t="s">
        <v>268</v>
      </c>
      <c r="K62" s="16">
        <v>3</v>
      </c>
      <c r="L62" s="22" t="s">
        <v>268</v>
      </c>
    </row>
    <row r="63" spans="1:12">
      <c r="A63" s="21" t="s">
        <v>232</v>
      </c>
      <c r="B63" s="21" t="s">
        <v>237</v>
      </c>
      <c r="C63" s="21" t="s">
        <v>264</v>
      </c>
      <c r="D63" s="21" t="s">
        <v>572</v>
      </c>
      <c r="E63" s="21" t="s">
        <v>576</v>
      </c>
      <c r="F63" s="16">
        <v>9072</v>
      </c>
      <c r="G63" s="22" t="s">
        <v>268</v>
      </c>
      <c r="H63" s="22" t="s">
        <v>268</v>
      </c>
      <c r="I63" s="22" t="s">
        <v>268</v>
      </c>
      <c r="J63" s="22" t="s">
        <v>268</v>
      </c>
      <c r="K63" s="16">
        <v>2</v>
      </c>
      <c r="L63" s="22" t="s">
        <v>268</v>
      </c>
    </row>
    <row r="64" spans="1:12">
      <c r="A64" s="21" t="s">
        <v>232</v>
      </c>
      <c r="B64" s="21" t="s">
        <v>237</v>
      </c>
      <c r="C64" s="21" t="s">
        <v>264</v>
      </c>
      <c r="D64" s="21" t="s">
        <v>572</v>
      </c>
      <c r="E64" s="21" t="s">
        <v>577</v>
      </c>
      <c r="F64" s="16">
        <v>2824</v>
      </c>
      <c r="G64" s="22" t="s">
        <v>268</v>
      </c>
      <c r="H64" s="22" t="s">
        <v>268</v>
      </c>
      <c r="I64" s="22" t="s">
        <v>268</v>
      </c>
      <c r="J64" s="22" t="s">
        <v>268</v>
      </c>
      <c r="K64" s="16">
        <v>1</v>
      </c>
      <c r="L64" s="22" t="s">
        <v>268</v>
      </c>
    </row>
    <row r="65" spans="1:12">
      <c r="A65" s="21" t="s">
        <v>232</v>
      </c>
      <c r="B65" s="21" t="s">
        <v>237</v>
      </c>
      <c r="C65" s="21" t="s">
        <v>264</v>
      </c>
      <c r="D65" s="21" t="s">
        <v>476</v>
      </c>
      <c r="E65" s="21" t="s">
        <v>578</v>
      </c>
      <c r="F65" s="16">
        <v>9848</v>
      </c>
      <c r="G65" s="16">
        <v>2449</v>
      </c>
      <c r="H65" s="16">
        <v>4782</v>
      </c>
      <c r="I65" s="16">
        <v>5913</v>
      </c>
      <c r="J65" s="16">
        <v>6967</v>
      </c>
      <c r="K65" s="16">
        <v>7523</v>
      </c>
      <c r="L65" s="16">
        <v>9848</v>
      </c>
    </row>
    <row r="66" spans="1:12">
      <c r="A66" s="21" t="s">
        <v>232</v>
      </c>
      <c r="B66" s="21" t="s">
        <v>237</v>
      </c>
      <c r="C66" s="21" t="s">
        <v>264</v>
      </c>
      <c r="D66" s="21" t="s">
        <v>572</v>
      </c>
      <c r="E66" s="21" t="s">
        <v>579</v>
      </c>
      <c r="F66" s="16">
        <v>8112</v>
      </c>
      <c r="G66" s="16">
        <v>1880</v>
      </c>
      <c r="H66" s="16">
        <v>3792</v>
      </c>
      <c r="I66" s="16">
        <v>4737</v>
      </c>
      <c r="J66" s="16">
        <v>5609</v>
      </c>
      <c r="K66" s="16">
        <v>6099</v>
      </c>
      <c r="L66" s="16">
        <v>8112</v>
      </c>
    </row>
    <row r="67" spans="1:12">
      <c r="A67" s="21" t="s">
        <v>232</v>
      </c>
      <c r="B67" s="21" t="s">
        <v>237</v>
      </c>
      <c r="C67" s="21" t="s">
        <v>264</v>
      </c>
      <c r="D67" s="21" t="s">
        <v>572</v>
      </c>
      <c r="E67" s="21" t="s">
        <v>580</v>
      </c>
      <c r="F67" s="16">
        <v>1734</v>
      </c>
      <c r="G67" s="16">
        <v>569</v>
      </c>
      <c r="H67" s="16">
        <v>990</v>
      </c>
      <c r="I67" s="16">
        <v>1176</v>
      </c>
      <c r="J67" s="16">
        <v>1358</v>
      </c>
      <c r="K67" s="16">
        <v>1424</v>
      </c>
      <c r="L67" s="16">
        <v>1734</v>
      </c>
    </row>
    <row r="68" spans="1:12">
      <c r="A68" s="21" t="s">
        <v>232</v>
      </c>
      <c r="B68" s="21" t="s">
        <v>237</v>
      </c>
      <c r="C68" s="21" t="s">
        <v>264</v>
      </c>
      <c r="D68" s="21" t="s">
        <v>476</v>
      </c>
      <c r="E68" s="21" t="s">
        <v>581</v>
      </c>
      <c r="F68" s="16">
        <v>14968</v>
      </c>
      <c r="G68" s="16">
        <v>1896</v>
      </c>
      <c r="H68" s="16">
        <v>4038</v>
      </c>
      <c r="I68" s="16">
        <v>5245</v>
      </c>
      <c r="J68" s="16">
        <v>6651</v>
      </c>
      <c r="K68" s="16">
        <v>7455</v>
      </c>
      <c r="L68" s="16">
        <v>14968</v>
      </c>
    </row>
    <row r="69" spans="1:12">
      <c r="A69" s="21" t="s">
        <v>232</v>
      </c>
      <c r="B69" s="21" t="s">
        <v>237</v>
      </c>
      <c r="C69" s="21" t="s">
        <v>264</v>
      </c>
      <c r="D69" s="21" t="s">
        <v>572</v>
      </c>
      <c r="E69" s="21" t="s">
        <v>582</v>
      </c>
      <c r="F69" s="16">
        <v>11285</v>
      </c>
      <c r="G69" s="16">
        <v>1259</v>
      </c>
      <c r="H69" s="16">
        <v>2760</v>
      </c>
      <c r="I69" s="16">
        <v>3682</v>
      </c>
      <c r="J69" s="16">
        <v>4744</v>
      </c>
      <c r="K69" s="16">
        <v>5356</v>
      </c>
      <c r="L69" s="16">
        <v>11285</v>
      </c>
    </row>
    <row r="70" spans="1:12">
      <c r="A70" s="21" t="s">
        <v>232</v>
      </c>
      <c r="B70" s="21" t="s">
        <v>237</v>
      </c>
      <c r="C70" s="21" t="s">
        <v>264</v>
      </c>
      <c r="D70" s="21" t="s">
        <v>572</v>
      </c>
      <c r="E70" s="21" t="s">
        <v>583</v>
      </c>
      <c r="F70" s="16">
        <v>3661</v>
      </c>
      <c r="G70" s="16">
        <v>637</v>
      </c>
      <c r="H70" s="16">
        <v>1278</v>
      </c>
      <c r="I70" s="16">
        <v>1563</v>
      </c>
      <c r="J70" s="16">
        <v>1907</v>
      </c>
      <c r="K70" s="16">
        <v>2099</v>
      </c>
      <c r="L70" s="16">
        <v>3661</v>
      </c>
    </row>
    <row r="71" spans="1:12">
      <c r="A71" s="21" t="s">
        <v>232</v>
      </c>
      <c r="B71" s="21" t="s">
        <v>237</v>
      </c>
      <c r="C71" s="21" t="s">
        <v>264</v>
      </c>
      <c r="D71" s="21" t="s">
        <v>476</v>
      </c>
      <c r="E71" s="21" t="s">
        <v>584</v>
      </c>
      <c r="F71" s="16">
        <v>2174</v>
      </c>
      <c r="G71" s="16">
        <v>103</v>
      </c>
      <c r="H71" s="16">
        <v>191</v>
      </c>
      <c r="I71" s="16">
        <v>274</v>
      </c>
      <c r="J71" s="16">
        <v>426</v>
      </c>
      <c r="K71" s="16">
        <v>550</v>
      </c>
      <c r="L71" s="16">
        <v>3</v>
      </c>
    </row>
    <row r="72" spans="1:12">
      <c r="A72" s="21" t="s">
        <v>232</v>
      </c>
      <c r="B72" s="21" t="s">
        <v>237</v>
      </c>
      <c r="C72" s="21" t="s">
        <v>264</v>
      </c>
      <c r="D72" s="21" t="s">
        <v>476</v>
      </c>
      <c r="E72" s="21" t="s">
        <v>585</v>
      </c>
      <c r="F72" s="16">
        <v>7277</v>
      </c>
      <c r="G72" s="16">
        <v>1454</v>
      </c>
      <c r="H72" s="16">
        <v>3099</v>
      </c>
      <c r="I72" s="16">
        <v>3965</v>
      </c>
      <c r="J72" s="16">
        <v>4823</v>
      </c>
      <c r="K72" s="16">
        <v>5309</v>
      </c>
      <c r="L72" s="16">
        <v>6416</v>
      </c>
    </row>
    <row r="73" spans="1:12">
      <c r="A73" s="21" t="s">
        <v>232</v>
      </c>
      <c r="B73" s="21" t="s">
        <v>237</v>
      </c>
      <c r="C73" s="21" t="s">
        <v>264</v>
      </c>
      <c r="D73" s="21" t="s">
        <v>476</v>
      </c>
      <c r="E73" s="21" t="s">
        <v>586</v>
      </c>
      <c r="F73" s="16">
        <v>1575</v>
      </c>
      <c r="G73" s="16">
        <v>329</v>
      </c>
      <c r="H73" s="16">
        <v>422</v>
      </c>
      <c r="I73" s="16">
        <v>451</v>
      </c>
      <c r="J73" s="16">
        <v>489</v>
      </c>
      <c r="K73" s="16">
        <v>505</v>
      </c>
      <c r="L73" s="16">
        <v>725</v>
      </c>
    </row>
    <row r="74" spans="1:12">
      <c r="A74" s="21" t="s">
        <v>232</v>
      </c>
      <c r="B74" s="21" t="s">
        <v>237</v>
      </c>
      <c r="C74" s="21" t="s">
        <v>264</v>
      </c>
      <c r="D74" s="21" t="s">
        <v>572</v>
      </c>
      <c r="E74" s="21" t="s">
        <v>587</v>
      </c>
      <c r="F74" s="16">
        <v>775</v>
      </c>
      <c r="G74" s="16">
        <v>5</v>
      </c>
      <c r="H74" s="16">
        <v>16</v>
      </c>
      <c r="I74" s="16">
        <v>20</v>
      </c>
      <c r="J74" s="16">
        <v>40</v>
      </c>
      <c r="K74" s="16">
        <v>49</v>
      </c>
      <c r="L74" s="16">
        <v>187</v>
      </c>
    </row>
    <row r="75" spans="1:12">
      <c r="A75" s="21" t="s">
        <v>232</v>
      </c>
      <c r="B75" s="21" t="s">
        <v>237</v>
      </c>
      <c r="C75" s="21" t="s">
        <v>264</v>
      </c>
      <c r="D75" s="21" t="s">
        <v>572</v>
      </c>
      <c r="E75" s="21" t="s">
        <v>588</v>
      </c>
      <c r="F75" s="16">
        <v>261</v>
      </c>
      <c r="G75" s="16">
        <v>6</v>
      </c>
      <c r="H75" s="16">
        <v>16</v>
      </c>
      <c r="I75" s="16">
        <v>19</v>
      </c>
      <c r="J75" s="16">
        <v>23</v>
      </c>
      <c r="K75" s="16">
        <v>25</v>
      </c>
      <c r="L75" s="16">
        <v>45</v>
      </c>
    </row>
    <row r="76" spans="1:12">
      <c r="A76" s="21" t="s">
        <v>232</v>
      </c>
      <c r="B76" s="21" t="s">
        <v>237</v>
      </c>
      <c r="C76" s="21" t="s">
        <v>264</v>
      </c>
      <c r="D76" s="21" t="s">
        <v>476</v>
      </c>
      <c r="E76" s="21" t="s">
        <v>589</v>
      </c>
      <c r="F76" s="16">
        <v>4509</v>
      </c>
      <c r="G76" s="16">
        <v>2244</v>
      </c>
      <c r="H76" s="16">
        <v>3236</v>
      </c>
      <c r="I76" s="16">
        <v>3613</v>
      </c>
      <c r="J76" s="16">
        <v>3889</v>
      </c>
      <c r="K76" s="16">
        <v>4022</v>
      </c>
      <c r="L76" s="16">
        <v>4509</v>
      </c>
    </row>
    <row r="77" spans="1:12">
      <c r="A77" s="21" t="s">
        <v>232</v>
      </c>
      <c r="B77" s="21" t="s">
        <v>237</v>
      </c>
      <c r="C77" s="21" t="s">
        <v>264</v>
      </c>
      <c r="D77" s="21" t="s">
        <v>572</v>
      </c>
      <c r="E77" s="21" t="s">
        <v>590</v>
      </c>
      <c r="F77" s="16">
        <v>3421</v>
      </c>
      <c r="G77" s="16">
        <v>1655</v>
      </c>
      <c r="H77" s="16">
        <v>2408</v>
      </c>
      <c r="I77" s="16">
        <v>2700</v>
      </c>
      <c r="J77" s="16">
        <v>2930</v>
      </c>
      <c r="K77" s="16">
        <v>3035</v>
      </c>
      <c r="L77" s="16">
        <v>3421</v>
      </c>
    </row>
    <row r="78" spans="1:12">
      <c r="A78" s="21" t="s">
        <v>232</v>
      </c>
      <c r="B78" s="21" t="s">
        <v>237</v>
      </c>
      <c r="C78" s="21" t="s">
        <v>264</v>
      </c>
      <c r="D78" s="21" t="s">
        <v>572</v>
      </c>
      <c r="E78" s="21" t="s">
        <v>591</v>
      </c>
      <c r="F78" s="16">
        <v>1040</v>
      </c>
      <c r="G78" s="16">
        <v>581</v>
      </c>
      <c r="H78" s="16">
        <v>810</v>
      </c>
      <c r="I78" s="16">
        <v>889</v>
      </c>
      <c r="J78" s="16">
        <v>932</v>
      </c>
      <c r="K78" s="16">
        <v>957</v>
      </c>
      <c r="L78" s="16">
        <v>1040</v>
      </c>
    </row>
    <row r="79" spans="1:12">
      <c r="A79" s="21" t="s">
        <v>232</v>
      </c>
      <c r="B79" s="21" t="s">
        <v>237</v>
      </c>
      <c r="C79" s="21" t="s">
        <v>264</v>
      </c>
      <c r="D79" s="21" t="s">
        <v>476</v>
      </c>
      <c r="E79" s="21" t="s">
        <v>592</v>
      </c>
      <c r="F79" s="16">
        <v>5413</v>
      </c>
      <c r="G79" s="22" t="s">
        <v>268</v>
      </c>
      <c r="H79" s="16">
        <v>2</v>
      </c>
      <c r="I79" s="16">
        <v>6</v>
      </c>
      <c r="J79" s="16">
        <v>70</v>
      </c>
      <c r="K79" s="16">
        <v>199</v>
      </c>
      <c r="L79" s="22" t="s">
        <v>268</v>
      </c>
    </row>
    <row r="80" spans="1:12">
      <c r="A80" s="21" t="s">
        <v>232</v>
      </c>
      <c r="B80" s="21" t="s">
        <v>237</v>
      </c>
      <c r="C80" s="21" t="s">
        <v>264</v>
      </c>
      <c r="D80" s="21" t="s">
        <v>476</v>
      </c>
      <c r="E80" s="21" t="s">
        <v>593</v>
      </c>
      <c r="F80" s="16">
        <v>9728</v>
      </c>
      <c r="G80" s="16">
        <v>948</v>
      </c>
      <c r="H80" s="16">
        <v>2151</v>
      </c>
      <c r="I80" s="16">
        <v>2932</v>
      </c>
      <c r="J80" s="16">
        <v>3814</v>
      </c>
      <c r="K80" s="16">
        <v>4419</v>
      </c>
      <c r="L80" s="16">
        <v>7021</v>
      </c>
    </row>
    <row r="81" spans="1:12">
      <c r="A81" s="21" t="s">
        <v>232</v>
      </c>
      <c r="B81" s="21" t="s">
        <v>237</v>
      </c>
      <c r="C81" s="21" t="s">
        <v>264</v>
      </c>
      <c r="D81" s="21" t="s">
        <v>474</v>
      </c>
      <c r="E81" s="21" t="s">
        <v>594</v>
      </c>
      <c r="F81" s="16">
        <v>5536</v>
      </c>
      <c r="G81" s="16">
        <v>205</v>
      </c>
      <c r="H81" s="16">
        <v>393</v>
      </c>
      <c r="I81" s="16">
        <v>493</v>
      </c>
      <c r="J81" s="16">
        <v>592</v>
      </c>
      <c r="K81" s="16">
        <v>679</v>
      </c>
      <c r="L81" s="16">
        <v>245</v>
      </c>
    </row>
    <row r="82" spans="1:12">
      <c r="A82" s="21" t="s">
        <v>232</v>
      </c>
      <c r="B82" s="21" t="s">
        <v>237</v>
      </c>
      <c r="C82" s="21" t="s">
        <v>264</v>
      </c>
      <c r="D82" s="21" t="s">
        <v>474</v>
      </c>
      <c r="E82" s="21" t="s">
        <v>595</v>
      </c>
      <c r="F82" s="16">
        <v>242940</v>
      </c>
      <c r="G82" s="22" t="s">
        <v>268</v>
      </c>
      <c r="H82" s="22" t="s">
        <v>268</v>
      </c>
      <c r="I82" s="16">
        <v>4</v>
      </c>
      <c r="J82" s="16">
        <v>165</v>
      </c>
      <c r="K82" s="16">
        <v>3976</v>
      </c>
      <c r="L82" s="22" t="s">
        <v>268</v>
      </c>
    </row>
    <row r="83" spans="1:12">
      <c r="A83" s="21" t="s">
        <v>232</v>
      </c>
      <c r="B83" s="21" t="s">
        <v>237</v>
      </c>
      <c r="C83" s="21" t="s">
        <v>264</v>
      </c>
      <c r="D83" s="21" t="s">
        <v>474</v>
      </c>
      <c r="E83" s="21" t="s">
        <v>596</v>
      </c>
      <c r="F83" s="16">
        <v>1239</v>
      </c>
      <c r="G83" s="22" t="s">
        <v>268</v>
      </c>
      <c r="H83" s="22" t="s">
        <v>268</v>
      </c>
      <c r="I83" s="22" t="s">
        <v>268</v>
      </c>
      <c r="J83" s="22" t="s">
        <v>268</v>
      </c>
      <c r="K83" s="22" t="s">
        <v>268</v>
      </c>
      <c r="L83" s="22" t="s">
        <v>268</v>
      </c>
    </row>
    <row r="84" spans="1:12">
      <c r="A84" s="21" t="s">
        <v>232</v>
      </c>
      <c r="B84" s="21" t="s">
        <v>237</v>
      </c>
      <c r="C84" s="21" t="s">
        <v>264</v>
      </c>
      <c r="D84" s="21" t="s">
        <v>474</v>
      </c>
      <c r="E84" s="21" t="s">
        <v>597</v>
      </c>
      <c r="F84" s="16">
        <v>43735</v>
      </c>
      <c r="G84" s="16">
        <v>9194</v>
      </c>
      <c r="H84" s="16">
        <v>17464</v>
      </c>
      <c r="I84" s="16">
        <v>21729</v>
      </c>
      <c r="J84" s="16">
        <v>26040</v>
      </c>
      <c r="K84" s="16">
        <v>28487</v>
      </c>
      <c r="L84" s="16">
        <v>43735</v>
      </c>
    </row>
    <row r="85" spans="1:12">
      <c r="A85" s="21" t="s">
        <v>232</v>
      </c>
      <c r="B85" s="21" t="s">
        <v>237</v>
      </c>
      <c r="C85" s="21" t="s">
        <v>264</v>
      </c>
      <c r="D85" s="21" t="s">
        <v>474</v>
      </c>
      <c r="E85" s="21" t="s">
        <v>598</v>
      </c>
      <c r="F85" s="16">
        <v>11403</v>
      </c>
      <c r="G85" s="16">
        <v>2166</v>
      </c>
      <c r="H85" s="16">
        <v>5974</v>
      </c>
      <c r="I85" s="16">
        <v>8230</v>
      </c>
      <c r="J85" s="16">
        <v>10361</v>
      </c>
      <c r="K85" s="16">
        <v>11403</v>
      </c>
      <c r="L85" s="22" t="s">
        <v>268</v>
      </c>
    </row>
    <row r="86" spans="1:12">
      <c r="A86" s="21" t="s">
        <v>232</v>
      </c>
      <c r="B86" s="21" t="s">
        <v>237</v>
      </c>
      <c r="C86" s="21" t="s">
        <v>264</v>
      </c>
      <c r="D86" s="21" t="s">
        <v>474</v>
      </c>
      <c r="E86" s="21" t="s">
        <v>599</v>
      </c>
      <c r="F86" s="16">
        <v>16762</v>
      </c>
      <c r="G86" s="16">
        <v>3543</v>
      </c>
      <c r="H86" s="16">
        <v>9151</v>
      </c>
      <c r="I86" s="16">
        <v>12338</v>
      </c>
      <c r="J86" s="16">
        <v>15310</v>
      </c>
      <c r="K86" s="16">
        <v>16762</v>
      </c>
      <c r="L86" s="16">
        <v>5183</v>
      </c>
    </row>
    <row r="87" spans="1:12">
      <c r="A87" s="21" t="s">
        <v>232</v>
      </c>
      <c r="B87" s="21" t="s">
        <v>237</v>
      </c>
      <c r="C87" s="21" t="s">
        <v>264</v>
      </c>
      <c r="D87" s="21" t="s">
        <v>474</v>
      </c>
      <c r="E87" s="21" t="s">
        <v>600</v>
      </c>
      <c r="F87" s="16">
        <v>1071</v>
      </c>
      <c r="G87" s="16">
        <v>91</v>
      </c>
      <c r="H87" s="16">
        <v>424</v>
      </c>
      <c r="I87" s="16">
        <v>674</v>
      </c>
      <c r="J87" s="16">
        <v>920</v>
      </c>
      <c r="K87" s="16">
        <v>1071</v>
      </c>
      <c r="L87" s="22" t="s">
        <v>268</v>
      </c>
    </row>
    <row r="88" spans="1:12">
      <c r="A88" s="21" t="s">
        <v>232</v>
      </c>
      <c r="B88" s="21" t="s">
        <v>237</v>
      </c>
      <c r="C88" s="21" t="s">
        <v>264</v>
      </c>
      <c r="D88" s="21" t="s">
        <v>474</v>
      </c>
      <c r="E88" s="21" t="s">
        <v>601</v>
      </c>
      <c r="F88" s="16">
        <v>2557</v>
      </c>
      <c r="G88" s="16">
        <v>297</v>
      </c>
      <c r="H88" s="16">
        <v>1090</v>
      </c>
      <c r="I88" s="16">
        <v>1660</v>
      </c>
      <c r="J88" s="16">
        <v>2218</v>
      </c>
      <c r="K88" s="16">
        <v>2557</v>
      </c>
      <c r="L88" s="16">
        <v>1404</v>
      </c>
    </row>
    <row r="89" spans="1:12">
      <c r="A89" s="21" t="s">
        <v>232</v>
      </c>
      <c r="B89" s="21" t="s">
        <v>237</v>
      </c>
      <c r="C89" s="21" t="s">
        <v>264</v>
      </c>
      <c r="D89" s="21" t="s">
        <v>474</v>
      </c>
      <c r="E89" s="21" t="s">
        <v>602</v>
      </c>
      <c r="F89" s="16">
        <v>94175</v>
      </c>
      <c r="G89" s="22" t="s">
        <v>268</v>
      </c>
      <c r="H89" s="22" t="s">
        <v>268</v>
      </c>
      <c r="I89" s="22" t="s">
        <v>268</v>
      </c>
      <c r="J89" s="22" t="s">
        <v>268</v>
      </c>
      <c r="K89" s="22" t="s">
        <v>268</v>
      </c>
      <c r="L89" s="22" t="s">
        <v>268</v>
      </c>
    </row>
    <row r="90" spans="1:12">
      <c r="A90" s="21" t="s">
        <v>232</v>
      </c>
      <c r="B90" s="21" t="s">
        <v>237</v>
      </c>
      <c r="C90" s="21" t="s">
        <v>264</v>
      </c>
      <c r="D90" s="21" t="s">
        <v>474</v>
      </c>
      <c r="E90" s="21" t="s">
        <v>603</v>
      </c>
      <c r="F90" s="16">
        <v>92410</v>
      </c>
      <c r="G90" s="22" t="s">
        <v>268</v>
      </c>
      <c r="H90" s="22" t="s">
        <v>268</v>
      </c>
      <c r="I90" s="22" t="s">
        <v>268</v>
      </c>
      <c r="J90" s="22" t="s">
        <v>268</v>
      </c>
      <c r="K90" s="22" t="s">
        <v>268</v>
      </c>
      <c r="L90" s="22" t="s">
        <v>268</v>
      </c>
    </row>
    <row r="91" spans="1:12">
      <c r="A91" s="21" t="s">
        <v>240</v>
      </c>
      <c r="B91" s="21" t="s">
        <v>237</v>
      </c>
      <c r="C91" s="21" t="s">
        <v>265</v>
      </c>
      <c r="D91" s="21" t="s">
        <v>474</v>
      </c>
      <c r="E91" s="21" t="s">
        <v>214</v>
      </c>
      <c r="F91" s="16">
        <v>48996</v>
      </c>
      <c r="G91" s="16">
        <v>3857</v>
      </c>
      <c r="H91" s="16">
        <v>6816</v>
      </c>
      <c r="I91" s="16">
        <v>8298</v>
      </c>
      <c r="J91" s="16">
        <v>9711</v>
      </c>
      <c r="K91" s="16">
        <v>10622</v>
      </c>
      <c r="L91" s="16">
        <v>4145</v>
      </c>
    </row>
    <row r="92" spans="1:12">
      <c r="A92" s="21" t="s">
        <v>240</v>
      </c>
      <c r="B92" s="21" t="s">
        <v>237</v>
      </c>
      <c r="C92" s="21" t="s">
        <v>265</v>
      </c>
      <c r="D92" s="21" t="s">
        <v>474</v>
      </c>
      <c r="E92" s="21" t="s">
        <v>564</v>
      </c>
      <c r="F92" s="16">
        <v>32763</v>
      </c>
      <c r="G92" s="16">
        <v>3832</v>
      </c>
      <c r="H92" s="16">
        <v>6778</v>
      </c>
      <c r="I92" s="16">
        <v>8251</v>
      </c>
      <c r="J92" s="16">
        <v>9652</v>
      </c>
      <c r="K92" s="16">
        <v>10457</v>
      </c>
      <c r="L92" s="16">
        <v>4108</v>
      </c>
    </row>
    <row r="93" spans="1:12">
      <c r="A93" s="21" t="s">
        <v>240</v>
      </c>
      <c r="B93" s="21" t="s">
        <v>237</v>
      </c>
      <c r="C93" s="21" t="s">
        <v>265</v>
      </c>
      <c r="D93" s="21" t="s">
        <v>240</v>
      </c>
      <c r="E93" s="21" t="s">
        <v>565</v>
      </c>
      <c r="F93" s="16">
        <v>26302</v>
      </c>
      <c r="G93" s="16">
        <v>2929</v>
      </c>
      <c r="H93" s="16">
        <v>5036</v>
      </c>
      <c r="I93" s="16">
        <v>6082</v>
      </c>
      <c r="J93" s="16">
        <v>7059</v>
      </c>
      <c r="K93" s="16">
        <v>7585</v>
      </c>
      <c r="L93" s="22" t="s">
        <v>268</v>
      </c>
    </row>
    <row r="94" spans="1:12">
      <c r="A94" s="21" t="s">
        <v>240</v>
      </c>
      <c r="B94" s="21" t="s">
        <v>237</v>
      </c>
      <c r="C94" s="21" t="s">
        <v>265</v>
      </c>
      <c r="D94" s="21" t="s">
        <v>476</v>
      </c>
      <c r="E94" s="21" t="s">
        <v>566</v>
      </c>
      <c r="F94" s="16">
        <v>10245</v>
      </c>
      <c r="G94" s="22" t="s">
        <v>268</v>
      </c>
      <c r="H94" s="22" t="s">
        <v>268</v>
      </c>
      <c r="I94" s="22" t="s">
        <v>268</v>
      </c>
      <c r="J94" s="22" t="s">
        <v>268</v>
      </c>
      <c r="K94" s="16">
        <v>3</v>
      </c>
      <c r="L94" s="22" t="s">
        <v>268</v>
      </c>
    </row>
    <row r="95" spans="1:12">
      <c r="A95" s="21" t="s">
        <v>240</v>
      </c>
      <c r="B95" s="21" t="s">
        <v>237</v>
      </c>
      <c r="C95" s="21" t="s">
        <v>265</v>
      </c>
      <c r="D95" s="21" t="s">
        <v>476</v>
      </c>
      <c r="E95" s="21" t="s">
        <v>567</v>
      </c>
      <c r="F95" s="16">
        <v>10781</v>
      </c>
      <c r="G95" s="16">
        <v>2672</v>
      </c>
      <c r="H95" s="16">
        <v>4341</v>
      </c>
      <c r="I95" s="16">
        <v>5114</v>
      </c>
      <c r="J95" s="16">
        <v>5791</v>
      </c>
      <c r="K95" s="16">
        <v>6160</v>
      </c>
      <c r="L95" s="22" t="s">
        <v>268</v>
      </c>
    </row>
    <row r="96" spans="1:12">
      <c r="A96" s="21" t="s">
        <v>240</v>
      </c>
      <c r="B96" s="21" t="s">
        <v>237</v>
      </c>
      <c r="C96" s="21" t="s">
        <v>265</v>
      </c>
      <c r="D96" s="21" t="s">
        <v>476</v>
      </c>
      <c r="E96" s="21" t="s">
        <v>568</v>
      </c>
      <c r="F96" s="16">
        <v>772</v>
      </c>
      <c r="G96" s="16">
        <v>12</v>
      </c>
      <c r="H96" s="16">
        <v>38</v>
      </c>
      <c r="I96" s="16">
        <v>68</v>
      </c>
      <c r="J96" s="16">
        <v>111</v>
      </c>
      <c r="K96" s="16">
        <v>125</v>
      </c>
      <c r="L96" s="22" t="s">
        <v>268</v>
      </c>
    </row>
    <row r="97" spans="1:12">
      <c r="A97" s="21" t="s">
        <v>240</v>
      </c>
      <c r="B97" s="21" t="s">
        <v>237</v>
      </c>
      <c r="C97" s="21" t="s">
        <v>265</v>
      </c>
      <c r="D97" s="21" t="s">
        <v>476</v>
      </c>
      <c r="E97" s="21" t="s">
        <v>569</v>
      </c>
      <c r="F97" s="16">
        <v>4504</v>
      </c>
      <c r="G97" s="16">
        <v>245</v>
      </c>
      <c r="H97" s="16">
        <v>657</v>
      </c>
      <c r="I97" s="16">
        <v>900</v>
      </c>
      <c r="J97" s="16">
        <v>1157</v>
      </c>
      <c r="K97" s="16">
        <v>1297</v>
      </c>
      <c r="L97" s="22" t="s">
        <v>268</v>
      </c>
    </row>
    <row r="98" spans="1:12">
      <c r="A98" s="21" t="s">
        <v>240</v>
      </c>
      <c r="B98" s="21" t="s">
        <v>237</v>
      </c>
      <c r="C98" s="21" t="s">
        <v>265</v>
      </c>
      <c r="D98" s="21" t="s">
        <v>240</v>
      </c>
      <c r="E98" s="21" t="s">
        <v>570</v>
      </c>
      <c r="F98" s="16">
        <v>6461</v>
      </c>
      <c r="G98" s="16">
        <v>903</v>
      </c>
      <c r="H98" s="16">
        <v>1742</v>
      </c>
      <c r="I98" s="16">
        <v>2169</v>
      </c>
      <c r="J98" s="16">
        <v>2593</v>
      </c>
      <c r="K98" s="16">
        <v>2872</v>
      </c>
      <c r="L98" s="16">
        <v>4108</v>
      </c>
    </row>
    <row r="99" spans="1:12">
      <c r="A99" s="21" t="s">
        <v>240</v>
      </c>
      <c r="B99" s="21" t="s">
        <v>237</v>
      </c>
      <c r="C99" s="21" t="s">
        <v>265</v>
      </c>
      <c r="D99" s="21" t="s">
        <v>476</v>
      </c>
      <c r="E99" s="21" t="s">
        <v>571</v>
      </c>
      <c r="F99" s="16">
        <v>375</v>
      </c>
      <c r="G99" s="22" t="s">
        <v>268</v>
      </c>
      <c r="H99" s="22" t="s">
        <v>268</v>
      </c>
      <c r="I99" s="22" t="s">
        <v>268</v>
      </c>
      <c r="J99" s="22" t="s">
        <v>268</v>
      </c>
      <c r="K99" s="22" t="s">
        <v>268</v>
      </c>
      <c r="L99" s="22" t="s">
        <v>268</v>
      </c>
    </row>
    <row r="100" spans="1:12">
      <c r="A100" s="21" t="s">
        <v>240</v>
      </c>
      <c r="B100" s="21" t="s">
        <v>237</v>
      </c>
      <c r="C100" s="21" t="s">
        <v>265</v>
      </c>
      <c r="D100" s="21" t="s">
        <v>572</v>
      </c>
      <c r="E100" s="21" t="s">
        <v>573</v>
      </c>
      <c r="F100" s="16">
        <v>312</v>
      </c>
      <c r="G100" s="22" t="s">
        <v>268</v>
      </c>
      <c r="H100" s="22" t="s">
        <v>268</v>
      </c>
      <c r="I100" s="22" t="s">
        <v>268</v>
      </c>
      <c r="J100" s="22" t="s">
        <v>268</v>
      </c>
      <c r="K100" s="22" t="s">
        <v>268</v>
      </c>
      <c r="L100" s="22" t="s">
        <v>268</v>
      </c>
    </row>
    <row r="101" spans="1:12">
      <c r="A101" s="21" t="s">
        <v>240</v>
      </c>
      <c r="B101" s="21" t="s">
        <v>237</v>
      </c>
      <c r="C101" s="21" t="s">
        <v>265</v>
      </c>
      <c r="D101" s="21" t="s">
        <v>572</v>
      </c>
      <c r="E101" s="21" t="s">
        <v>574</v>
      </c>
      <c r="F101" s="16">
        <v>63</v>
      </c>
      <c r="G101" s="22" t="s">
        <v>268</v>
      </c>
      <c r="H101" s="22" t="s">
        <v>268</v>
      </c>
      <c r="I101" s="22" t="s">
        <v>268</v>
      </c>
      <c r="J101" s="22" t="s">
        <v>268</v>
      </c>
      <c r="K101" s="22" t="s">
        <v>268</v>
      </c>
      <c r="L101" s="22" t="s">
        <v>268</v>
      </c>
    </row>
    <row r="102" spans="1:12">
      <c r="A102" s="21" t="s">
        <v>240</v>
      </c>
      <c r="B102" s="21" t="s">
        <v>237</v>
      </c>
      <c r="C102" s="21" t="s">
        <v>265</v>
      </c>
      <c r="D102" s="21" t="s">
        <v>476</v>
      </c>
      <c r="E102" s="21" t="s">
        <v>575</v>
      </c>
      <c r="F102" s="16">
        <v>1045</v>
      </c>
      <c r="G102" s="22" t="s">
        <v>268</v>
      </c>
      <c r="H102" s="22" t="s">
        <v>268</v>
      </c>
      <c r="I102" s="22" t="s">
        <v>268</v>
      </c>
      <c r="J102" s="22" t="s">
        <v>268</v>
      </c>
      <c r="K102" s="22" t="s">
        <v>268</v>
      </c>
      <c r="L102" s="22" t="s">
        <v>268</v>
      </c>
    </row>
    <row r="103" spans="1:12">
      <c r="A103" s="21" t="s">
        <v>240</v>
      </c>
      <c r="B103" s="21" t="s">
        <v>237</v>
      </c>
      <c r="C103" s="21" t="s">
        <v>265</v>
      </c>
      <c r="D103" s="21" t="s">
        <v>572</v>
      </c>
      <c r="E103" s="21" t="s">
        <v>576</v>
      </c>
      <c r="F103" s="16">
        <v>839</v>
      </c>
      <c r="G103" s="22" t="s">
        <v>268</v>
      </c>
      <c r="H103" s="22" t="s">
        <v>268</v>
      </c>
      <c r="I103" s="22" t="s">
        <v>268</v>
      </c>
      <c r="J103" s="22" t="s">
        <v>268</v>
      </c>
      <c r="K103" s="22" t="s">
        <v>268</v>
      </c>
      <c r="L103" s="22" t="s">
        <v>268</v>
      </c>
    </row>
    <row r="104" spans="1:12">
      <c r="A104" s="21" t="s">
        <v>240</v>
      </c>
      <c r="B104" s="21" t="s">
        <v>237</v>
      </c>
      <c r="C104" s="21" t="s">
        <v>265</v>
      </c>
      <c r="D104" s="21" t="s">
        <v>572</v>
      </c>
      <c r="E104" s="21" t="s">
        <v>577</v>
      </c>
      <c r="F104" s="16">
        <v>206</v>
      </c>
      <c r="G104" s="22" t="s">
        <v>268</v>
      </c>
      <c r="H104" s="22" t="s">
        <v>268</v>
      </c>
      <c r="I104" s="22" t="s">
        <v>268</v>
      </c>
      <c r="J104" s="22" t="s">
        <v>268</v>
      </c>
      <c r="K104" s="22" t="s">
        <v>268</v>
      </c>
      <c r="L104" s="22" t="s">
        <v>268</v>
      </c>
    </row>
    <row r="105" spans="1:12">
      <c r="A105" s="21" t="s">
        <v>240</v>
      </c>
      <c r="B105" s="21" t="s">
        <v>237</v>
      </c>
      <c r="C105" s="21" t="s">
        <v>265</v>
      </c>
      <c r="D105" s="21" t="s">
        <v>476</v>
      </c>
      <c r="E105" s="21" t="s">
        <v>578</v>
      </c>
      <c r="F105" s="16">
        <v>985</v>
      </c>
      <c r="G105" s="16">
        <v>235</v>
      </c>
      <c r="H105" s="16">
        <v>471</v>
      </c>
      <c r="I105" s="16">
        <v>588</v>
      </c>
      <c r="J105" s="16">
        <v>687</v>
      </c>
      <c r="K105" s="16">
        <v>744</v>
      </c>
      <c r="L105" s="16">
        <v>985</v>
      </c>
    </row>
    <row r="106" spans="1:12">
      <c r="A106" s="21" t="s">
        <v>240</v>
      </c>
      <c r="B106" s="21" t="s">
        <v>237</v>
      </c>
      <c r="C106" s="21" t="s">
        <v>265</v>
      </c>
      <c r="D106" s="21" t="s">
        <v>572</v>
      </c>
      <c r="E106" s="21" t="s">
        <v>579</v>
      </c>
      <c r="F106" s="16">
        <v>827</v>
      </c>
      <c r="G106" s="16">
        <v>179</v>
      </c>
      <c r="H106" s="16">
        <v>375</v>
      </c>
      <c r="I106" s="16">
        <v>473</v>
      </c>
      <c r="J106" s="16">
        <v>564</v>
      </c>
      <c r="K106" s="16">
        <v>612</v>
      </c>
      <c r="L106" s="16">
        <v>827</v>
      </c>
    </row>
    <row r="107" spans="1:12">
      <c r="A107" s="21" t="s">
        <v>240</v>
      </c>
      <c r="B107" s="21" t="s">
        <v>237</v>
      </c>
      <c r="C107" s="21" t="s">
        <v>265</v>
      </c>
      <c r="D107" s="21" t="s">
        <v>572</v>
      </c>
      <c r="E107" s="21" t="s">
        <v>580</v>
      </c>
      <c r="F107" s="16">
        <v>158</v>
      </c>
      <c r="G107" s="16">
        <v>56</v>
      </c>
      <c r="H107" s="16">
        <v>96</v>
      </c>
      <c r="I107" s="16">
        <v>115</v>
      </c>
      <c r="J107" s="16">
        <v>123</v>
      </c>
      <c r="K107" s="16">
        <v>132</v>
      </c>
      <c r="L107" s="16">
        <v>158</v>
      </c>
    </row>
    <row r="108" spans="1:12">
      <c r="A108" s="21" t="s">
        <v>240</v>
      </c>
      <c r="B108" s="21" t="s">
        <v>237</v>
      </c>
      <c r="C108" s="21" t="s">
        <v>265</v>
      </c>
      <c r="D108" s="21" t="s">
        <v>476</v>
      </c>
      <c r="E108" s="21" t="s">
        <v>581</v>
      </c>
      <c r="F108" s="16">
        <v>1310</v>
      </c>
      <c r="G108" s="16">
        <v>155</v>
      </c>
      <c r="H108" s="16">
        <v>353</v>
      </c>
      <c r="I108" s="16">
        <v>454</v>
      </c>
      <c r="J108" s="16">
        <v>566</v>
      </c>
      <c r="K108" s="16">
        <v>647</v>
      </c>
      <c r="L108" s="16">
        <v>1310</v>
      </c>
    </row>
    <row r="109" spans="1:12">
      <c r="A109" s="21" t="s">
        <v>240</v>
      </c>
      <c r="B109" s="21" t="s">
        <v>237</v>
      </c>
      <c r="C109" s="21" t="s">
        <v>265</v>
      </c>
      <c r="D109" s="21" t="s">
        <v>572</v>
      </c>
      <c r="E109" s="21" t="s">
        <v>582</v>
      </c>
      <c r="F109" s="16">
        <v>1034</v>
      </c>
      <c r="G109" s="16">
        <v>104</v>
      </c>
      <c r="H109" s="16">
        <v>242</v>
      </c>
      <c r="I109" s="16">
        <v>323</v>
      </c>
      <c r="J109" s="16">
        <v>415</v>
      </c>
      <c r="K109" s="16">
        <v>480</v>
      </c>
      <c r="L109" s="16">
        <v>1034</v>
      </c>
    </row>
    <row r="110" spans="1:12">
      <c r="A110" s="21" t="s">
        <v>240</v>
      </c>
      <c r="B110" s="21" t="s">
        <v>237</v>
      </c>
      <c r="C110" s="21" t="s">
        <v>265</v>
      </c>
      <c r="D110" s="21" t="s">
        <v>572</v>
      </c>
      <c r="E110" s="21" t="s">
        <v>583</v>
      </c>
      <c r="F110" s="16">
        <v>275</v>
      </c>
      <c r="G110" s="16">
        <v>51</v>
      </c>
      <c r="H110" s="16">
        <v>111</v>
      </c>
      <c r="I110" s="16">
        <v>131</v>
      </c>
      <c r="J110" s="16">
        <v>151</v>
      </c>
      <c r="K110" s="16">
        <v>167</v>
      </c>
      <c r="L110" s="16">
        <v>275</v>
      </c>
    </row>
    <row r="111" spans="1:12">
      <c r="A111" s="21" t="s">
        <v>240</v>
      </c>
      <c r="B111" s="21" t="s">
        <v>237</v>
      </c>
      <c r="C111" s="21" t="s">
        <v>265</v>
      </c>
      <c r="D111" s="21" t="s">
        <v>476</v>
      </c>
      <c r="E111" s="21" t="s">
        <v>584</v>
      </c>
      <c r="F111" s="16">
        <v>190</v>
      </c>
      <c r="G111" s="16">
        <v>14</v>
      </c>
      <c r="H111" s="16">
        <v>24</v>
      </c>
      <c r="I111" s="16">
        <v>37</v>
      </c>
      <c r="J111" s="16">
        <v>46</v>
      </c>
      <c r="K111" s="16">
        <v>56</v>
      </c>
      <c r="L111" s="16">
        <v>1</v>
      </c>
    </row>
    <row r="112" spans="1:12">
      <c r="A112" s="21" t="s">
        <v>240</v>
      </c>
      <c r="B112" s="21" t="s">
        <v>237</v>
      </c>
      <c r="C112" s="21" t="s">
        <v>265</v>
      </c>
      <c r="D112" s="21" t="s">
        <v>476</v>
      </c>
      <c r="E112" s="21" t="s">
        <v>585</v>
      </c>
      <c r="F112" s="16">
        <v>638</v>
      </c>
      <c r="G112" s="16">
        <v>126</v>
      </c>
      <c r="H112" s="16">
        <v>270</v>
      </c>
      <c r="I112" s="16">
        <v>346</v>
      </c>
      <c r="J112" s="16">
        <v>430</v>
      </c>
      <c r="K112" s="16">
        <v>478</v>
      </c>
      <c r="L112" s="16">
        <v>562</v>
      </c>
    </row>
    <row r="113" spans="1:12">
      <c r="A113" s="21" t="s">
        <v>240</v>
      </c>
      <c r="B113" s="21" t="s">
        <v>237</v>
      </c>
      <c r="C113" s="21" t="s">
        <v>265</v>
      </c>
      <c r="D113" s="21" t="s">
        <v>476</v>
      </c>
      <c r="E113" s="21" t="s">
        <v>586</v>
      </c>
      <c r="F113" s="16">
        <v>217</v>
      </c>
      <c r="G113" s="16">
        <v>78</v>
      </c>
      <c r="H113" s="16">
        <v>99</v>
      </c>
      <c r="I113" s="16">
        <v>107</v>
      </c>
      <c r="J113" s="16">
        <v>113</v>
      </c>
      <c r="K113" s="16">
        <v>114</v>
      </c>
      <c r="L113" s="16">
        <v>135</v>
      </c>
    </row>
    <row r="114" spans="1:12">
      <c r="A114" s="21" t="s">
        <v>240</v>
      </c>
      <c r="B114" s="21" t="s">
        <v>237</v>
      </c>
      <c r="C114" s="21" t="s">
        <v>265</v>
      </c>
      <c r="D114" s="21" t="s">
        <v>572</v>
      </c>
      <c r="E114" s="21" t="s">
        <v>587</v>
      </c>
      <c r="F114" s="16">
        <v>72</v>
      </c>
      <c r="G114" s="22" t="s">
        <v>268</v>
      </c>
      <c r="H114" s="16">
        <v>1</v>
      </c>
      <c r="I114" s="16">
        <v>1</v>
      </c>
      <c r="J114" s="16">
        <v>3</v>
      </c>
      <c r="K114" s="16">
        <v>3</v>
      </c>
      <c r="L114" s="16">
        <v>14</v>
      </c>
    </row>
    <row r="115" spans="1:12">
      <c r="A115" s="21" t="s">
        <v>240</v>
      </c>
      <c r="B115" s="21" t="s">
        <v>237</v>
      </c>
      <c r="C115" s="21" t="s">
        <v>265</v>
      </c>
      <c r="D115" s="21" t="s">
        <v>572</v>
      </c>
      <c r="E115" s="21" t="s">
        <v>588</v>
      </c>
      <c r="F115" s="16">
        <v>23</v>
      </c>
      <c r="G115" s="16">
        <v>1</v>
      </c>
      <c r="H115" s="16">
        <v>1</v>
      </c>
      <c r="I115" s="16">
        <v>3</v>
      </c>
      <c r="J115" s="16">
        <v>3</v>
      </c>
      <c r="K115" s="16">
        <v>3</v>
      </c>
      <c r="L115" s="16">
        <v>2</v>
      </c>
    </row>
    <row r="116" spans="1:12">
      <c r="A116" s="21" t="s">
        <v>240</v>
      </c>
      <c r="B116" s="21" t="s">
        <v>237</v>
      </c>
      <c r="C116" s="21" t="s">
        <v>265</v>
      </c>
      <c r="D116" s="21" t="s">
        <v>476</v>
      </c>
      <c r="E116" s="21" t="s">
        <v>589</v>
      </c>
      <c r="F116" s="16">
        <v>479</v>
      </c>
      <c r="G116" s="16">
        <v>220</v>
      </c>
      <c r="H116" s="16">
        <v>333</v>
      </c>
      <c r="I116" s="16">
        <v>378</v>
      </c>
      <c r="J116" s="16">
        <v>413</v>
      </c>
      <c r="K116" s="16">
        <v>432</v>
      </c>
      <c r="L116" s="16">
        <v>479</v>
      </c>
    </row>
    <row r="117" spans="1:12">
      <c r="A117" s="21" t="s">
        <v>240</v>
      </c>
      <c r="B117" s="21" t="s">
        <v>237</v>
      </c>
      <c r="C117" s="21" t="s">
        <v>265</v>
      </c>
      <c r="D117" s="21" t="s">
        <v>572</v>
      </c>
      <c r="E117" s="21" t="s">
        <v>590</v>
      </c>
      <c r="F117" s="16">
        <v>384</v>
      </c>
      <c r="G117" s="16">
        <v>171</v>
      </c>
      <c r="H117" s="16">
        <v>263</v>
      </c>
      <c r="I117" s="16">
        <v>302</v>
      </c>
      <c r="J117" s="16">
        <v>330</v>
      </c>
      <c r="K117" s="16">
        <v>345</v>
      </c>
      <c r="L117" s="16">
        <v>384</v>
      </c>
    </row>
    <row r="118" spans="1:12">
      <c r="A118" s="21" t="s">
        <v>240</v>
      </c>
      <c r="B118" s="21" t="s">
        <v>237</v>
      </c>
      <c r="C118" s="21" t="s">
        <v>265</v>
      </c>
      <c r="D118" s="21" t="s">
        <v>572</v>
      </c>
      <c r="E118" s="21" t="s">
        <v>591</v>
      </c>
      <c r="F118" s="16">
        <v>91</v>
      </c>
      <c r="G118" s="16">
        <v>49</v>
      </c>
      <c r="H118" s="16">
        <v>70</v>
      </c>
      <c r="I118" s="16">
        <v>75</v>
      </c>
      <c r="J118" s="16">
        <v>82</v>
      </c>
      <c r="K118" s="16">
        <v>86</v>
      </c>
      <c r="L118" s="16">
        <v>91</v>
      </c>
    </row>
    <row r="119" spans="1:12">
      <c r="A119" s="21" t="s">
        <v>240</v>
      </c>
      <c r="B119" s="21" t="s">
        <v>237</v>
      </c>
      <c r="C119" s="21" t="s">
        <v>265</v>
      </c>
      <c r="D119" s="21" t="s">
        <v>476</v>
      </c>
      <c r="E119" s="21" t="s">
        <v>592</v>
      </c>
      <c r="F119" s="16">
        <v>377</v>
      </c>
      <c r="G119" s="22" t="s">
        <v>268</v>
      </c>
      <c r="H119" s="22" t="s">
        <v>268</v>
      </c>
      <c r="I119" s="16">
        <v>1</v>
      </c>
      <c r="J119" s="16">
        <v>3</v>
      </c>
      <c r="K119" s="16">
        <v>6</v>
      </c>
      <c r="L119" s="22" t="s">
        <v>268</v>
      </c>
    </row>
    <row r="120" spans="1:12">
      <c r="A120" s="21" t="s">
        <v>240</v>
      </c>
      <c r="B120" s="21" t="s">
        <v>237</v>
      </c>
      <c r="C120" s="21" t="s">
        <v>265</v>
      </c>
      <c r="D120" s="21" t="s">
        <v>476</v>
      </c>
      <c r="E120" s="21" t="s">
        <v>593</v>
      </c>
      <c r="F120" s="16">
        <v>845</v>
      </c>
      <c r="G120" s="16">
        <v>75</v>
      </c>
      <c r="H120" s="16">
        <v>192</v>
      </c>
      <c r="I120" s="16">
        <v>258</v>
      </c>
      <c r="J120" s="16">
        <v>335</v>
      </c>
      <c r="K120" s="16">
        <v>395</v>
      </c>
      <c r="L120" s="16">
        <v>636</v>
      </c>
    </row>
    <row r="121" spans="1:12">
      <c r="A121" s="21" t="s">
        <v>240</v>
      </c>
      <c r="B121" s="21" t="s">
        <v>237</v>
      </c>
      <c r="C121" s="21" t="s">
        <v>265</v>
      </c>
      <c r="D121" s="21" t="s">
        <v>474</v>
      </c>
      <c r="E121" s="21" t="s">
        <v>594</v>
      </c>
      <c r="F121" s="16">
        <v>374</v>
      </c>
      <c r="G121" s="16">
        <v>25</v>
      </c>
      <c r="H121" s="16">
        <v>38</v>
      </c>
      <c r="I121" s="16">
        <v>47</v>
      </c>
      <c r="J121" s="16">
        <v>58</v>
      </c>
      <c r="K121" s="16">
        <v>61</v>
      </c>
      <c r="L121" s="16">
        <v>37</v>
      </c>
    </row>
    <row r="122" spans="1:12">
      <c r="A122" s="21" t="s">
        <v>240</v>
      </c>
      <c r="B122" s="21" t="s">
        <v>237</v>
      </c>
      <c r="C122" s="21" t="s">
        <v>265</v>
      </c>
      <c r="D122" s="21" t="s">
        <v>474</v>
      </c>
      <c r="E122" s="21" t="s">
        <v>595</v>
      </c>
      <c r="F122" s="16">
        <v>15791</v>
      </c>
      <c r="G122" s="22" t="s">
        <v>268</v>
      </c>
      <c r="H122" s="22" t="s">
        <v>268</v>
      </c>
      <c r="I122" s="22" t="s">
        <v>268</v>
      </c>
      <c r="J122" s="16">
        <v>1</v>
      </c>
      <c r="K122" s="16">
        <v>104</v>
      </c>
      <c r="L122" s="22" t="s">
        <v>268</v>
      </c>
    </row>
    <row r="123" spans="1:12">
      <c r="A123" s="21" t="s">
        <v>240</v>
      </c>
      <c r="B123" s="21" t="s">
        <v>237</v>
      </c>
      <c r="C123" s="21" t="s">
        <v>265</v>
      </c>
      <c r="D123" s="21" t="s">
        <v>474</v>
      </c>
      <c r="E123" s="21" t="s">
        <v>596</v>
      </c>
      <c r="F123" s="16">
        <v>68</v>
      </c>
      <c r="G123" s="22" t="s">
        <v>268</v>
      </c>
      <c r="H123" s="22" t="s">
        <v>268</v>
      </c>
      <c r="I123" s="22" t="s">
        <v>268</v>
      </c>
      <c r="J123" s="22" t="s">
        <v>268</v>
      </c>
      <c r="K123" s="22" t="s">
        <v>268</v>
      </c>
      <c r="L123" s="22" t="s">
        <v>268</v>
      </c>
    </row>
    <row r="124" spans="1:12">
      <c r="A124" s="21" t="s">
        <v>240</v>
      </c>
      <c r="B124" s="21" t="s">
        <v>237</v>
      </c>
      <c r="C124" s="21" t="s">
        <v>265</v>
      </c>
      <c r="D124" s="21" t="s">
        <v>474</v>
      </c>
      <c r="E124" s="21" t="s">
        <v>597</v>
      </c>
      <c r="F124" s="16">
        <v>4145</v>
      </c>
      <c r="G124" s="16">
        <v>887</v>
      </c>
      <c r="H124" s="16">
        <v>1707</v>
      </c>
      <c r="I124" s="16">
        <v>2107</v>
      </c>
      <c r="J124" s="16">
        <v>2508</v>
      </c>
      <c r="K124" s="16">
        <v>2758</v>
      </c>
      <c r="L124" s="16">
        <v>4145</v>
      </c>
    </row>
    <row r="125" spans="1:12">
      <c r="A125" s="21" t="s">
        <v>240</v>
      </c>
      <c r="B125" s="21" t="s">
        <v>237</v>
      </c>
      <c r="C125" s="21" t="s">
        <v>265</v>
      </c>
      <c r="D125" s="21" t="s">
        <v>474</v>
      </c>
      <c r="E125" s="21" t="s">
        <v>598</v>
      </c>
      <c r="F125" s="16">
        <v>857</v>
      </c>
      <c r="G125" s="16">
        <v>167</v>
      </c>
      <c r="H125" s="16">
        <v>457</v>
      </c>
      <c r="I125" s="16">
        <v>634</v>
      </c>
      <c r="J125" s="16">
        <v>785</v>
      </c>
      <c r="K125" s="16">
        <v>857</v>
      </c>
      <c r="L125" s="22" t="s">
        <v>268</v>
      </c>
    </row>
    <row r="126" spans="1:12">
      <c r="A126" s="21" t="s">
        <v>240</v>
      </c>
      <c r="B126" s="21" t="s">
        <v>237</v>
      </c>
      <c r="C126" s="21" t="s">
        <v>265</v>
      </c>
      <c r="D126" s="21" t="s">
        <v>474</v>
      </c>
      <c r="E126" s="21" t="s">
        <v>599</v>
      </c>
      <c r="F126" s="16">
        <v>1362</v>
      </c>
      <c r="G126" s="16">
        <v>279</v>
      </c>
      <c r="H126" s="16">
        <v>752</v>
      </c>
      <c r="I126" s="16">
        <v>1005</v>
      </c>
      <c r="J126" s="16">
        <v>1254</v>
      </c>
      <c r="K126" s="16">
        <v>1362</v>
      </c>
      <c r="L126" s="16">
        <v>493</v>
      </c>
    </row>
    <row r="127" spans="1:12">
      <c r="A127" s="21" t="s">
        <v>240</v>
      </c>
      <c r="B127" s="21" t="s">
        <v>237</v>
      </c>
      <c r="C127" s="21" t="s">
        <v>265</v>
      </c>
      <c r="D127" s="21" t="s">
        <v>474</v>
      </c>
      <c r="E127" s="21" t="s">
        <v>600</v>
      </c>
      <c r="F127" s="16">
        <v>79</v>
      </c>
      <c r="G127" s="16">
        <v>9</v>
      </c>
      <c r="H127" s="16">
        <v>29</v>
      </c>
      <c r="I127" s="16">
        <v>47</v>
      </c>
      <c r="J127" s="16">
        <v>73</v>
      </c>
      <c r="K127" s="16">
        <v>79</v>
      </c>
      <c r="L127" s="22" t="s">
        <v>268</v>
      </c>
    </row>
    <row r="128" spans="1:12">
      <c r="A128" s="21" t="s">
        <v>240</v>
      </c>
      <c r="B128" s="21" t="s">
        <v>237</v>
      </c>
      <c r="C128" s="21" t="s">
        <v>265</v>
      </c>
      <c r="D128" s="21" t="s">
        <v>474</v>
      </c>
      <c r="E128" s="21" t="s">
        <v>601</v>
      </c>
      <c r="F128" s="16">
        <v>216</v>
      </c>
      <c r="G128" s="16">
        <v>24</v>
      </c>
      <c r="H128" s="16">
        <v>85</v>
      </c>
      <c r="I128" s="16">
        <v>134</v>
      </c>
      <c r="J128" s="16">
        <v>184</v>
      </c>
      <c r="K128" s="16">
        <v>216</v>
      </c>
      <c r="L128" s="16">
        <v>128</v>
      </c>
    </row>
    <row r="129" spans="1:12">
      <c r="A129" s="21" t="s">
        <v>240</v>
      </c>
      <c r="B129" s="21" t="s">
        <v>237</v>
      </c>
      <c r="C129" s="21" t="s">
        <v>265</v>
      </c>
      <c r="D129" s="21" t="s">
        <v>474</v>
      </c>
      <c r="E129" s="21" t="s">
        <v>602</v>
      </c>
      <c r="F129" s="16">
        <v>6738</v>
      </c>
      <c r="G129" s="22" t="s">
        <v>268</v>
      </c>
      <c r="H129" s="22" t="s">
        <v>268</v>
      </c>
      <c r="I129" s="22" t="s">
        <v>268</v>
      </c>
      <c r="J129" s="22" t="s">
        <v>268</v>
      </c>
      <c r="K129" s="22" t="s">
        <v>268</v>
      </c>
      <c r="L129" s="22" t="s">
        <v>268</v>
      </c>
    </row>
    <row r="130" spans="1:12">
      <c r="A130" s="21" t="s">
        <v>240</v>
      </c>
      <c r="B130" s="21" t="s">
        <v>237</v>
      </c>
      <c r="C130" s="21" t="s">
        <v>265</v>
      </c>
      <c r="D130" s="21" t="s">
        <v>474</v>
      </c>
      <c r="E130" s="21" t="s">
        <v>603</v>
      </c>
      <c r="F130" s="16">
        <v>6739</v>
      </c>
      <c r="G130" s="22" t="s">
        <v>268</v>
      </c>
      <c r="H130" s="22" t="s">
        <v>268</v>
      </c>
      <c r="I130" s="22" t="s">
        <v>268</v>
      </c>
      <c r="J130" s="22" t="s">
        <v>268</v>
      </c>
      <c r="K130" s="22" t="s">
        <v>268</v>
      </c>
      <c r="L13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3" orientation="portrait" r:id="rId1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DAC3736-3674-4C46-8C07-B41516A07431}">
  <sheetPr>
    <pageSetUpPr fitToPage="1"/>
  </sheetPr>
  <dimension ref="A1:L130"/>
  <sheetViews>
    <sheetView zoomScaleNormal="100" workbookViewId="0">
      <pane xSplit="5" ySplit="10" topLeftCell="F11" activePane="bottomRight" state="frozen"/>
      <selection pane="topRight" activeCell="T1" sqref="T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2.375" style="20" bestFit="1" customWidth="1"/>
    <col min="5" max="5" width="52" style="20" bestFit="1" customWidth="1"/>
    <col min="6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604</v>
      </c>
    </row>
    <row r="3" spans="1:12" s="11" customFormat="1"/>
    <row r="4" spans="1:12" s="11" customFormat="1" outlineLevel="1">
      <c r="A4" s="11" t="s">
        <v>556</v>
      </c>
    </row>
    <row r="5" spans="1:12" s="11" customFormat="1"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605</v>
      </c>
    </row>
    <row r="6" spans="1:12" s="11" customFormat="1" ht="36">
      <c r="F6" s="12" t="s">
        <v>547</v>
      </c>
      <c r="G6" s="12" t="s">
        <v>547</v>
      </c>
      <c r="H6" s="12" t="s">
        <v>547</v>
      </c>
      <c r="I6" s="12" t="s">
        <v>547</v>
      </c>
      <c r="J6" s="12" t="s">
        <v>547</v>
      </c>
      <c r="K6" s="12" t="s">
        <v>547</v>
      </c>
      <c r="L6" s="12"/>
    </row>
    <row r="7" spans="1:12" s="11" customFormat="1"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/>
    </row>
    <row r="8" spans="1:12" s="11" customFormat="1" ht="36">
      <c r="F8" s="12" t="s">
        <v>214</v>
      </c>
      <c r="G8" s="12" t="s">
        <v>548</v>
      </c>
      <c r="H8" s="12" t="s">
        <v>558</v>
      </c>
      <c r="I8" s="12" t="s">
        <v>559</v>
      </c>
      <c r="J8" s="12" t="s">
        <v>560</v>
      </c>
      <c r="K8" s="12" t="s">
        <v>561</v>
      </c>
      <c r="L8" s="12"/>
    </row>
    <row r="9" spans="1:12" s="11" customFormat="1"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</row>
    <row r="10" spans="1:12" s="11" customFormat="1">
      <c r="A10" s="14" t="s">
        <v>224</v>
      </c>
      <c r="B10" s="14" t="s">
        <v>259</v>
      </c>
      <c r="C10" s="14" t="s">
        <v>230</v>
      </c>
      <c r="D10" s="14" t="s">
        <v>562</v>
      </c>
      <c r="E10" s="14" t="s">
        <v>563</v>
      </c>
      <c r="F10" s="14" t="s">
        <v>231</v>
      </c>
      <c r="G10" s="14"/>
      <c r="H10" s="14"/>
      <c r="I10" s="14"/>
      <c r="J10" s="14"/>
      <c r="K10" s="14"/>
      <c r="L10" s="14"/>
    </row>
    <row r="11" spans="1:12">
      <c r="A11" s="15" t="s">
        <v>232</v>
      </c>
      <c r="B11" s="15" t="s">
        <v>233</v>
      </c>
      <c r="C11" s="15" t="s">
        <v>262</v>
      </c>
      <c r="D11" s="15" t="s">
        <v>474</v>
      </c>
      <c r="E11" s="15" t="s">
        <v>214</v>
      </c>
      <c r="F11" s="16">
        <v>123162995</v>
      </c>
      <c r="G11" s="16">
        <v>16751285</v>
      </c>
      <c r="H11" s="16">
        <v>29909590</v>
      </c>
      <c r="I11" s="16">
        <v>36174597</v>
      </c>
      <c r="J11" s="16">
        <v>42139737</v>
      </c>
      <c r="K11" s="16">
        <v>45950694</v>
      </c>
      <c r="L11" s="16">
        <v>11442715</v>
      </c>
    </row>
    <row r="12" spans="1:12">
      <c r="A12" s="21" t="s">
        <v>232</v>
      </c>
      <c r="B12" s="21" t="s">
        <v>233</v>
      </c>
      <c r="C12" s="21" t="s">
        <v>262</v>
      </c>
      <c r="D12" s="21" t="s">
        <v>474</v>
      </c>
      <c r="E12" s="21" t="s">
        <v>564</v>
      </c>
      <c r="F12" s="16">
        <v>100310243</v>
      </c>
      <c r="G12" s="16">
        <v>16673401</v>
      </c>
      <c r="H12" s="16">
        <v>29768267</v>
      </c>
      <c r="I12" s="16">
        <v>35999975</v>
      </c>
      <c r="J12" s="16">
        <v>41922751</v>
      </c>
      <c r="K12" s="16">
        <v>45423090</v>
      </c>
      <c r="L12" s="16">
        <v>11381145</v>
      </c>
    </row>
    <row r="13" spans="1:12">
      <c r="A13" s="21" t="s">
        <v>232</v>
      </c>
      <c r="B13" s="21" t="s">
        <v>233</v>
      </c>
      <c r="C13" s="21" t="s">
        <v>262</v>
      </c>
      <c r="D13" s="21" t="s">
        <v>240</v>
      </c>
      <c r="E13" s="21" t="s">
        <v>565</v>
      </c>
      <c r="F13" s="16">
        <v>84632638</v>
      </c>
      <c r="G13" s="16">
        <v>14240964</v>
      </c>
      <c r="H13" s="16">
        <v>25048505</v>
      </c>
      <c r="I13" s="16">
        <v>30060357</v>
      </c>
      <c r="J13" s="16">
        <v>34732229</v>
      </c>
      <c r="K13" s="16">
        <v>37453572</v>
      </c>
      <c r="L13" s="22" t="s">
        <v>268</v>
      </c>
    </row>
    <row r="14" spans="1:12">
      <c r="A14" s="21" t="s">
        <v>232</v>
      </c>
      <c r="B14" s="21" t="s">
        <v>233</v>
      </c>
      <c r="C14" s="21" t="s">
        <v>262</v>
      </c>
      <c r="D14" s="21" t="s">
        <v>476</v>
      </c>
      <c r="E14" s="21" t="s">
        <v>566</v>
      </c>
      <c r="F14" s="16">
        <v>22317680</v>
      </c>
      <c r="G14" s="22" t="s">
        <v>268</v>
      </c>
      <c r="H14" s="22" t="s">
        <v>268</v>
      </c>
      <c r="I14" s="22" t="s">
        <v>268</v>
      </c>
      <c r="J14" s="16">
        <v>334</v>
      </c>
      <c r="K14" s="16">
        <v>4780</v>
      </c>
      <c r="L14" s="22" t="s">
        <v>268</v>
      </c>
    </row>
    <row r="15" spans="1:12">
      <c r="A15" s="21" t="s">
        <v>232</v>
      </c>
      <c r="B15" s="21" t="s">
        <v>233</v>
      </c>
      <c r="C15" s="21" t="s">
        <v>262</v>
      </c>
      <c r="D15" s="21" t="s">
        <v>476</v>
      </c>
      <c r="E15" s="21" t="s">
        <v>567</v>
      </c>
      <c r="F15" s="16">
        <v>50641498</v>
      </c>
      <c r="G15" s="16">
        <v>13606797</v>
      </c>
      <c r="H15" s="16">
        <v>23274042</v>
      </c>
      <c r="I15" s="16">
        <v>27567174</v>
      </c>
      <c r="J15" s="16">
        <v>31443896</v>
      </c>
      <c r="K15" s="16">
        <v>33644711</v>
      </c>
      <c r="L15" s="22" t="s">
        <v>268</v>
      </c>
    </row>
    <row r="16" spans="1:12">
      <c r="A16" s="21" t="s">
        <v>232</v>
      </c>
      <c r="B16" s="21" t="s">
        <v>233</v>
      </c>
      <c r="C16" s="21" t="s">
        <v>262</v>
      </c>
      <c r="D16" s="21" t="s">
        <v>476</v>
      </c>
      <c r="E16" s="21" t="s">
        <v>568</v>
      </c>
      <c r="F16" s="16">
        <v>1669868</v>
      </c>
      <c r="G16" s="16">
        <v>32852</v>
      </c>
      <c r="H16" s="16">
        <v>123702</v>
      </c>
      <c r="I16" s="16">
        <v>195804</v>
      </c>
      <c r="J16" s="16">
        <v>288787</v>
      </c>
      <c r="K16" s="16">
        <v>361184</v>
      </c>
      <c r="L16" s="22" t="s">
        <v>268</v>
      </c>
    </row>
    <row r="17" spans="1:12">
      <c r="A17" s="21" t="s">
        <v>232</v>
      </c>
      <c r="B17" s="21" t="s">
        <v>233</v>
      </c>
      <c r="C17" s="21" t="s">
        <v>262</v>
      </c>
      <c r="D17" s="21" t="s">
        <v>476</v>
      </c>
      <c r="E17" s="21" t="s">
        <v>569</v>
      </c>
      <c r="F17" s="16">
        <v>10003592</v>
      </c>
      <c r="G17" s="16">
        <v>601315</v>
      </c>
      <c r="H17" s="16">
        <v>1650761</v>
      </c>
      <c r="I17" s="16">
        <v>2297379</v>
      </c>
      <c r="J17" s="16">
        <v>2999212</v>
      </c>
      <c r="K17" s="16">
        <v>3442897</v>
      </c>
      <c r="L17" s="22" t="s">
        <v>268</v>
      </c>
    </row>
    <row r="18" spans="1:12">
      <c r="A18" s="21" t="s">
        <v>232</v>
      </c>
      <c r="B18" s="21" t="s">
        <v>233</v>
      </c>
      <c r="C18" s="21" t="s">
        <v>262</v>
      </c>
      <c r="D18" s="21" t="s">
        <v>240</v>
      </c>
      <c r="E18" s="21" t="s">
        <v>570</v>
      </c>
      <c r="F18" s="16">
        <v>15677605</v>
      </c>
      <c r="G18" s="16">
        <v>2432437</v>
      </c>
      <c r="H18" s="16">
        <v>4719762</v>
      </c>
      <c r="I18" s="16">
        <v>5939618</v>
      </c>
      <c r="J18" s="16">
        <v>7190522</v>
      </c>
      <c r="K18" s="16">
        <v>7969518</v>
      </c>
      <c r="L18" s="16">
        <v>11381145</v>
      </c>
    </row>
    <row r="19" spans="1:12">
      <c r="A19" s="21" t="s">
        <v>232</v>
      </c>
      <c r="B19" s="21" t="s">
        <v>233</v>
      </c>
      <c r="C19" s="21" t="s">
        <v>262</v>
      </c>
      <c r="D19" s="21" t="s">
        <v>476</v>
      </c>
      <c r="E19" s="21" t="s">
        <v>571</v>
      </c>
      <c r="F19" s="16">
        <v>636896</v>
      </c>
      <c r="G19" s="22" t="s">
        <v>268</v>
      </c>
      <c r="H19" s="22" t="s">
        <v>268</v>
      </c>
      <c r="I19" s="22" t="s">
        <v>268</v>
      </c>
      <c r="J19" s="16">
        <v>120</v>
      </c>
      <c r="K19" s="16">
        <v>616</v>
      </c>
      <c r="L19" s="22" t="s">
        <v>268</v>
      </c>
    </row>
    <row r="20" spans="1:12">
      <c r="A20" s="21" t="s">
        <v>232</v>
      </c>
      <c r="B20" s="21" t="s">
        <v>233</v>
      </c>
      <c r="C20" s="21" t="s">
        <v>262</v>
      </c>
      <c r="D20" s="21" t="s">
        <v>572</v>
      </c>
      <c r="E20" s="21" t="s">
        <v>573</v>
      </c>
      <c r="F20" s="16">
        <v>501452</v>
      </c>
      <c r="G20" s="22" t="s">
        <v>268</v>
      </c>
      <c r="H20" s="22" t="s">
        <v>268</v>
      </c>
      <c r="I20" s="22" t="s">
        <v>268</v>
      </c>
      <c r="J20" s="16">
        <v>88</v>
      </c>
      <c r="K20" s="16">
        <v>420</v>
      </c>
      <c r="L20" s="22" t="s">
        <v>268</v>
      </c>
    </row>
    <row r="21" spans="1:12">
      <c r="A21" s="21" t="s">
        <v>232</v>
      </c>
      <c r="B21" s="21" t="s">
        <v>233</v>
      </c>
      <c r="C21" s="21" t="s">
        <v>262</v>
      </c>
      <c r="D21" s="21" t="s">
        <v>572</v>
      </c>
      <c r="E21" s="21" t="s">
        <v>574</v>
      </c>
      <c r="F21" s="16">
        <v>135444</v>
      </c>
      <c r="G21" s="22" t="s">
        <v>268</v>
      </c>
      <c r="H21" s="22" t="s">
        <v>268</v>
      </c>
      <c r="I21" s="22" t="s">
        <v>268</v>
      </c>
      <c r="J21" s="16">
        <v>32</v>
      </c>
      <c r="K21" s="16">
        <v>196</v>
      </c>
      <c r="L21" s="22" t="s">
        <v>268</v>
      </c>
    </row>
    <row r="22" spans="1:12">
      <c r="A22" s="21" t="s">
        <v>232</v>
      </c>
      <c r="B22" s="21" t="s">
        <v>233</v>
      </c>
      <c r="C22" s="21" t="s">
        <v>262</v>
      </c>
      <c r="D22" s="21" t="s">
        <v>476</v>
      </c>
      <c r="E22" s="21" t="s">
        <v>575</v>
      </c>
      <c r="F22" s="16">
        <v>1826439</v>
      </c>
      <c r="G22" s="22" t="s">
        <v>268</v>
      </c>
      <c r="H22" s="22" t="s">
        <v>268</v>
      </c>
      <c r="I22" s="22" t="s">
        <v>268</v>
      </c>
      <c r="J22" s="16">
        <v>75</v>
      </c>
      <c r="K22" s="16">
        <v>387</v>
      </c>
      <c r="L22" s="22" t="s">
        <v>268</v>
      </c>
    </row>
    <row r="23" spans="1:12">
      <c r="A23" s="21" t="s">
        <v>232</v>
      </c>
      <c r="B23" s="21" t="s">
        <v>233</v>
      </c>
      <c r="C23" s="21" t="s">
        <v>262</v>
      </c>
      <c r="D23" s="21" t="s">
        <v>572</v>
      </c>
      <c r="E23" s="21" t="s">
        <v>576</v>
      </c>
      <c r="F23" s="16">
        <v>1312029</v>
      </c>
      <c r="G23" s="22" t="s">
        <v>268</v>
      </c>
      <c r="H23" s="22" t="s">
        <v>268</v>
      </c>
      <c r="I23" s="22" t="s">
        <v>268</v>
      </c>
      <c r="J23" s="16">
        <v>45</v>
      </c>
      <c r="K23" s="16">
        <v>249</v>
      </c>
      <c r="L23" s="22" t="s">
        <v>268</v>
      </c>
    </row>
    <row r="24" spans="1:12">
      <c r="A24" s="21" t="s">
        <v>232</v>
      </c>
      <c r="B24" s="21" t="s">
        <v>233</v>
      </c>
      <c r="C24" s="21" t="s">
        <v>262</v>
      </c>
      <c r="D24" s="21" t="s">
        <v>572</v>
      </c>
      <c r="E24" s="21" t="s">
        <v>577</v>
      </c>
      <c r="F24" s="16">
        <v>514410</v>
      </c>
      <c r="G24" s="22" t="s">
        <v>268</v>
      </c>
      <c r="H24" s="22" t="s">
        <v>268</v>
      </c>
      <c r="I24" s="22" t="s">
        <v>268</v>
      </c>
      <c r="J24" s="16">
        <v>30</v>
      </c>
      <c r="K24" s="16">
        <v>138</v>
      </c>
      <c r="L24" s="22" t="s">
        <v>268</v>
      </c>
    </row>
    <row r="25" spans="1:12">
      <c r="A25" s="21" t="s">
        <v>232</v>
      </c>
      <c r="B25" s="21" t="s">
        <v>233</v>
      </c>
      <c r="C25" s="21" t="s">
        <v>262</v>
      </c>
      <c r="D25" s="21" t="s">
        <v>476</v>
      </c>
      <c r="E25" s="21" t="s">
        <v>578</v>
      </c>
      <c r="F25" s="16">
        <v>2926536</v>
      </c>
      <c r="G25" s="16">
        <v>691965</v>
      </c>
      <c r="H25" s="16">
        <v>1398521</v>
      </c>
      <c r="I25" s="16">
        <v>1765486</v>
      </c>
      <c r="J25" s="16">
        <v>2109558</v>
      </c>
      <c r="K25" s="16">
        <v>2289674</v>
      </c>
      <c r="L25" s="16">
        <v>2926536</v>
      </c>
    </row>
    <row r="26" spans="1:12">
      <c r="A26" s="21" t="s">
        <v>232</v>
      </c>
      <c r="B26" s="21" t="s">
        <v>233</v>
      </c>
      <c r="C26" s="21" t="s">
        <v>262</v>
      </c>
      <c r="D26" s="21" t="s">
        <v>572</v>
      </c>
      <c r="E26" s="21" t="s">
        <v>579</v>
      </c>
      <c r="F26" s="16">
        <v>2343459</v>
      </c>
      <c r="G26" s="16">
        <v>528933</v>
      </c>
      <c r="H26" s="16">
        <v>1095057</v>
      </c>
      <c r="I26" s="16">
        <v>1393900</v>
      </c>
      <c r="J26" s="16">
        <v>1676078</v>
      </c>
      <c r="K26" s="16">
        <v>1824307</v>
      </c>
      <c r="L26" s="16">
        <v>2343459</v>
      </c>
    </row>
    <row r="27" spans="1:12">
      <c r="A27" s="21" t="s">
        <v>232</v>
      </c>
      <c r="B27" s="21" t="s">
        <v>233</v>
      </c>
      <c r="C27" s="21" t="s">
        <v>262</v>
      </c>
      <c r="D27" s="21" t="s">
        <v>572</v>
      </c>
      <c r="E27" s="21" t="s">
        <v>580</v>
      </c>
      <c r="F27" s="16">
        <v>582748</v>
      </c>
      <c r="G27" s="16">
        <v>163032</v>
      </c>
      <c r="H27" s="16">
        <v>303457</v>
      </c>
      <c r="I27" s="16">
        <v>371579</v>
      </c>
      <c r="J27" s="16">
        <v>433467</v>
      </c>
      <c r="K27" s="16">
        <v>465342</v>
      </c>
      <c r="L27" s="16">
        <v>582748</v>
      </c>
    </row>
    <row r="28" spans="1:12">
      <c r="A28" s="21" t="s">
        <v>232</v>
      </c>
      <c r="B28" s="21" t="s">
        <v>233</v>
      </c>
      <c r="C28" s="21" t="s">
        <v>262</v>
      </c>
      <c r="D28" s="21" t="s">
        <v>476</v>
      </c>
      <c r="E28" s="21" t="s">
        <v>581</v>
      </c>
      <c r="F28" s="16">
        <v>4229403</v>
      </c>
      <c r="G28" s="16">
        <v>526399</v>
      </c>
      <c r="H28" s="16">
        <v>1162236</v>
      </c>
      <c r="I28" s="16">
        <v>1547357</v>
      </c>
      <c r="J28" s="16">
        <v>1971460</v>
      </c>
      <c r="K28" s="16">
        <v>2243726</v>
      </c>
      <c r="L28" s="16">
        <v>4229403</v>
      </c>
    </row>
    <row r="29" spans="1:12">
      <c r="A29" s="21" t="s">
        <v>232</v>
      </c>
      <c r="B29" s="21" t="s">
        <v>233</v>
      </c>
      <c r="C29" s="21" t="s">
        <v>262</v>
      </c>
      <c r="D29" s="21" t="s">
        <v>572</v>
      </c>
      <c r="E29" s="21" t="s">
        <v>582</v>
      </c>
      <c r="F29" s="16">
        <v>3092096</v>
      </c>
      <c r="G29" s="16">
        <v>353820</v>
      </c>
      <c r="H29" s="16">
        <v>804141</v>
      </c>
      <c r="I29" s="16">
        <v>1086081</v>
      </c>
      <c r="J29" s="16">
        <v>1402791</v>
      </c>
      <c r="K29" s="16">
        <v>1607021</v>
      </c>
      <c r="L29" s="16">
        <v>3092096</v>
      </c>
    </row>
    <row r="30" spans="1:12">
      <c r="A30" s="21" t="s">
        <v>232</v>
      </c>
      <c r="B30" s="21" t="s">
        <v>233</v>
      </c>
      <c r="C30" s="21" t="s">
        <v>262</v>
      </c>
      <c r="D30" s="21" t="s">
        <v>572</v>
      </c>
      <c r="E30" s="21" t="s">
        <v>583</v>
      </c>
      <c r="F30" s="16">
        <v>1132872</v>
      </c>
      <c r="G30" s="16">
        <v>172579</v>
      </c>
      <c r="H30" s="16">
        <v>358082</v>
      </c>
      <c r="I30" s="16">
        <v>461245</v>
      </c>
      <c r="J30" s="16">
        <v>568604</v>
      </c>
      <c r="K30" s="16">
        <v>636625</v>
      </c>
      <c r="L30" s="16">
        <v>1132872</v>
      </c>
    </row>
    <row r="31" spans="1:12">
      <c r="A31" s="21" t="s">
        <v>232</v>
      </c>
      <c r="B31" s="21" t="s">
        <v>233</v>
      </c>
      <c r="C31" s="21" t="s">
        <v>262</v>
      </c>
      <c r="D31" s="21" t="s">
        <v>476</v>
      </c>
      <c r="E31" s="21" t="s">
        <v>584</v>
      </c>
      <c r="F31" s="16">
        <v>345776</v>
      </c>
      <c r="G31" s="16">
        <v>18788</v>
      </c>
      <c r="H31" s="16">
        <v>36166</v>
      </c>
      <c r="I31" s="16">
        <v>50199</v>
      </c>
      <c r="J31" s="16">
        <v>71496</v>
      </c>
      <c r="K31" s="16">
        <v>94810</v>
      </c>
      <c r="L31" s="16">
        <v>748</v>
      </c>
    </row>
    <row r="32" spans="1:12">
      <c r="A32" s="21" t="s">
        <v>232</v>
      </c>
      <c r="B32" s="21" t="s">
        <v>233</v>
      </c>
      <c r="C32" s="21" t="s">
        <v>262</v>
      </c>
      <c r="D32" s="21" t="s">
        <v>476</v>
      </c>
      <c r="E32" s="21" t="s">
        <v>585</v>
      </c>
      <c r="F32" s="16">
        <v>1666687</v>
      </c>
      <c r="G32" s="16">
        <v>354233</v>
      </c>
      <c r="H32" s="16">
        <v>727700</v>
      </c>
      <c r="I32" s="16">
        <v>924147</v>
      </c>
      <c r="J32" s="16">
        <v>1122466</v>
      </c>
      <c r="K32" s="16">
        <v>1239389</v>
      </c>
      <c r="L32" s="16">
        <v>1465513</v>
      </c>
    </row>
    <row r="33" spans="1:12">
      <c r="A33" s="21" t="s">
        <v>232</v>
      </c>
      <c r="B33" s="21" t="s">
        <v>233</v>
      </c>
      <c r="C33" s="21" t="s">
        <v>262</v>
      </c>
      <c r="D33" s="21" t="s">
        <v>476</v>
      </c>
      <c r="E33" s="21" t="s">
        <v>586</v>
      </c>
      <c r="F33" s="16">
        <v>334953</v>
      </c>
      <c r="G33" s="16">
        <v>74229</v>
      </c>
      <c r="H33" s="16">
        <v>94637</v>
      </c>
      <c r="I33" s="16">
        <v>100954</v>
      </c>
      <c r="J33" s="16">
        <v>108099</v>
      </c>
      <c r="K33" s="16">
        <v>114148</v>
      </c>
      <c r="L33" s="16">
        <v>165090</v>
      </c>
    </row>
    <row r="34" spans="1:12">
      <c r="A34" s="21" t="s">
        <v>232</v>
      </c>
      <c r="B34" s="21" t="s">
        <v>233</v>
      </c>
      <c r="C34" s="21" t="s">
        <v>262</v>
      </c>
      <c r="D34" s="21" t="s">
        <v>572</v>
      </c>
      <c r="E34" s="21" t="s">
        <v>587</v>
      </c>
      <c r="F34" s="16">
        <v>161422</v>
      </c>
      <c r="G34" s="16">
        <v>2124</v>
      </c>
      <c r="H34" s="16">
        <v>4826</v>
      </c>
      <c r="I34" s="16">
        <v>6902</v>
      </c>
      <c r="J34" s="16">
        <v>10204</v>
      </c>
      <c r="K34" s="16">
        <v>13598</v>
      </c>
      <c r="L34" s="16">
        <v>43488</v>
      </c>
    </row>
    <row r="35" spans="1:12">
      <c r="A35" s="21" t="s">
        <v>232</v>
      </c>
      <c r="B35" s="21" t="s">
        <v>233</v>
      </c>
      <c r="C35" s="21" t="s">
        <v>262</v>
      </c>
      <c r="D35" s="21" t="s">
        <v>572</v>
      </c>
      <c r="E35" s="21" t="s">
        <v>588</v>
      </c>
      <c r="F35" s="16">
        <v>54624</v>
      </c>
      <c r="G35" s="16">
        <v>842</v>
      </c>
      <c r="H35" s="16">
        <v>2003</v>
      </c>
      <c r="I35" s="16">
        <v>2858</v>
      </c>
      <c r="J35" s="16">
        <v>4334</v>
      </c>
      <c r="K35" s="16">
        <v>5712</v>
      </c>
      <c r="L35" s="16">
        <v>13687</v>
      </c>
    </row>
    <row r="36" spans="1:12">
      <c r="A36" s="21" t="s">
        <v>232</v>
      </c>
      <c r="B36" s="21" t="s">
        <v>233</v>
      </c>
      <c r="C36" s="21" t="s">
        <v>262</v>
      </c>
      <c r="D36" s="21" t="s">
        <v>476</v>
      </c>
      <c r="E36" s="21" t="s">
        <v>589</v>
      </c>
      <c r="F36" s="16">
        <v>1242039</v>
      </c>
      <c r="G36" s="16">
        <v>584493</v>
      </c>
      <c r="H36" s="16">
        <v>893054</v>
      </c>
      <c r="I36" s="16">
        <v>1002074</v>
      </c>
      <c r="J36" s="16">
        <v>1085923</v>
      </c>
      <c r="K36" s="16">
        <v>1123398</v>
      </c>
      <c r="L36" s="16">
        <v>1242039</v>
      </c>
    </row>
    <row r="37" spans="1:12">
      <c r="A37" s="21" t="s">
        <v>232</v>
      </c>
      <c r="B37" s="21" t="s">
        <v>233</v>
      </c>
      <c r="C37" s="21" t="s">
        <v>262</v>
      </c>
      <c r="D37" s="21" t="s">
        <v>572</v>
      </c>
      <c r="E37" s="21" t="s">
        <v>590</v>
      </c>
      <c r="F37" s="16">
        <v>935251</v>
      </c>
      <c r="G37" s="16">
        <v>430905</v>
      </c>
      <c r="H37" s="16">
        <v>667655</v>
      </c>
      <c r="I37" s="16">
        <v>752539</v>
      </c>
      <c r="J37" s="16">
        <v>817609</v>
      </c>
      <c r="K37" s="16">
        <v>846598</v>
      </c>
      <c r="L37" s="16">
        <v>935251</v>
      </c>
    </row>
    <row r="38" spans="1:12">
      <c r="A38" s="21" t="s">
        <v>232</v>
      </c>
      <c r="B38" s="21" t="s">
        <v>233</v>
      </c>
      <c r="C38" s="21" t="s">
        <v>262</v>
      </c>
      <c r="D38" s="21" t="s">
        <v>572</v>
      </c>
      <c r="E38" s="21" t="s">
        <v>591</v>
      </c>
      <c r="F38" s="16">
        <v>292069</v>
      </c>
      <c r="G38" s="16">
        <v>151470</v>
      </c>
      <c r="H38" s="16">
        <v>220512</v>
      </c>
      <c r="I38" s="16">
        <v>243101</v>
      </c>
      <c r="J38" s="16">
        <v>260450</v>
      </c>
      <c r="K38" s="16">
        <v>267951</v>
      </c>
      <c r="L38" s="16">
        <v>292069</v>
      </c>
    </row>
    <row r="39" spans="1:12">
      <c r="A39" s="21" t="s">
        <v>232</v>
      </c>
      <c r="B39" s="21" t="s">
        <v>233</v>
      </c>
      <c r="C39" s="21" t="s">
        <v>262</v>
      </c>
      <c r="D39" s="21" t="s">
        <v>476</v>
      </c>
      <c r="E39" s="21" t="s">
        <v>592</v>
      </c>
      <c r="F39" s="16">
        <v>721113</v>
      </c>
      <c r="G39" s="16">
        <v>73</v>
      </c>
      <c r="H39" s="16">
        <v>525</v>
      </c>
      <c r="I39" s="16">
        <v>1303</v>
      </c>
      <c r="J39" s="16">
        <v>5121</v>
      </c>
      <c r="K39" s="16">
        <v>24364</v>
      </c>
      <c r="L39" s="22" t="s">
        <v>268</v>
      </c>
    </row>
    <row r="40" spans="1:12">
      <c r="A40" s="21" t="s">
        <v>232</v>
      </c>
      <c r="B40" s="21" t="s">
        <v>233</v>
      </c>
      <c r="C40" s="21" t="s">
        <v>262</v>
      </c>
      <c r="D40" s="21" t="s">
        <v>476</v>
      </c>
      <c r="E40" s="21" t="s">
        <v>593</v>
      </c>
      <c r="F40" s="16">
        <v>1747763</v>
      </c>
      <c r="G40" s="16">
        <v>182257</v>
      </c>
      <c r="H40" s="16">
        <v>406923</v>
      </c>
      <c r="I40" s="16">
        <v>548098</v>
      </c>
      <c r="J40" s="16">
        <v>716204</v>
      </c>
      <c r="K40" s="16">
        <v>839006</v>
      </c>
      <c r="L40" s="16">
        <v>1351816</v>
      </c>
    </row>
    <row r="41" spans="1:12">
      <c r="A41" s="21" t="s">
        <v>232</v>
      </c>
      <c r="B41" s="21" t="s">
        <v>233</v>
      </c>
      <c r="C41" s="21" t="s">
        <v>262</v>
      </c>
      <c r="D41" s="21" t="s">
        <v>474</v>
      </c>
      <c r="E41" s="21" t="s">
        <v>594</v>
      </c>
      <c r="F41" s="16">
        <v>1231866</v>
      </c>
      <c r="G41" s="16">
        <v>77884</v>
      </c>
      <c r="H41" s="16">
        <v>141314</v>
      </c>
      <c r="I41" s="16">
        <v>174494</v>
      </c>
      <c r="J41" s="16">
        <v>209031</v>
      </c>
      <c r="K41" s="16">
        <v>239853</v>
      </c>
      <c r="L41" s="16">
        <v>61570</v>
      </c>
    </row>
    <row r="42" spans="1:12">
      <c r="A42" s="21" t="s">
        <v>232</v>
      </c>
      <c r="B42" s="21" t="s">
        <v>233</v>
      </c>
      <c r="C42" s="21" t="s">
        <v>262</v>
      </c>
      <c r="D42" s="21" t="s">
        <v>474</v>
      </c>
      <c r="E42" s="21" t="s">
        <v>595</v>
      </c>
      <c r="F42" s="16">
        <v>21151042</v>
      </c>
      <c r="G42" s="22" t="s">
        <v>268</v>
      </c>
      <c r="H42" s="16">
        <v>9</v>
      </c>
      <c r="I42" s="16">
        <v>128</v>
      </c>
      <c r="J42" s="16">
        <v>7955</v>
      </c>
      <c r="K42" s="16">
        <v>287751</v>
      </c>
      <c r="L42" s="22" t="s">
        <v>268</v>
      </c>
    </row>
    <row r="43" spans="1:12">
      <c r="A43" s="21" t="s">
        <v>232</v>
      </c>
      <c r="B43" s="21" t="s">
        <v>233</v>
      </c>
      <c r="C43" s="21" t="s">
        <v>262</v>
      </c>
      <c r="D43" s="21" t="s">
        <v>474</v>
      </c>
      <c r="E43" s="21" t="s">
        <v>596</v>
      </c>
      <c r="F43" s="16">
        <v>469844</v>
      </c>
      <c r="G43" s="22" t="s">
        <v>268</v>
      </c>
      <c r="H43" s="22" t="s">
        <v>268</v>
      </c>
      <c r="I43" s="22" t="s">
        <v>268</v>
      </c>
      <c r="J43" s="22" t="s">
        <v>268</v>
      </c>
      <c r="K43" s="22" t="s">
        <v>268</v>
      </c>
      <c r="L43" s="22" t="s">
        <v>268</v>
      </c>
    </row>
    <row r="44" spans="1:12">
      <c r="A44" s="21" t="s">
        <v>232</v>
      </c>
      <c r="B44" s="21" t="s">
        <v>233</v>
      </c>
      <c r="C44" s="21" t="s">
        <v>262</v>
      </c>
      <c r="D44" s="21" t="s">
        <v>474</v>
      </c>
      <c r="E44" s="21" t="s">
        <v>597</v>
      </c>
      <c r="F44" s="16">
        <v>11442715</v>
      </c>
      <c r="G44" s="16">
        <v>2375304</v>
      </c>
      <c r="H44" s="16">
        <v>4607716</v>
      </c>
      <c r="I44" s="16">
        <v>5789035</v>
      </c>
      <c r="J44" s="16">
        <v>6982365</v>
      </c>
      <c r="K44" s="16">
        <v>7688266</v>
      </c>
      <c r="L44" s="16">
        <v>11442715</v>
      </c>
    </row>
    <row r="45" spans="1:12">
      <c r="A45" s="21" t="s">
        <v>232</v>
      </c>
      <c r="B45" s="21" t="s">
        <v>233</v>
      </c>
      <c r="C45" s="21" t="s">
        <v>262</v>
      </c>
      <c r="D45" s="21" t="s">
        <v>474</v>
      </c>
      <c r="E45" s="21" t="s">
        <v>598</v>
      </c>
      <c r="F45" s="16">
        <v>1674110</v>
      </c>
      <c r="G45" s="16">
        <v>307891</v>
      </c>
      <c r="H45" s="16">
        <v>896698</v>
      </c>
      <c r="I45" s="16">
        <v>1231665</v>
      </c>
      <c r="J45" s="16">
        <v>1534770</v>
      </c>
      <c r="K45" s="16">
        <v>1674110</v>
      </c>
      <c r="L45" s="22" t="s">
        <v>268</v>
      </c>
    </row>
    <row r="46" spans="1:12">
      <c r="A46" s="21" t="s">
        <v>232</v>
      </c>
      <c r="B46" s="21" t="s">
        <v>233</v>
      </c>
      <c r="C46" s="21" t="s">
        <v>262</v>
      </c>
      <c r="D46" s="21" t="s">
        <v>474</v>
      </c>
      <c r="E46" s="21" t="s">
        <v>599</v>
      </c>
      <c r="F46" s="16">
        <v>2762919</v>
      </c>
      <c r="G46" s="16">
        <v>589243</v>
      </c>
      <c r="H46" s="16">
        <v>1541248</v>
      </c>
      <c r="I46" s="16">
        <v>2062130</v>
      </c>
      <c r="J46" s="16">
        <v>2537910</v>
      </c>
      <c r="K46" s="16">
        <v>2762919</v>
      </c>
      <c r="L46" s="16">
        <v>1053186</v>
      </c>
    </row>
    <row r="47" spans="1:12">
      <c r="A47" s="21" t="s">
        <v>232</v>
      </c>
      <c r="B47" s="21" t="s">
        <v>233</v>
      </c>
      <c r="C47" s="21" t="s">
        <v>262</v>
      </c>
      <c r="D47" s="21" t="s">
        <v>474</v>
      </c>
      <c r="E47" s="21" t="s">
        <v>600</v>
      </c>
      <c r="F47" s="16">
        <v>187915</v>
      </c>
      <c r="G47" s="16">
        <v>15739</v>
      </c>
      <c r="H47" s="16">
        <v>73911</v>
      </c>
      <c r="I47" s="16">
        <v>117674</v>
      </c>
      <c r="J47" s="16">
        <v>163304</v>
      </c>
      <c r="K47" s="16">
        <v>187915</v>
      </c>
      <c r="L47" s="22" t="s">
        <v>268</v>
      </c>
    </row>
    <row r="48" spans="1:12">
      <c r="A48" s="21" t="s">
        <v>232</v>
      </c>
      <c r="B48" s="21" t="s">
        <v>233</v>
      </c>
      <c r="C48" s="21" t="s">
        <v>262</v>
      </c>
      <c r="D48" s="21" t="s">
        <v>474</v>
      </c>
      <c r="E48" s="21" t="s">
        <v>601</v>
      </c>
      <c r="F48" s="16">
        <v>503885</v>
      </c>
      <c r="G48" s="16">
        <v>73663</v>
      </c>
      <c r="H48" s="16">
        <v>229956</v>
      </c>
      <c r="I48" s="16">
        <v>334551</v>
      </c>
      <c r="J48" s="16">
        <v>443730</v>
      </c>
      <c r="K48" s="16">
        <v>503885</v>
      </c>
      <c r="L48" s="16">
        <v>291138</v>
      </c>
    </row>
    <row r="49" spans="1:12">
      <c r="A49" s="21" t="s">
        <v>232</v>
      </c>
      <c r="B49" s="21" t="s">
        <v>233</v>
      </c>
      <c r="C49" s="21" t="s">
        <v>262</v>
      </c>
      <c r="D49" s="21" t="s">
        <v>474</v>
      </c>
      <c r="E49" s="21" t="s">
        <v>602</v>
      </c>
      <c r="F49" s="16">
        <v>13067790</v>
      </c>
      <c r="G49" s="22" t="s">
        <v>268</v>
      </c>
      <c r="H49" s="22" t="s">
        <v>268</v>
      </c>
      <c r="I49" s="22" t="s">
        <v>268</v>
      </c>
      <c r="J49" s="22" t="s">
        <v>268</v>
      </c>
      <c r="K49" s="22" t="s">
        <v>268</v>
      </c>
      <c r="L49" s="22" t="s">
        <v>268</v>
      </c>
    </row>
    <row r="50" spans="1:12">
      <c r="A50" s="21" t="s">
        <v>232</v>
      </c>
      <c r="B50" s="21" t="s">
        <v>233</v>
      </c>
      <c r="C50" s="21" t="s">
        <v>262</v>
      </c>
      <c r="D50" s="21" t="s">
        <v>474</v>
      </c>
      <c r="E50" s="21" t="s">
        <v>603</v>
      </c>
      <c r="F50" s="16">
        <v>6716806</v>
      </c>
      <c r="G50" s="22" t="s">
        <v>268</v>
      </c>
      <c r="H50" s="22" t="s">
        <v>268</v>
      </c>
      <c r="I50" s="22" t="s">
        <v>268</v>
      </c>
      <c r="J50" s="22" t="s">
        <v>268</v>
      </c>
      <c r="K50" s="22" t="s">
        <v>268</v>
      </c>
      <c r="L50" s="22" t="s">
        <v>268</v>
      </c>
    </row>
    <row r="51" spans="1:12">
      <c r="A51" s="21" t="s">
        <v>232</v>
      </c>
      <c r="B51" s="21" t="s">
        <v>237</v>
      </c>
      <c r="C51" s="21" t="s">
        <v>264</v>
      </c>
      <c r="D51" s="21" t="s">
        <v>474</v>
      </c>
      <c r="E51" s="21" t="s">
        <v>214</v>
      </c>
      <c r="F51" s="16">
        <v>1678793</v>
      </c>
      <c r="G51" s="16">
        <v>262326</v>
      </c>
      <c r="H51" s="16">
        <v>453758</v>
      </c>
      <c r="I51" s="16">
        <v>540115</v>
      </c>
      <c r="J51" s="16">
        <v>619001</v>
      </c>
      <c r="K51" s="16">
        <v>663828</v>
      </c>
      <c r="L51" s="16">
        <v>220757</v>
      </c>
    </row>
    <row r="52" spans="1:12">
      <c r="A52" s="21" t="s">
        <v>232</v>
      </c>
      <c r="B52" s="21" t="s">
        <v>237</v>
      </c>
      <c r="C52" s="21" t="s">
        <v>264</v>
      </c>
      <c r="D52" s="21" t="s">
        <v>474</v>
      </c>
      <c r="E52" s="21" t="s">
        <v>564</v>
      </c>
      <c r="F52" s="16">
        <v>1417970</v>
      </c>
      <c r="G52" s="16">
        <v>261177</v>
      </c>
      <c r="H52" s="16">
        <v>451667</v>
      </c>
      <c r="I52" s="16">
        <v>537578</v>
      </c>
      <c r="J52" s="16">
        <v>615857</v>
      </c>
      <c r="K52" s="16">
        <v>656584</v>
      </c>
      <c r="L52" s="16">
        <v>219203</v>
      </c>
    </row>
    <row r="53" spans="1:12">
      <c r="A53" s="21" t="s">
        <v>232</v>
      </c>
      <c r="B53" s="21" t="s">
        <v>237</v>
      </c>
      <c r="C53" s="21" t="s">
        <v>264</v>
      </c>
      <c r="D53" s="21" t="s">
        <v>240</v>
      </c>
      <c r="E53" s="21" t="s">
        <v>565</v>
      </c>
      <c r="F53" s="16">
        <v>1115416</v>
      </c>
      <c r="G53" s="16">
        <v>205652</v>
      </c>
      <c r="H53" s="16">
        <v>349348</v>
      </c>
      <c r="I53" s="16">
        <v>412392</v>
      </c>
      <c r="J53" s="16">
        <v>468367</v>
      </c>
      <c r="K53" s="16">
        <v>496457</v>
      </c>
      <c r="L53" s="22" t="s">
        <v>268</v>
      </c>
    </row>
    <row r="54" spans="1:12">
      <c r="A54" s="21" t="s">
        <v>232</v>
      </c>
      <c r="B54" s="21" t="s">
        <v>237</v>
      </c>
      <c r="C54" s="21" t="s">
        <v>264</v>
      </c>
      <c r="D54" s="21" t="s">
        <v>476</v>
      </c>
      <c r="E54" s="21" t="s">
        <v>566</v>
      </c>
      <c r="F54" s="16">
        <v>298656</v>
      </c>
      <c r="G54" s="22" t="s">
        <v>268</v>
      </c>
      <c r="H54" s="22" t="s">
        <v>268</v>
      </c>
      <c r="I54" s="22" t="s">
        <v>268</v>
      </c>
      <c r="J54" s="16">
        <v>6</v>
      </c>
      <c r="K54" s="16">
        <v>78</v>
      </c>
      <c r="L54" s="22" t="s">
        <v>268</v>
      </c>
    </row>
    <row r="55" spans="1:12">
      <c r="A55" s="21" t="s">
        <v>232</v>
      </c>
      <c r="B55" s="21" t="s">
        <v>237</v>
      </c>
      <c r="C55" s="21" t="s">
        <v>264</v>
      </c>
      <c r="D55" s="21" t="s">
        <v>476</v>
      </c>
      <c r="E55" s="21" t="s">
        <v>567</v>
      </c>
      <c r="F55" s="16">
        <v>648373</v>
      </c>
      <c r="G55" s="16">
        <v>194187</v>
      </c>
      <c r="H55" s="16">
        <v>318840</v>
      </c>
      <c r="I55" s="16">
        <v>370826</v>
      </c>
      <c r="J55" s="16">
        <v>415137</v>
      </c>
      <c r="K55" s="16">
        <v>436901</v>
      </c>
      <c r="L55" s="22" t="s">
        <v>268</v>
      </c>
    </row>
    <row r="56" spans="1:12">
      <c r="A56" s="21" t="s">
        <v>232</v>
      </c>
      <c r="B56" s="21" t="s">
        <v>237</v>
      </c>
      <c r="C56" s="21" t="s">
        <v>264</v>
      </c>
      <c r="D56" s="21" t="s">
        <v>476</v>
      </c>
      <c r="E56" s="21" t="s">
        <v>568</v>
      </c>
      <c r="F56" s="16">
        <v>22314</v>
      </c>
      <c r="G56" s="16">
        <v>489</v>
      </c>
      <c r="H56" s="16">
        <v>1890</v>
      </c>
      <c r="I56" s="16">
        <v>2928</v>
      </c>
      <c r="J56" s="16">
        <v>4095</v>
      </c>
      <c r="K56" s="16">
        <v>4837</v>
      </c>
      <c r="L56" s="22" t="s">
        <v>268</v>
      </c>
    </row>
    <row r="57" spans="1:12">
      <c r="A57" s="21" t="s">
        <v>232</v>
      </c>
      <c r="B57" s="21" t="s">
        <v>237</v>
      </c>
      <c r="C57" s="21" t="s">
        <v>264</v>
      </c>
      <c r="D57" s="21" t="s">
        <v>476</v>
      </c>
      <c r="E57" s="21" t="s">
        <v>569</v>
      </c>
      <c r="F57" s="16">
        <v>146073</v>
      </c>
      <c r="G57" s="16">
        <v>10976</v>
      </c>
      <c r="H57" s="16">
        <v>28618</v>
      </c>
      <c r="I57" s="16">
        <v>38638</v>
      </c>
      <c r="J57" s="16">
        <v>49129</v>
      </c>
      <c r="K57" s="16">
        <v>54641</v>
      </c>
      <c r="L57" s="22" t="s">
        <v>268</v>
      </c>
    </row>
    <row r="58" spans="1:12">
      <c r="A58" s="21" t="s">
        <v>232</v>
      </c>
      <c r="B58" s="21" t="s">
        <v>237</v>
      </c>
      <c r="C58" s="21" t="s">
        <v>264</v>
      </c>
      <c r="D58" s="21" t="s">
        <v>240</v>
      </c>
      <c r="E58" s="21" t="s">
        <v>570</v>
      </c>
      <c r="F58" s="16">
        <v>302554</v>
      </c>
      <c r="G58" s="16">
        <v>55525</v>
      </c>
      <c r="H58" s="16">
        <v>102319</v>
      </c>
      <c r="I58" s="16">
        <v>125186</v>
      </c>
      <c r="J58" s="16">
        <v>147490</v>
      </c>
      <c r="K58" s="16">
        <v>160127</v>
      </c>
      <c r="L58" s="16">
        <v>219203</v>
      </c>
    </row>
    <row r="59" spans="1:12">
      <c r="A59" s="21" t="s">
        <v>232</v>
      </c>
      <c r="B59" s="21" t="s">
        <v>237</v>
      </c>
      <c r="C59" s="21" t="s">
        <v>264</v>
      </c>
      <c r="D59" s="21" t="s">
        <v>476</v>
      </c>
      <c r="E59" s="21" t="s">
        <v>571</v>
      </c>
      <c r="F59" s="16">
        <v>14296</v>
      </c>
      <c r="G59" s="22" t="s">
        <v>268</v>
      </c>
      <c r="H59" s="22" t="s">
        <v>268</v>
      </c>
      <c r="I59" s="22" t="s">
        <v>268</v>
      </c>
      <c r="J59" s="22" t="s">
        <v>268</v>
      </c>
      <c r="K59" s="16">
        <v>8</v>
      </c>
      <c r="L59" s="22" t="s">
        <v>268</v>
      </c>
    </row>
    <row r="60" spans="1:12">
      <c r="A60" s="21" t="s">
        <v>232</v>
      </c>
      <c r="B60" s="21" t="s">
        <v>237</v>
      </c>
      <c r="C60" s="21" t="s">
        <v>264</v>
      </c>
      <c r="D60" s="21" t="s">
        <v>572</v>
      </c>
      <c r="E60" s="21" t="s">
        <v>573</v>
      </c>
      <c r="F60" s="16">
        <v>11788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16">
        <v>8</v>
      </c>
      <c r="L60" s="22" t="s">
        <v>268</v>
      </c>
    </row>
    <row r="61" spans="1:12">
      <c r="A61" s="21" t="s">
        <v>232</v>
      </c>
      <c r="B61" s="21" t="s">
        <v>237</v>
      </c>
      <c r="C61" s="21" t="s">
        <v>264</v>
      </c>
      <c r="D61" s="21" t="s">
        <v>572</v>
      </c>
      <c r="E61" s="21" t="s">
        <v>574</v>
      </c>
      <c r="F61" s="16">
        <v>2508</v>
      </c>
      <c r="G61" s="22" t="s">
        <v>268</v>
      </c>
      <c r="H61" s="22" t="s">
        <v>268</v>
      </c>
      <c r="I61" s="22" t="s">
        <v>268</v>
      </c>
      <c r="J61" s="22" t="s">
        <v>268</v>
      </c>
      <c r="K61" s="22" t="s">
        <v>268</v>
      </c>
      <c r="L61" s="22" t="s">
        <v>268</v>
      </c>
    </row>
    <row r="62" spans="1:12">
      <c r="A62" s="21" t="s">
        <v>232</v>
      </c>
      <c r="B62" s="21" t="s">
        <v>237</v>
      </c>
      <c r="C62" s="21" t="s">
        <v>264</v>
      </c>
      <c r="D62" s="21" t="s">
        <v>476</v>
      </c>
      <c r="E62" s="21" t="s">
        <v>575</v>
      </c>
      <c r="F62" s="16">
        <v>35688</v>
      </c>
      <c r="G62" s="22" t="s">
        <v>268</v>
      </c>
      <c r="H62" s="22" t="s">
        <v>268</v>
      </c>
      <c r="I62" s="22" t="s">
        <v>268</v>
      </c>
      <c r="J62" s="22" t="s">
        <v>268</v>
      </c>
      <c r="K62" s="16">
        <v>9</v>
      </c>
      <c r="L62" s="22" t="s">
        <v>268</v>
      </c>
    </row>
    <row r="63" spans="1:12">
      <c r="A63" s="21" t="s">
        <v>232</v>
      </c>
      <c r="B63" s="21" t="s">
        <v>237</v>
      </c>
      <c r="C63" s="21" t="s">
        <v>264</v>
      </c>
      <c r="D63" s="21" t="s">
        <v>572</v>
      </c>
      <c r="E63" s="21" t="s">
        <v>576</v>
      </c>
      <c r="F63" s="16">
        <v>27216</v>
      </c>
      <c r="G63" s="22" t="s">
        <v>268</v>
      </c>
      <c r="H63" s="22" t="s">
        <v>268</v>
      </c>
      <c r="I63" s="22" t="s">
        <v>268</v>
      </c>
      <c r="J63" s="22" t="s">
        <v>268</v>
      </c>
      <c r="K63" s="16">
        <v>6</v>
      </c>
      <c r="L63" s="22" t="s">
        <v>268</v>
      </c>
    </row>
    <row r="64" spans="1:12">
      <c r="A64" s="21" t="s">
        <v>232</v>
      </c>
      <c r="B64" s="21" t="s">
        <v>237</v>
      </c>
      <c r="C64" s="21" t="s">
        <v>264</v>
      </c>
      <c r="D64" s="21" t="s">
        <v>572</v>
      </c>
      <c r="E64" s="21" t="s">
        <v>577</v>
      </c>
      <c r="F64" s="16">
        <v>8472</v>
      </c>
      <c r="G64" s="22" t="s">
        <v>268</v>
      </c>
      <c r="H64" s="22" t="s">
        <v>268</v>
      </c>
      <c r="I64" s="22" t="s">
        <v>268</v>
      </c>
      <c r="J64" s="22" t="s">
        <v>268</v>
      </c>
      <c r="K64" s="16">
        <v>3</v>
      </c>
      <c r="L64" s="22" t="s">
        <v>268</v>
      </c>
    </row>
    <row r="65" spans="1:12">
      <c r="A65" s="21" t="s">
        <v>232</v>
      </c>
      <c r="B65" s="21" t="s">
        <v>237</v>
      </c>
      <c r="C65" s="21" t="s">
        <v>264</v>
      </c>
      <c r="D65" s="21" t="s">
        <v>476</v>
      </c>
      <c r="E65" s="21" t="s">
        <v>578</v>
      </c>
      <c r="F65" s="16">
        <v>58699</v>
      </c>
      <c r="G65" s="16">
        <v>15331</v>
      </c>
      <c r="H65" s="16">
        <v>30181</v>
      </c>
      <c r="I65" s="16">
        <v>37056</v>
      </c>
      <c r="J65" s="16">
        <v>43130</v>
      </c>
      <c r="K65" s="16">
        <v>46287</v>
      </c>
      <c r="L65" s="16">
        <v>58699</v>
      </c>
    </row>
    <row r="66" spans="1:12">
      <c r="A66" s="21" t="s">
        <v>232</v>
      </c>
      <c r="B66" s="21" t="s">
        <v>237</v>
      </c>
      <c r="C66" s="21" t="s">
        <v>264</v>
      </c>
      <c r="D66" s="21" t="s">
        <v>572</v>
      </c>
      <c r="E66" s="21" t="s">
        <v>579</v>
      </c>
      <c r="F66" s="16">
        <v>48393</v>
      </c>
      <c r="G66" s="16">
        <v>11844</v>
      </c>
      <c r="H66" s="16">
        <v>24070</v>
      </c>
      <c r="I66" s="16">
        <v>29823</v>
      </c>
      <c r="J66" s="16">
        <v>34868</v>
      </c>
      <c r="K66" s="16">
        <v>37639</v>
      </c>
      <c r="L66" s="16">
        <v>48393</v>
      </c>
    </row>
    <row r="67" spans="1:12">
      <c r="A67" s="21" t="s">
        <v>232</v>
      </c>
      <c r="B67" s="21" t="s">
        <v>237</v>
      </c>
      <c r="C67" s="21" t="s">
        <v>264</v>
      </c>
      <c r="D67" s="21" t="s">
        <v>572</v>
      </c>
      <c r="E67" s="21" t="s">
        <v>580</v>
      </c>
      <c r="F67" s="16">
        <v>10296</v>
      </c>
      <c r="G67" s="16">
        <v>3487</v>
      </c>
      <c r="H67" s="16">
        <v>6111</v>
      </c>
      <c r="I67" s="16">
        <v>7233</v>
      </c>
      <c r="J67" s="16">
        <v>8262</v>
      </c>
      <c r="K67" s="16">
        <v>8648</v>
      </c>
      <c r="L67" s="16">
        <v>10296</v>
      </c>
    </row>
    <row r="68" spans="1:12">
      <c r="A68" s="21" t="s">
        <v>232</v>
      </c>
      <c r="B68" s="21" t="s">
        <v>237</v>
      </c>
      <c r="C68" s="21" t="s">
        <v>264</v>
      </c>
      <c r="D68" s="21" t="s">
        <v>476</v>
      </c>
      <c r="E68" s="21" t="s">
        <v>581</v>
      </c>
      <c r="F68" s="16">
        <v>69255</v>
      </c>
      <c r="G68" s="16">
        <v>9805</v>
      </c>
      <c r="H68" s="16">
        <v>20904</v>
      </c>
      <c r="I68" s="16">
        <v>26888</v>
      </c>
      <c r="J68" s="16">
        <v>33490</v>
      </c>
      <c r="K68" s="16">
        <v>37192</v>
      </c>
      <c r="L68" s="16">
        <v>69255</v>
      </c>
    </row>
    <row r="69" spans="1:12">
      <c r="A69" s="21" t="s">
        <v>232</v>
      </c>
      <c r="B69" s="21" t="s">
        <v>237</v>
      </c>
      <c r="C69" s="21" t="s">
        <v>264</v>
      </c>
      <c r="D69" s="21" t="s">
        <v>572</v>
      </c>
      <c r="E69" s="21" t="s">
        <v>582</v>
      </c>
      <c r="F69" s="16">
        <v>52175</v>
      </c>
      <c r="G69" s="16">
        <v>6566</v>
      </c>
      <c r="H69" s="16">
        <v>14381</v>
      </c>
      <c r="I69" s="16">
        <v>18970</v>
      </c>
      <c r="J69" s="16">
        <v>23983</v>
      </c>
      <c r="K69" s="16">
        <v>26816</v>
      </c>
      <c r="L69" s="16">
        <v>52175</v>
      </c>
    </row>
    <row r="70" spans="1:12">
      <c r="A70" s="21" t="s">
        <v>232</v>
      </c>
      <c r="B70" s="21" t="s">
        <v>237</v>
      </c>
      <c r="C70" s="21" t="s">
        <v>264</v>
      </c>
      <c r="D70" s="21" t="s">
        <v>572</v>
      </c>
      <c r="E70" s="21" t="s">
        <v>583</v>
      </c>
      <c r="F70" s="16">
        <v>16985</v>
      </c>
      <c r="G70" s="16">
        <v>3239</v>
      </c>
      <c r="H70" s="16">
        <v>6523</v>
      </c>
      <c r="I70" s="16">
        <v>7918</v>
      </c>
      <c r="J70" s="16">
        <v>9507</v>
      </c>
      <c r="K70" s="16">
        <v>10376</v>
      </c>
      <c r="L70" s="16">
        <v>16985</v>
      </c>
    </row>
    <row r="71" spans="1:12">
      <c r="A71" s="21" t="s">
        <v>232</v>
      </c>
      <c r="B71" s="21" t="s">
        <v>237</v>
      </c>
      <c r="C71" s="21" t="s">
        <v>264</v>
      </c>
      <c r="D71" s="21" t="s">
        <v>476</v>
      </c>
      <c r="E71" s="21" t="s">
        <v>584</v>
      </c>
      <c r="F71" s="16">
        <v>7107</v>
      </c>
      <c r="G71" s="16">
        <v>513</v>
      </c>
      <c r="H71" s="16">
        <v>890</v>
      </c>
      <c r="I71" s="16">
        <v>1165</v>
      </c>
      <c r="J71" s="16">
        <v>1673</v>
      </c>
      <c r="K71" s="16">
        <v>2063</v>
      </c>
      <c r="L71" s="16">
        <v>16</v>
      </c>
    </row>
    <row r="72" spans="1:12">
      <c r="A72" s="21" t="s">
        <v>232</v>
      </c>
      <c r="B72" s="21" t="s">
        <v>237</v>
      </c>
      <c r="C72" s="21" t="s">
        <v>264</v>
      </c>
      <c r="D72" s="21" t="s">
        <v>476</v>
      </c>
      <c r="E72" s="21" t="s">
        <v>585</v>
      </c>
      <c r="F72" s="16">
        <v>34228</v>
      </c>
      <c r="G72" s="16">
        <v>7395</v>
      </c>
      <c r="H72" s="16">
        <v>15512</v>
      </c>
      <c r="I72" s="16">
        <v>19628</v>
      </c>
      <c r="J72" s="16">
        <v>23562</v>
      </c>
      <c r="K72" s="16">
        <v>25768</v>
      </c>
      <c r="L72" s="16">
        <v>30299</v>
      </c>
    </row>
    <row r="73" spans="1:12">
      <c r="A73" s="21" t="s">
        <v>232</v>
      </c>
      <c r="B73" s="21" t="s">
        <v>237</v>
      </c>
      <c r="C73" s="21" t="s">
        <v>264</v>
      </c>
      <c r="D73" s="21" t="s">
        <v>476</v>
      </c>
      <c r="E73" s="21" t="s">
        <v>586</v>
      </c>
      <c r="F73" s="16">
        <v>8546</v>
      </c>
      <c r="G73" s="16">
        <v>2485</v>
      </c>
      <c r="H73" s="16">
        <v>3142</v>
      </c>
      <c r="I73" s="16">
        <v>3337</v>
      </c>
      <c r="J73" s="16">
        <v>3544</v>
      </c>
      <c r="K73" s="16">
        <v>3635</v>
      </c>
      <c r="L73" s="16">
        <v>4728</v>
      </c>
    </row>
    <row r="74" spans="1:12">
      <c r="A74" s="21" t="s">
        <v>232</v>
      </c>
      <c r="B74" s="21" t="s">
        <v>237</v>
      </c>
      <c r="C74" s="21" t="s">
        <v>264</v>
      </c>
      <c r="D74" s="21" t="s">
        <v>572</v>
      </c>
      <c r="E74" s="21" t="s">
        <v>587</v>
      </c>
      <c r="F74" s="16">
        <v>3578</v>
      </c>
      <c r="G74" s="16">
        <v>35</v>
      </c>
      <c r="H74" s="16">
        <v>96</v>
      </c>
      <c r="I74" s="16">
        <v>116</v>
      </c>
      <c r="J74" s="16">
        <v>209</v>
      </c>
      <c r="K74" s="16">
        <v>256</v>
      </c>
      <c r="L74" s="16">
        <v>926</v>
      </c>
    </row>
    <row r="75" spans="1:12">
      <c r="A75" s="21" t="s">
        <v>232</v>
      </c>
      <c r="B75" s="21" t="s">
        <v>237</v>
      </c>
      <c r="C75" s="21" t="s">
        <v>264</v>
      </c>
      <c r="D75" s="21" t="s">
        <v>572</v>
      </c>
      <c r="E75" s="21" t="s">
        <v>588</v>
      </c>
      <c r="F75" s="16">
        <v>1189</v>
      </c>
      <c r="G75" s="16">
        <v>34</v>
      </c>
      <c r="H75" s="16">
        <v>88</v>
      </c>
      <c r="I75" s="16">
        <v>104</v>
      </c>
      <c r="J75" s="16">
        <v>122</v>
      </c>
      <c r="K75" s="16">
        <v>133</v>
      </c>
      <c r="L75" s="16">
        <v>228</v>
      </c>
    </row>
    <row r="76" spans="1:12">
      <c r="A76" s="21" t="s">
        <v>232</v>
      </c>
      <c r="B76" s="21" t="s">
        <v>237</v>
      </c>
      <c r="C76" s="21" t="s">
        <v>264</v>
      </c>
      <c r="D76" s="21" t="s">
        <v>476</v>
      </c>
      <c r="E76" s="21" t="s">
        <v>589</v>
      </c>
      <c r="F76" s="16">
        <v>30945</v>
      </c>
      <c r="G76" s="16">
        <v>16163</v>
      </c>
      <c r="H76" s="16">
        <v>23121</v>
      </c>
      <c r="I76" s="16">
        <v>25602</v>
      </c>
      <c r="J76" s="16">
        <v>27358</v>
      </c>
      <c r="K76" s="16">
        <v>28169</v>
      </c>
      <c r="L76" s="16">
        <v>30945</v>
      </c>
    </row>
    <row r="77" spans="1:12">
      <c r="A77" s="21" t="s">
        <v>232</v>
      </c>
      <c r="B77" s="21" t="s">
        <v>237</v>
      </c>
      <c r="C77" s="21" t="s">
        <v>264</v>
      </c>
      <c r="D77" s="21" t="s">
        <v>572</v>
      </c>
      <c r="E77" s="21" t="s">
        <v>590</v>
      </c>
      <c r="F77" s="16">
        <v>23551</v>
      </c>
      <c r="G77" s="16">
        <v>11974</v>
      </c>
      <c r="H77" s="16">
        <v>17289</v>
      </c>
      <c r="I77" s="16">
        <v>19230</v>
      </c>
      <c r="J77" s="16">
        <v>20703</v>
      </c>
      <c r="K77" s="16">
        <v>21339</v>
      </c>
      <c r="L77" s="16">
        <v>23551</v>
      </c>
    </row>
    <row r="78" spans="1:12">
      <c r="A78" s="21" t="s">
        <v>232</v>
      </c>
      <c r="B78" s="21" t="s">
        <v>237</v>
      </c>
      <c r="C78" s="21" t="s">
        <v>264</v>
      </c>
      <c r="D78" s="21" t="s">
        <v>572</v>
      </c>
      <c r="E78" s="21" t="s">
        <v>591</v>
      </c>
      <c r="F78" s="16">
        <v>7101</v>
      </c>
      <c r="G78" s="16">
        <v>4133</v>
      </c>
      <c r="H78" s="16">
        <v>5712</v>
      </c>
      <c r="I78" s="16">
        <v>6212</v>
      </c>
      <c r="J78" s="16">
        <v>6477</v>
      </c>
      <c r="K78" s="16">
        <v>6633</v>
      </c>
      <c r="L78" s="16">
        <v>7101</v>
      </c>
    </row>
    <row r="79" spans="1:12">
      <c r="A79" s="21" t="s">
        <v>232</v>
      </c>
      <c r="B79" s="21" t="s">
        <v>237</v>
      </c>
      <c r="C79" s="21" t="s">
        <v>264</v>
      </c>
      <c r="D79" s="21" t="s">
        <v>476</v>
      </c>
      <c r="E79" s="21" t="s">
        <v>592</v>
      </c>
      <c r="F79" s="16">
        <v>11246</v>
      </c>
      <c r="G79" s="22" t="s">
        <v>268</v>
      </c>
      <c r="H79" s="16">
        <v>5</v>
      </c>
      <c r="I79" s="16">
        <v>15</v>
      </c>
      <c r="J79" s="16">
        <v>157</v>
      </c>
      <c r="K79" s="16">
        <v>423</v>
      </c>
      <c r="L79" s="22" t="s">
        <v>268</v>
      </c>
    </row>
    <row r="80" spans="1:12">
      <c r="A80" s="21" t="s">
        <v>232</v>
      </c>
      <c r="B80" s="21" t="s">
        <v>237</v>
      </c>
      <c r="C80" s="21" t="s">
        <v>264</v>
      </c>
      <c r="D80" s="21" t="s">
        <v>476</v>
      </c>
      <c r="E80" s="21" t="s">
        <v>593</v>
      </c>
      <c r="F80" s="16">
        <v>32544</v>
      </c>
      <c r="G80" s="16">
        <v>3833</v>
      </c>
      <c r="H80" s="16">
        <v>8564</v>
      </c>
      <c r="I80" s="16">
        <v>11495</v>
      </c>
      <c r="J80" s="16">
        <v>14576</v>
      </c>
      <c r="K80" s="16">
        <v>16573</v>
      </c>
      <c r="L80" s="16">
        <v>25261</v>
      </c>
    </row>
    <row r="81" spans="1:12">
      <c r="A81" s="21" t="s">
        <v>232</v>
      </c>
      <c r="B81" s="21" t="s">
        <v>237</v>
      </c>
      <c r="C81" s="21" t="s">
        <v>264</v>
      </c>
      <c r="D81" s="21" t="s">
        <v>474</v>
      </c>
      <c r="E81" s="21" t="s">
        <v>594</v>
      </c>
      <c r="F81" s="16">
        <v>14249</v>
      </c>
      <c r="G81" s="16">
        <v>1149</v>
      </c>
      <c r="H81" s="16">
        <v>2091</v>
      </c>
      <c r="I81" s="16">
        <v>2533</v>
      </c>
      <c r="J81" s="16">
        <v>2979</v>
      </c>
      <c r="K81" s="16">
        <v>3268</v>
      </c>
      <c r="L81" s="16">
        <v>1554</v>
      </c>
    </row>
    <row r="82" spans="1:12">
      <c r="A82" s="21" t="s">
        <v>232</v>
      </c>
      <c r="B82" s="21" t="s">
        <v>237</v>
      </c>
      <c r="C82" s="21" t="s">
        <v>264</v>
      </c>
      <c r="D82" s="21" t="s">
        <v>474</v>
      </c>
      <c r="E82" s="21" t="s">
        <v>595</v>
      </c>
      <c r="F82" s="16">
        <v>242940</v>
      </c>
      <c r="G82" s="22" t="s">
        <v>268</v>
      </c>
      <c r="H82" s="22" t="s">
        <v>268</v>
      </c>
      <c r="I82" s="16">
        <v>4</v>
      </c>
      <c r="J82" s="16">
        <v>165</v>
      </c>
      <c r="K82" s="16">
        <v>3976</v>
      </c>
      <c r="L82" s="22" t="s">
        <v>268</v>
      </c>
    </row>
    <row r="83" spans="1:12">
      <c r="A83" s="21" t="s">
        <v>232</v>
      </c>
      <c r="B83" s="21" t="s">
        <v>237</v>
      </c>
      <c r="C83" s="21" t="s">
        <v>264</v>
      </c>
      <c r="D83" s="21" t="s">
        <v>474</v>
      </c>
      <c r="E83" s="21" t="s">
        <v>596</v>
      </c>
      <c r="F83" s="16">
        <v>3634</v>
      </c>
      <c r="G83" s="22" t="s">
        <v>268</v>
      </c>
      <c r="H83" s="22" t="s">
        <v>268</v>
      </c>
      <c r="I83" s="22" t="s">
        <v>268</v>
      </c>
      <c r="J83" s="22" t="s">
        <v>268</v>
      </c>
      <c r="K83" s="22" t="s">
        <v>268</v>
      </c>
      <c r="L83" s="22" t="s">
        <v>268</v>
      </c>
    </row>
    <row r="84" spans="1:12">
      <c r="A84" s="21" t="s">
        <v>232</v>
      </c>
      <c r="B84" s="21" t="s">
        <v>237</v>
      </c>
      <c r="C84" s="21" t="s">
        <v>264</v>
      </c>
      <c r="D84" s="21" t="s">
        <v>474</v>
      </c>
      <c r="E84" s="21" t="s">
        <v>597</v>
      </c>
      <c r="F84" s="16">
        <v>220757</v>
      </c>
      <c r="G84" s="16">
        <v>54548</v>
      </c>
      <c r="H84" s="16">
        <v>100526</v>
      </c>
      <c r="I84" s="16">
        <v>122651</v>
      </c>
      <c r="J84" s="16">
        <v>143674</v>
      </c>
      <c r="K84" s="16">
        <v>155205</v>
      </c>
      <c r="L84" s="16">
        <v>220757</v>
      </c>
    </row>
    <row r="85" spans="1:12">
      <c r="A85" s="21" t="s">
        <v>232</v>
      </c>
      <c r="B85" s="21" t="s">
        <v>237</v>
      </c>
      <c r="C85" s="21" t="s">
        <v>264</v>
      </c>
      <c r="D85" s="21" t="s">
        <v>474</v>
      </c>
      <c r="E85" s="21" t="s">
        <v>598</v>
      </c>
      <c r="F85" s="16">
        <v>30409</v>
      </c>
      <c r="G85" s="16">
        <v>6264</v>
      </c>
      <c r="H85" s="16">
        <v>17228</v>
      </c>
      <c r="I85" s="16">
        <v>23229</v>
      </c>
      <c r="J85" s="16">
        <v>28270</v>
      </c>
      <c r="K85" s="16">
        <v>30409</v>
      </c>
      <c r="L85" s="22" t="s">
        <v>268</v>
      </c>
    </row>
    <row r="86" spans="1:12">
      <c r="A86" s="21" t="s">
        <v>232</v>
      </c>
      <c r="B86" s="21" t="s">
        <v>237</v>
      </c>
      <c r="C86" s="21" t="s">
        <v>264</v>
      </c>
      <c r="D86" s="21" t="s">
        <v>474</v>
      </c>
      <c r="E86" s="21" t="s">
        <v>599</v>
      </c>
      <c r="F86" s="16">
        <v>53564</v>
      </c>
      <c r="G86" s="16">
        <v>12578</v>
      </c>
      <c r="H86" s="16">
        <v>31555</v>
      </c>
      <c r="I86" s="16">
        <v>41508</v>
      </c>
      <c r="J86" s="16">
        <v>49904</v>
      </c>
      <c r="K86" s="16">
        <v>53564</v>
      </c>
      <c r="L86" s="16">
        <v>22504</v>
      </c>
    </row>
    <row r="87" spans="1:12">
      <c r="A87" s="21" t="s">
        <v>232</v>
      </c>
      <c r="B87" s="21" t="s">
        <v>237</v>
      </c>
      <c r="C87" s="21" t="s">
        <v>264</v>
      </c>
      <c r="D87" s="21" t="s">
        <v>474</v>
      </c>
      <c r="E87" s="21" t="s">
        <v>600</v>
      </c>
      <c r="F87" s="16">
        <v>2800</v>
      </c>
      <c r="G87" s="16">
        <v>274</v>
      </c>
      <c r="H87" s="16">
        <v>1261</v>
      </c>
      <c r="I87" s="16">
        <v>1917</v>
      </c>
      <c r="J87" s="16">
        <v>2492</v>
      </c>
      <c r="K87" s="16">
        <v>2800</v>
      </c>
      <c r="L87" s="22" t="s">
        <v>268</v>
      </c>
    </row>
    <row r="88" spans="1:12">
      <c r="A88" s="21" t="s">
        <v>232</v>
      </c>
      <c r="B88" s="21" t="s">
        <v>237</v>
      </c>
      <c r="C88" s="21" t="s">
        <v>264</v>
      </c>
      <c r="D88" s="21" t="s">
        <v>474</v>
      </c>
      <c r="E88" s="21" t="s">
        <v>601</v>
      </c>
      <c r="F88" s="16">
        <v>9511</v>
      </c>
      <c r="G88" s="16">
        <v>1353</v>
      </c>
      <c r="H88" s="16">
        <v>4577</v>
      </c>
      <c r="I88" s="16">
        <v>6648</v>
      </c>
      <c r="J88" s="16">
        <v>8499</v>
      </c>
      <c r="K88" s="16">
        <v>9511</v>
      </c>
      <c r="L88" s="16">
        <v>6405</v>
      </c>
    </row>
    <row r="89" spans="1:12">
      <c r="A89" s="21" t="s">
        <v>232</v>
      </c>
      <c r="B89" s="21" t="s">
        <v>237</v>
      </c>
      <c r="C89" s="21" t="s">
        <v>264</v>
      </c>
      <c r="D89" s="21" t="s">
        <v>474</v>
      </c>
      <c r="E89" s="21" t="s">
        <v>602</v>
      </c>
      <c r="F89" s="16">
        <v>188350</v>
      </c>
      <c r="G89" s="22" t="s">
        <v>268</v>
      </c>
      <c r="H89" s="22" t="s">
        <v>268</v>
      </c>
      <c r="I89" s="22" t="s">
        <v>268</v>
      </c>
      <c r="J89" s="22" t="s">
        <v>268</v>
      </c>
      <c r="K89" s="22" t="s">
        <v>268</v>
      </c>
      <c r="L89" s="22" t="s">
        <v>268</v>
      </c>
    </row>
    <row r="90" spans="1:12">
      <c r="A90" s="21" t="s">
        <v>232</v>
      </c>
      <c r="B90" s="21" t="s">
        <v>237</v>
      </c>
      <c r="C90" s="21" t="s">
        <v>264</v>
      </c>
      <c r="D90" s="21" t="s">
        <v>474</v>
      </c>
      <c r="E90" s="21" t="s">
        <v>603</v>
      </c>
      <c r="F90" s="16">
        <v>92410</v>
      </c>
      <c r="G90" s="22" t="s">
        <v>268</v>
      </c>
      <c r="H90" s="22" t="s">
        <v>268</v>
      </c>
      <c r="I90" s="22" t="s">
        <v>268</v>
      </c>
      <c r="J90" s="22" t="s">
        <v>268</v>
      </c>
      <c r="K90" s="22" t="s">
        <v>268</v>
      </c>
      <c r="L90" s="22" t="s">
        <v>268</v>
      </c>
    </row>
    <row r="91" spans="1:12">
      <c r="A91" s="21" t="s">
        <v>240</v>
      </c>
      <c r="B91" s="21" t="s">
        <v>237</v>
      </c>
      <c r="C91" s="21" t="s">
        <v>265</v>
      </c>
      <c r="D91" s="21" t="s">
        <v>474</v>
      </c>
      <c r="E91" s="21" t="s">
        <v>214</v>
      </c>
      <c r="F91" s="16">
        <v>117827</v>
      </c>
      <c r="G91" s="16">
        <v>17251</v>
      </c>
      <c r="H91" s="16">
        <v>30246</v>
      </c>
      <c r="I91" s="16">
        <v>36358</v>
      </c>
      <c r="J91" s="16">
        <v>41726</v>
      </c>
      <c r="K91" s="16">
        <v>44780</v>
      </c>
      <c r="L91" s="16">
        <v>21370</v>
      </c>
    </row>
    <row r="92" spans="1:12">
      <c r="A92" s="21" t="s">
        <v>240</v>
      </c>
      <c r="B92" s="21" t="s">
        <v>237</v>
      </c>
      <c r="C92" s="21" t="s">
        <v>265</v>
      </c>
      <c r="D92" s="21" t="s">
        <v>474</v>
      </c>
      <c r="E92" s="21" t="s">
        <v>564</v>
      </c>
      <c r="F92" s="16">
        <v>100725</v>
      </c>
      <c r="G92" s="16">
        <v>17081</v>
      </c>
      <c r="H92" s="16">
        <v>29991</v>
      </c>
      <c r="I92" s="16">
        <v>36063</v>
      </c>
      <c r="J92" s="16">
        <v>41378</v>
      </c>
      <c r="K92" s="16">
        <v>44315</v>
      </c>
      <c r="L92" s="16">
        <v>21083</v>
      </c>
    </row>
    <row r="93" spans="1:12">
      <c r="A93" s="21" t="s">
        <v>240</v>
      </c>
      <c r="B93" s="21" t="s">
        <v>237</v>
      </c>
      <c r="C93" s="21" t="s">
        <v>265</v>
      </c>
      <c r="D93" s="21" t="s">
        <v>240</v>
      </c>
      <c r="E93" s="21" t="s">
        <v>565</v>
      </c>
      <c r="F93" s="16">
        <v>72299</v>
      </c>
      <c r="G93" s="16">
        <v>11650</v>
      </c>
      <c r="H93" s="16">
        <v>19903</v>
      </c>
      <c r="I93" s="16">
        <v>23741</v>
      </c>
      <c r="J93" s="16">
        <v>27003</v>
      </c>
      <c r="K93" s="16">
        <v>28669</v>
      </c>
      <c r="L93" s="22" t="s">
        <v>268</v>
      </c>
    </row>
    <row r="94" spans="1:12">
      <c r="A94" s="21" t="s">
        <v>240</v>
      </c>
      <c r="B94" s="21" t="s">
        <v>237</v>
      </c>
      <c r="C94" s="21" t="s">
        <v>265</v>
      </c>
      <c r="D94" s="21" t="s">
        <v>476</v>
      </c>
      <c r="E94" s="21" t="s">
        <v>566</v>
      </c>
      <c r="F94" s="16">
        <v>20490</v>
      </c>
      <c r="G94" s="22" t="s">
        <v>268</v>
      </c>
      <c r="H94" s="22" t="s">
        <v>268</v>
      </c>
      <c r="I94" s="22" t="s">
        <v>268</v>
      </c>
      <c r="J94" s="22" t="s">
        <v>268</v>
      </c>
      <c r="K94" s="16">
        <v>6</v>
      </c>
      <c r="L94" s="22" t="s">
        <v>268</v>
      </c>
    </row>
    <row r="95" spans="1:12">
      <c r="A95" s="21" t="s">
        <v>240</v>
      </c>
      <c r="B95" s="21" t="s">
        <v>237</v>
      </c>
      <c r="C95" s="21" t="s">
        <v>265</v>
      </c>
      <c r="D95" s="21" t="s">
        <v>476</v>
      </c>
      <c r="E95" s="21" t="s">
        <v>567</v>
      </c>
      <c r="F95" s="16">
        <v>39510</v>
      </c>
      <c r="G95" s="16">
        <v>10876</v>
      </c>
      <c r="H95" s="16">
        <v>17812</v>
      </c>
      <c r="I95" s="16">
        <v>20881</v>
      </c>
      <c r="J95" s="16">
        <v>23392</v>
      </c>
      <c r="K95" s="16">
        <v>24678</v>
      </c>
      <c r="L95" s="22" t="s">
        <v>268</v>
      </c>
    </row>
    <row r="96" spans="1:12">
      <c r="A96" s="21" t="s">
        <v>240</v>
      </c>
      <c r="B96" s="21" t="s">
        <v>237</v>
      </c>
      <c r="C96" s="21" t="s">
        <v>265</v>
      </c>
      <c r="D96" s="21" t="s">
        <v>476</v>
      </c>
      <c r="E96" s="21" t="s">
        <v>568</v>
      </c>
      <c r="F96" s="16">
        <v>1736</v>
      </c>
      <c r="G96" s="16">
        <v>44</v>
      </c>
      <c r="H96" s="16">
        <v>123</v>
      </c>
      <c r="I96" s="16">
        <v>207</v>
      </c>
      <c r="J96" s="16">
        <v>315</v>
      </c>
      <c r="K96" s="16">
        <v>350</v>
      </c>
      <c r="L96" s="22" t="s">
        <v>268</v>
      </c>
    </row>
    <row r="97" spans="1:12">
      <c r="A97" s="21" t="s">
        <v>240</v>
      </c>
      <c r="B97" s="21" t="s">
        <v>237</v>
      </c>
      <c r="C97" s="21" t="s">
        <v>265</v>
      </c>
      <c r="D97" s="21" t="s">
        <v>476</v>
      </c>
      <c r="E97" s="21" t="s">
        <v>569</v>
      </c>
      <c r="F97" s="16">
        <v>10563</v>
      </c>
      <c r="G97" s="16">
        <v>730</v>
      </c>
      <c r="H97" s="16">
        <v>1968</v>
      </c>
      <c r="I97" s="16">
        <v>2653</v>
      </c>
      <c r="J97" s="16">
        <v>3296</v>
      </c>
      <c r="K97" s="16">
        <v>3635</v>
      </c>
      <c r="L97" s="22" t="s">
        <v>268</v>
      </c>
    </row>
    <row r="98" spans="1:12">
      <c r="A98" s="21" t="s">
        <v>240</v>
      </c>
      <c r="B98" s="21" t="s">
        <v>237</v>
      </c>
      <c r="C98" s="21" t="s">
        <v>265</v>
      </c>
      <c r="D98" s="21" t="s">
        <v>240</v>
      </c>
      <c r="E98" s="21" t="s">
        <v>570</v>
      </c>
      <c r="F98" s="16">
        <v>28426</v>
      </c>
      <c r="G98" s="16">
        <v>5431</v>
      </c>
      <c r="H98" s="16">
        <v>10088</v>
      </c>
      <c r="I98" s="16">
        <v>12322</v>
      </c>
      <c r="J98" s="16">
        <v>14375</v>
      </c>
      <c r="K98" s="16">
        <v>15646</v>
      </c>
      <c r="L98" s="16">
        <v>21083</v>
      </c>
    </row>
    <row r="99" spans="1:12">
      <c r="A99" s="21" t="s">
        <v>240</v>
      </c>
      <c r="B99" s="21" t="s">
        <v>237</v>
      </c>
      <c r="C99" s="21" t="s">
        <v>265</v>
      </c>
      <c r="D99" s="21" t="s">
        <v>476</v>
      </c>
      <c r="E99" s="21" t="s">
        <v>571</v>
      </c>
      <c r="F99" s="16">
        <v>1500</v>
      </c>
      <c r="G99" s="22" t="s">
        <v>268</v>
      </c>
      <c r="H99" s="22" t="s">
        <v>268</v>
      </c>
      <c r="I99" s="22" t="s">
        <v>268</v>
      </c>
      <c r="J99" s="22" t="s">
        <v>268</v>
      </c>
      <c r="K99" s="22" t="s">
        <v>268</v>
      </c>
      <c r="L99" s="22" t="s">
        <v>268</v>
      </c>
    </row>
    <row r="100" spans="1:12">
      <c r="A100" s="21" t="s">
        <v>240</v>
      </c>
      <c r="B100" s="21" t="s">
        <v>237</v>
      </c>
      <c r="C100" s="21" t="s">
        <v>265</v>
      </c>
      <c r="D100" s="21" t="s">
        <v>572</v>
      </c>
      <c r="E100" s="21" t="s">
        <v>573</v>
      </c>
      <c r="F100" s="16">
        <v>1248</v>
      </c>
      <c r="G100" s="22" t="s">
        <v>268</v>
      </c>
      <c r="H100" s="22" t="s">
        <v>268</v>
      </c>
      <c r="I100" s="22" t="s">
        <v>268</v>
      </c>
      <c r="J100" s="22" t="s">
        <v>268</v>
      </c>
      <c r="K100" s="22" t="s">
        <v>268</v>
      </c>
      <c r="L100" s="22" t="s">
        <v>268</v>
      </c>
    </row>
    <row r="101" spans="1:12">
      <c r="A101" s="21" t="s">
        <v>240</v>
      </c>
      <c r="B101" s="21" t="s">
        <v>237</v>
      </c>
      <c r="C101" s="21" t="s">
        <v>265</v>
      </c>
      <c r="D101" s="21" t="s">
        <v>572</v>
      </c>
      <c r="E101" s="21" t="s">
        <v>574</v>
      </c>
      <c r="F101" s="16">
        <v>252</v>
      </c>
      <c r="G101" s="22" t="s">
        <v>268</v>
      </c>
      <c r="H101" s="22" t="s">
        <v>268</v>
      </c>
      <c r="I101" s="22" t="s">
        <v>268</v>
      </c>
      <c r="J101" s="22" t="s">
        <v>268</v>
      </c>
      <c r="K101" s="22" t="s">
        <v>268</v>
      </c>
      <c r="L101" s="22" t="s">
        <v>268</v>
      </c>
    </row>
    <row r="102" spans="1:12">
      <c r="A102" s="21" t="s">
        <v>240</v>
      </c>
      <c r="B102" s="21" t="s">
        <v>237</v>
      </c>
      <c r="C102" s="21" t="s">
        <v>265</v>
      </c>
      <c r="D102" s="21" t="s">
        <v>476</v>
      </c>
      <c r="E102" s="21" t="s">
        <v>575</v>
      </c>
      <c r="F102" s="16">
        <v>3135</v>
      </c>
      <c r="G102" s="22" t="s">
        <v>268</v>
      </c>
      <c r="H102" s="22" t="s">
        <v>268</v>
      </c>
      <c r="I102" s="22" t="s">
        <v>268</v>
      </c>
      <c r="J102" s="22" t="s">
        <v>268</v>
      </c>
      <c r="K102" s="22" t="s">
        <v>268</v>
      </c>
      <c r="L102" s="22" t="s">
        <v>268</v>
      </c>
    </row>
    <row r="103" spans="1:12">
      <c r="A103" s="21" t="s">
        <v>240</v>
      </c>
      <c r="B103" s="21" t="s">
        <v>237</v>
      </c>
      <c r="C103" s="21" t="s">
        <v>265</v>
      </c>
      <c r="D103" s="21" t="s">
        <v>572</v>
      </c>
      <c r="E103" s="21" t="s">
        <v>576</v>
      </c>
      <c r="F103" s="16">
        <v>2517</v>
      </c>
      <c r="G103" s="22" t="s">
        <v>268</v>
      </c>
      <c r="H103" s="22" t="s">
        <v>268</v>
      </c>
      <c r="I103" s="22" t="s">
        <v>268</v>
      </c>
      <c r="J103" s="22" t="s">
        <v>268</v>
      </c>
      <c r="K103" s="22" t="s">
        <v>268</v>
      </c>
      <c r="L103" s="22" t="s">
        <v>268</v>
      </c>
    </row>
    <row r="104" spans="1:12">
      <c r="A104" s="21" t="s">
        <v>240</v>
      </c>
      <c r="B104" s="21" t="s">
        <v>237</v>
      </c>
      <c r="C104" s="21" t="s">
        <v>265</v>
      </c>
      <c r="D104" s="21" t="s">
        <v>572</v>
      </c>
      <c r="E104" s="21" t="s">
        <v>577</v>
      </c>
      <c r="F104" s="16">
        <v>618</v>
      </c>
      <c r="G104" s="22" t="s">
        <v>268</v>
      </c>
      <c r="H104" s="22" t="s">
        <v>268</v>
      </c>
      <c r="I104" s="22" t="s">
        <v>268</v>
      </c>
      <c r="J104" s="22" t="s">
        <v>268</v>
      </c>
      <c r="K104" s="22" t="s">
        <v>268</v>
      </c>
      <c r="L104" s="22" t="s">
        <v>268</v>
      </c>
    </row>
    <row r="105" spans="1:12">
      <c r="A105" s="21" t="s">
        <v>240</v>
      </c>
      <c r="B105" s="21" t="s">
        <v>237</v>
      </c>
      <c r="C105" s="21" t="s">
        <v>265</v>
      </c>
      <c r="D105" s="21" t="s">
        <v>476</v>
      </c>
      <c r="E105" s="21" t="s">
        <v>578</v>
      </c>
      <c r="F105" s="16">
        <v>5863</v>
      </c>
      <c r="G105" s="16">
        <v>1452</v>
      </c>
      <c r="H105" s="16">
        <v>2951</v>
      </c>
      <c r="I105" s="16">
        <v>3669</v>
      </c>
      <c r="J105" s="16">
        <v>4245</v>
      </c>
      <c r="K105" s="16">
        <v>4566</v>
      </c>
      <c r="L105" s="16">
        <v>5863</v>
      </c>
    </row>
    <row r="106" spans="1:12">
      <c r="A106" s="21" t="s">
        <v>240</v>
      </c>
      <c r="B106" s="21" t="s">
        <v>237</v>
      </c>
      <c r="C106" s="21" t="s">
        <v>265</v>
      </c>
      <c r="D106" s="21" t="s">
        <v>572</v>
      </c>
      <c r="E106" s="21" t="s">
        <v>579</v>
      </c>
      <c r="F106" s="16">
        <v>4918</v>
      </c>
      <c r="G106" s="16">
        <v>1113</v>
      </c>
      <c r="H106" s="16">
        <v>2357</v>
      </c>
      <c r="I106" s="16">
        <v>2963</v>
      </c>
      <c r="J106" s="16">
        <v>3494</v>
      </c>
      <c r="K106" s="16">
        <v>3759</v>
      </c>
      <c r="L106" s="16">
        <v>4918</v>
      </c>
    </row>
    <row r="107" spans="1:12">
      <c r="A107" s="21" t="s">
        <v>240</v>
      </c>
      <c r="B107" s="21" t="s">
        <v>237</v>
      </c>
      <c r="C107" s="21" t="s">
        <v>265</v>
      </c>
      <c r="D107" s="21" t="s">
        <v>572</v>
      </c>
      <c r="E107" s="21" t="s">
        <v>580</v>
      </c>
      <c r="F107" s="16">
        <v>945</v>
      </c>
      <c r="G107" s="16">
        <v>339</v>
      </c>
      <c r="H107" s="16">
        <v>594</v>
      </c>
      <c r="I107" s="16">
        <v>706</v>
      </c>
      <c r="J107" s="16">
        <v>751</v>
      </c>
      <c r="K107" s="16">
        <v>807</v>
      </c>
      <c r="L107" s="16">
        <v>945</v>
      </c>
    </row>
    <row r="108" spans="1:12">
      <c r="A108" s="21" t="s">
        <v>240</v>
      </c>
      <c r="B108" s="21" t="s">
        <v>237</v>
      </c>
      <c r="C108" s="21" t="s">
        <v>265</v>
      </c>
      <c r="D108" s="21" t="s">
        <v>476</v>
      </c>
      <c r="E108" s="21" t="s">
        <v>581</v>
      </c>
      <c r="F108" s="16">
        <v>6071</v>
      </c>
      <c r="G108" s="16">
        <v>807</v>
      </c>
      <c r="H108" s="16">
        <v>1826</v>
      </c>
      <c r="I108" s="16">
        <v>2326</v>
      </c>
      <c r="J108" s="16">
        <v>2848</v>
      </c>
      <c r="K108" s="16">
        <v>3221</v>
      </c>
      <c r="L108" s="16">
        <v>6071</v>
      </c>
    </row>
    <row r="109" spans="1:12">
      <c r="A109" s="21" t="s">
        <v>240</v>
      </c>
      <c r="B109" s="21" t="s">
        <v>237</v>
      </c>
      <c r="C109" s="21" t="s">
        <v>265</v>
      </c>
      <c r="D109" s="21" t="s">
        <v>572</v>
      </c>
      <c r="E109" s="21" t="s">
        <v>582</v>
      </c>
      <c r="F109" s="16">
        <v>4774</v>
      </c>
      <c r="G109" s="16">
        <v>546</v>
      </c>
      <c r="H109" s="16">
        <v>1255</v>
      </c>
      <c r="I109" s="16">
        <v>1660</v>
      </c>
      <c r="J109" s="16">
        <v>2088</v>
      </c>
      <c r="K109" s="16">
        <v>2390</v>
      </c>
      <c r="L109" s="16">
        <v>4774</v>
      </c>
    </row>
    <row r="110" spans="1:12">
      <c r="A110" s="21" t="s">
        <v>240</v>
      </c>
      <c r="B110" s="21" t="s">
        <v>237</v>
      </c>
      <c r="C110" s="21" t="s">
        <v>265</v>
      </c>
      <c r="D110" s="21" t="s">
        <v>572</v>
      </c>
      <c r="E110" s="21" t="s">
        <v>583</v>
      </c>
      <c r="F110" s="16">
        <v>1291</v>
      </c>
      <c r="G110" s="16">
        <v>261</v>
      </c>
      <c r="H110" s="16">
        <v>571</v>
      </c>
      <c r="I110" s="16">
        <v>666</v>
      </c>
      <c r="J110" s="16">
        <v>760</v>
      </c>
      <c r="K110" s="16">
        <v>831</v>
      </c>
      <c r="L110" s="16">
        <v>1291</v>
      </c>
    </row>
    <row r="111" spans="1:12">
      <c r="A111" s="21" t="s">
        <v>240</v>
      </c>
      <c r="B111" s="21" t="s">
        <v>237</v>
      </c>
      <c r="C111" s="21" t="s">
        <v>265</v>
      </c>
      <c r="D111" s="21" t="s">
        <v>476</v>
      </c>
      <c r="E111" s="21" t="s">
        <v>584</v>
      </c>
      <c r="F111" s="16">
        <v>637</v>
      </c>
      <c r="G111" s="16">
        <v>74</v>
      </c>
      <c r="H111" s="16">
        <v>118</v>
      </c>
      <c r="I111" s="16">
        <v>162</v>
      </c>
      <c r="J111" s="16">
        <v>190</v>
      </c>
      <c r="K111" s="16">
        <v>223</v>
      </c>
      <c r="L111" s="16">
        <v>7</v>
      </c>
    </row>
    <row r="112" spans="1:12">
      <c r="A112" s="21" t="s">
        <v>240</v>
      </c>
      <c r="B112" s="21" t="s">
        <v>237</v>
      </c>
      <c r="C112" s="21" t="s">
        <v>265</v>
      </c>
      <c r="D112" s="21" t="s">
        <v>476</v>
      </c>
      <c r="E112" s="21" t="s">
        <v>585</v>
      </c>
      <c r="F112" s="16">
        <v>3001</v>
      </c>
      <c r="G112" s="16">
        <v>629</v>
      </c>
      <c r="H112" s="16">
        <v>1324</v>
      </c>
      <c r="I112" s="16">
        <v>1691</v>
      </c>
      <c r="J112" s="16">
        <v>2085</v>
      </c>
      <c r="K112" s="16">
        <v>2304</v>
      </c>
      <c r="L112" s="16">
        <v>2641</v>
      </c>
    </row>
    <row r="113" spans="1:12">
      <c r="A113" s="21" t="s">
        <v>240</v>
      </c>
      <c r="B113" s="21" t="s">
        <v>237</v>
      </c>
      <c r="C113" s="21" t="s">
        <v>265</v>
      </c>
      <c r="D113" s="21" t="s">
        <v>476</v>
      </c>
      <c r="E113" s="21" t="s">
        <v>586</v>
      </c>
      <c r="F113" s="16">
        <v>1321</v>
      </c>
      <c r="G113" s="16">
        <v>590</v>
      </c>
      <c r="H113" s="16">
        <v>745</v>
      </c>
      <c r="I113" s="16">
        <v>801</v>
      </c>
      <c r="J113" s="16">
        <v>839</v>
      </c>
      <c r="K113" s="16">
        <v>847</v>
      </c>
      <c r="L113" s="16">
        <v>957</v>
      </c>
    </row>
    <row r="114" spans="1:12">
      <c r="A114" s="21" t="s">
        <v>240</v>
      </c>
      <c r="B114" s="21" t="s">
        <v>237</v>
      </c>
      <c r="C114" s="21" t="s">
        <v>265</v>
      </c>
      <c r="D114" s="21" t="s">
        <v>572</v>
      </c>
      <c r="E114" s="21" t="s">
        <v>587</v>
      </c>
      <c r="F114" s="16">
        <v>329</v>
      </c>
      <c r="G114" s="22" t="s">
        <v>268</v>
      </c>
      <c r="H114" s="16">
        <v>5</v>
      </c>
      <c r="I114" s="16">
        <v>5</v>
      </c>
      <c r="J114" s="16">
        <v>14</v>
      </c>
      <c r="K114" s="16">
        <v>14</v>
      </c>
      <c r="L114" s="16">
        <v>72</v>
      </c>
    </row>
    <row r="115" spans="1:12">
      <c r="A115" s="21" t="s">
        <v>240</v>
      </c>
      <c r="B115" s="21" t="s">
        <v>237</v>
      </c>
      <c r="C115" s="21" t="s">
        <v>265</v>
      </c>
      <c r="D115" s="21" t="s">
        <v>572</v>
      </c>
      <c r="E115" s="21" t="s">
        <v>588</v>
      </c>
      <c r="F115" s="16">
        <v>105</v>
      </c>
      <c r="G115" s="16">
        <v>6</v>
      </c>
      <c r="H115" s="16">
        <v>6</v>
      </c>
      <c r="I115" s="16">
        <v>17</v>
      </c>
      <c r="J115" s="16">
        <v>17</v>
      </c>
      <c r="K115" s="16">
        <v>17</v>
      </c>
      <c r="L115" s="16">
        <v>10</v>
      </c>
    </row>
    <row r="116" spans="1:12">
      <c r="A116" s="21" t="s">
        <v>240</v>
      </c>
      <c r="B116" s="21" t="s">
        <v>237</v>
      </c>
      <c r="C116" s="21" t="s">
        <v>265</v>
      </c>
      <c r="D116" s="21" t="s">
        <v>476</v>
      </c>
      <c r="E116" s="21" t="s">
        <v>589</v>
      </c>
      <c r="F116" s="16">
        <v>3271</v>
      </c>
      <c r="G116" s="16">
        <v>1572</v>
      </c>
      <c r="H116" s="16">
        <v>2366</v>
      </c>
      <c r="I116" s="16">
        <v>2666</v>
      </c>
      <c r="J116" s="16">
        <v>2890</v>
      </c>
      <c r="K116" s="16">
        <v>3006</v>
      </c>
      <c r="L116" s="16">
        <v>3271</v>
      </c>
    </row>
    <row r="117" spans="1:12">
      <c r="A117" s="21" t="s">
        <v>240</v>
      </c>
      <c r="B117" s="21" t="s">
        <v>237</v>
      </c>
      <c r="C117" s="21" t="s">
        <v>265</v>
      </c>
      <c r="D117" s="21" t="s">
        <v>572</v>
      </c>
      <c r="E117" s="21" t="s">
        <v>590</v>
      </c>
      <c r="F117" s="16">
        <v>2632</v>
      </c>
      <c r="G117" s="16">
        <v>1225</v>
      </c>
      <c r="H117" s="16">
        <v>1880</v>
      </c>
      <c r="I117" s="16">
        <v>2139</v>
      </c>
      <c r="J117" s="16">
        <v>2321</v>
      </c>
      <c r="K117" s="16">
        <v>2413</v>
      </c>
      <c r="L117" s="16">
        <v>2632</v>
      </c>
    </row>
    <row r="118" spans="1:12">
      <c r="A118" s="21" t="s">
        <v>240</v>
      </c>
      <c r="B118" s="21" t="s">
        <v>237</v>
      </c>
      <c r="C118" s="21" t="s">
        <v>265</v>
      </c>
      <c r="D118" s="21" t="s">
        <v>572</v>
      </c>
      <c r="E118" s="21" t="s">
        <v>591</v>
      </c>
      <c r="F118" s="16">
        <v>615</v>
      </c>
      <c r="G118" s="16">
        <v>347</v>
      </c>
      <c r="H118" s="16">
        <v>486</v>
      </c>
      <c r="I118" s="16">
        <v>520</v>
      </c>
      <c r="J118" s="16">
        <v>562</v>
      </c>
      <c r="K118" s="16">
        <v>586</v>
      </c>
      <c r="L118" s="16">
        <v>615</v>
      </c>
    </row>
    <row r="119" spans="1:12">
      <c r="A119" s="21" t="s">
        <v>240</v>
      </c>
      <c r="B119" s="21" t="s">
        <v>237</v>
      </c>
      <c r="C119" s="21" t="s">
        <v>265</v>
      </c>
      <c r="D119" s="21" t="s">
        <v>476</v>
      </c>
      <c r="E119" s="21" t="s">
        <v>592</v>
      </c>
      <c r="F119" s="16">
        <v>786</v>
      </c>
      <c r="G119" s="22" t="s">
        <v>268</v>
      </c>
      <c r="H119" s="22" t="s">
        <v>268</v>
      </c>
      <c r="I119" s="16">
        <v>2</v>
      </c>
      <c r="J119" s="16">
        <v>6</v>
      </c>
      <c r="K119" s="16">
        <v>12</v>
      </c>
      <c r="L119" s="22" t="s">
        <v>268</v>
      </c>
    </row>
    <row r="120" spans="1:12">
      <c r="A120" s="21" t="s">
        <v>240</v>
      </c>
      <c r="B120" s="21" t="s">
        <v>237</v>
      </c>
      <c r="C120" s="21" t="s">
        <v>265</v>
      </c>
      <c r="D120" s="21" t="s">
        <v>476</v>
      </c>
      <c r="E120" s="21" t="s">
        <v>593</v>
      </c>
      <c r="F120" s="16">
        <v>2841</v>
      </c>
      <c r="G120" s="16">
        <v>307</v>
      </c>
      <c r="H120" s="16">
        <v>758</v>
      </c>
      <c r="I120" s="16">
        <v>1005</v>
      </c>
      <c r="J120" s="16">
        <v>1272</v>
      </c>
      <c r="K120" s="16">
        <v>1467</v>
      </c>
      <c r="L120" s="16">
        <v>2273</v>
      </c>
    </row>
    <row r="121" spans="1:12">
      <c r="A121" s="21" t="s">
        <v>240</v>
      </c>
      <c r="B121" s="21" t="s">
        <v>237</v>
      </c>
      <c r="C121" s="21" t="s">
        <v>265</v>
      </c>
      <c r="D121" s="21" t="s">
        <v>474</v>
      </c>
      <c r="E121" s="21" t="s">
        <v>594</v>
      </c>
      <c r="F121" s="16">
        <v>1117</v>
      </c>
      <c r="G121" s="16">
        <v>170</v>
      </c>
      <c r="H121" s="16">
        <v>255</v>
      </c>
      <c r="I121" s="16">
        <v>295</v>
      </c>
      <c r="J121" s="16">
        <v>347</v>
      </c>
      <c r="K121" s="16">
        <v>361</v>
      </c>
      <c r="L121" s="16">
        <v>287</v>
      </c>
    </row>
    <row r="122" spans="1:12">
      <c r="A122" s="21" t="s">
        <v>240</v>
      </c>
      <c r="B122" s="21" t="s">
        <v>237</v>
      </c>
      <c r="C122" s="21" t="s">
        <v>265</v>
      </c>
      <c r="D122" s="21" t="s">
        <v>474</v>
      </c>
      <c r="E122" s="21" t="s">
        <v>595</v>
      </c>
      <c r="F122" s="16">
        <v>15791</v>
      </c>
      <c r="G122" s="22" t="s">
        <v>268</v>
      </c>
      <c r="H122" s="22" t="s">
        <v>268</v>
      </c>
      <c r="I122" s="22" t="s">
        <v>268</v>
      </c>
      <c r="J122" s="16">
        <v>1</v>
      </c>
      <c r="K122" s="16">
        <v>104</v>
      </c>
      <c r="L122" s="22" t="s">
        <v>268</v>
      </c>
    </row>
    <row r="123" spans="1:12">
      <c r="A123" s="21" t="s">
        <v>240</v>
      </c>
      <c r="B123" s="21" t="s">
        <v>237</v>
      </c>
      <c r="C123" s="21" t="s">
        <v>265</v>
      </c>
      <c r="D123" s="21" t="s">
        <v>474</v>
      </c>
      <c r="E123" s="21" t="s">
        <v>596</v>
      </c>
      <c r="F123" s="16">
        <v>194</v>
      </c>
      <c r="G123" s="22" t="s">
        <v>268</v>
      </c>
      <c r="H123" s="22" t="s">
        <v>268</v>
      </c>
      <c r="I123" s="22" t="s">
        <v>268</v>
      </c>
      <c r="J123" s="22" t="s">
        <v>268</v>
      </c>
      <c r="K123" s="22" t="s">
        <v>268</v>
      </c>
      <c r="L123" s="22" t="s">
        <v>268</v>
      </c>
    </row>
    <row r="124" spans="1:12">
      <c r="A124" s="21" t="s">
        <v>240</v>
      </c>
      <c r="B124" s="21" t="s">
        <v>237</v>
      </c>
      <c r="C124" s="21" t="s">
        <v>265</v>
      </c>
      <c r="D124" s="21" t="s">
        <v>474</v>
      </c>
      <c r="E124" s="21" t="s">
        <v>597</v>
      </c>
      <c r="F124" s="16">
        <v>21370</v>
      </c>
      <c r="G124" s="16">
        <v>5389</v>
      </c>
      <c r="H124" s="16">
        <v>10006</v>
      </c>
      <c r="I124" s="16">
        <v>12144</v>
      </c>
      <c r="J124" s="16">
        <v>14131</v>
      </c>
      <c r="K124" s="16">
        <v>15328</v>
      </c>
      <c r="L124" s="16">
        <v>21370</v>
      </c>
    </row>
    <row r="125" spans="1:12">
      <c r="A125" s="21" t="s">
        <v>240</v>
      </c>
      <c r="B125" s="21" t="s">
        <v>237</v>
      </c>
      <c r="C125" s="21" t="s">
        <v>265</v>
      </c>
      <c r="D125" s="21" t="s">
        <v>474</v>
      </c>
      <c r="E125" s="21" t="s">
        <v>598</v>
      </c>
      <c r="F125" s="16">
        <v>2309</v>
      </c>
      <c r="G125" s="16">
        <v>493</v>
      </c>
      <c r="H125" s="16">
        <v>1332</v>
      </c>
      <c r="I125" s="16">
        <v>1808</v>
      </c>
      <c r="J125" s="16">
        <v>2162</v>
      </c>
      <c r="K125" s="16">
        <v>2309</v>
      </c>
      <c r="L125" s="22" t="s">
        <v>268</v>
      </c>
    </row>
    <row r="126" spans="1:12">
      <c r="A126" s="21" t="s">
        <v>240</v>
      </c>
      <c r="B126" s="21" t="s">
        <v>237</v>
      </c>
      <c r="C126" s="21" t="s">
        <v>265</v>
      </c>
      <c r="D126" s="21" t="s">
        <v>474</v>
      </c>
      <c r="E126" s="21" t="s">
        <v>599</v>
      </c>
      <c r="F126" s="16">
        <v>4475</v>
      </c>
      <c r="G126" s="16">
        <v>1000</v>
      </c>
      <c r="H126" s="16">
        <v>2643</v>
      </c>
      <c r="I126" s="16">
        <v>3445</v>
      </c>
      <c r="J126" s="16">
        <v>4196</v>
      </c>
      <c r="K126" s="16">
        <v>4475</v>
      </c>
      <c r="L126" s="16">
        <v>2125</v>
      </c>
    </row>
    <row r="127" spans="1:12">
      <c r="A127" s="21" t="s">
        <v>240</v>
      </c>
      <c r="B127" s="21" t="s">
        <v>237</v>
      </c>
      <c r="C127" s="21" t="s">
        <v>265</v>
      </c>
      <c r="D127" s="21" t="s">
        <v>474</v>
      </c>
      <c r="E127" s="21" t="s">
        <v>600</v>
      </c>
      <c r="F127" s="16">
        <v>214</v>
      </c>
      <c r="G127" s="16">
        <v>29</v>
      </c>
      <c r="H127" s="16">
        <v>88</v>
      </c>
      <c r="I127" s="16">
        <v>139</v>
      </c>
      <c r="J127" s="16">
        <v>202</v>
      </c>
      <c r="K127" s="16">
        <v>214</v>
      </c>
      <c r="L127" s="22" t="s">
        <v>268</v>
      </c>
    </row>
    <row r="128" spans="1:12">
      <c r="A128" s="21" t="s">
        <v>240</v>
      </c>
      <c r="B128" s="21" t="s">
        <v>237</v>
      </c>
      <c r="C128" s="21" t="s">
        <v>265</v>
      </c>
      <c r="D128" s="21" t="s">
        <v>474</v>
      </c>
      <c r="E128" s="21" t="s">
        <v>601</v>
      </c>
      <c r="F128" s="16">
        <v>813</v>
      </c>
      <c r="G128" s="16">
        <v>102</v>
      </c>
      <c r="H128" s="16">
        <v>349</v>
      </c>
      <c r="I128" s="16">
        <v>541</v>
      </c>
      <c r="J128" s="16">
        <v>698</v>
      </c>
      <c r="K128" s="16">
        <v>813</v>
      </c>
      <c r="L128" s="16">
        <v>569</v>
      </c>
    </row>
    <row r="129" spans="1:12">
      <c r="A129" s="21" t="s">
        <v>240</v>
      </c>
      <c r="B129" s="21" t="s">
        <v>237</v>
      </c>
      <c r="C129" s="21" t="s">
        <v>265</v>
      </c>
      <c r="D129" s="21" t="s">
        <v>474</v>
      </c>
      <c r="E129" s="21" t="s">
        <v>602</v>
      </c>
      <c r="F129" s="16">
        <v>13476</v>
      </c>
      <c r="G129" s="22" t="s">
        <v>268</v>
      </c>
      <c r="H129" s="22" t="s">
        <v>268</v>
      </c>
      <c r="I129" s="22" t="s">
        <v>268</v>
      </c>
      <c r="J129" s="22" t="s">
        <v>268</v>
      </c>
      <c r="K129" s="22" t="s">
        <v>268</v>
      </c>
      <c r="L129" s="22" t="s">
        <v>268</v>
      </c>
    </row>
    <row r="130" spans="1:12">
      <c r="A130" s="21" t="s">
        <v>240</v>
      </c>
      <c r="B130" s="21" t="s">
        <v>237</v>
      </c>
      <c r="C130" s="21" t="s">
        <v>265</v>
      </c>
      <c r="D130" s="21" t="s">
        <v>474</v>
      </c>
      <c r="E130" s="21" t="s">
        <v>603</v>
      </c>
      <c r="F130" s="16">
        <v>6739</v>
      </c>
      <c r="G130" s="22" t="s">
        <v>268</v>
      </c>
      <c r="H130" s="22" t="s">
        <v>268</v>
      </c>
      <c r="I130" s="22" t="s">
        <v>268</v>
      </c>
      <c r="J130" s="22" t="s">
        <v>268</v>
      </c>
      <c r="K130" s="22" t="s">
        <v>268</v>
      </c>
      <c r="L13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3" orientation="portrait" r:id="rId1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4EFD65-E62B-4914-913B-47428B2B3F61}">
  <sheetPr>
    <pageSetUpPr fitToPage="1"/>
  </sheetPr>
  <dimension ref="A1:K130"/>
  <sheetViews>
    <sheetView zoomScaleNormal="100" workbookViewId="0">
      <pane xSplit="5" ySplit="10" topLeftCell="F11" activePane="bottomRight" state="frozen"/>
      <selection pane="topRight" activeCell="T1" sqref="T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2.375" style="20" bestFit="1" customWidth="1"/>
    <col min="5" max="5" width="52" style="20" bestFit="1" customWidth="1"/>
    <col min="6" max="16384" width="12.625" style="20"/>
  </cols>
  <sheetData>
    <row r="1" spans="1:11" s="11" customFormat="1">
      <c r="A1" s="11" t="s">
        <v>192</v>
      </c>
    </row>
    <row r="2" spans="1:11" s="11" customFormat="1">
      <c r="A2" s="11" t="s">
        <v>606</v>
      </c>
    </row>
    <row r="3" spans="1:11" s="11" customFormat="1"/>
    <row r="4" spans="1:11" s="11" customFormat="1" outlineLevel="1">
      <c r="A4" s="11" t="s">
        <v>556</v>
      </c>
    </row>
    <row r="5" spans="1:11" s="11" customFormat="1"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</row>
    <row r="6" spans="1:11" s="11" customFormat="1">
      <c r="F6" s="12" t="s">
        <v>552</v>
      </c>
      <c r="G6" s="12" t="s">
        <v>552</v>
      </c>
      <c r="H6" s="12" t="s">
        <v>552</v>
      </c>
      <c r="I6" s="12" t="s">
        <v>552</v>
      </c>
      <c r="J6" s="12" t="s">
        <v>552</v>
      </c>
      <c r="K6" s="12" t="s">
        <v>552</v>
      </c>
    </row>
    <row r="7" spans="1:11" s="11" customFormat="1"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</row>
    <row r="8" spans="1:11" s="11" customFormat="1" ht="24">
      <c r="F8" s="12" t="s">
        <v>214</v>
      </c>
      <c r="G8" s="12" t="s">
        <v>553</v>
      </c>
      <c r="H8" s="12" t="s">
        <v>607</v>
      </c>
      <c r="I8" s="12" t="s">
        <v>608</v>
      </c>
      <c r="J8" s="12" t="s">
        <v>609</v>
      </c>
      <c r="K8" s="12" t="s">
        <v>610</v>
      </c>
    </row>
    <row r="9" spans="1:11" s="11" customFormat="1"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</row>
    <row r="10" spans="1:11" s="11" customFormat="1">
      <c r="A10" s="14" t="s">
        <v>224</v>
      </c>
      <c r="B10" s="14" t="s">
        <v>259</v>
      </c>
      <c r="C10" s="14" t="s">
        <v>230</v>
      </c>
      <c r="D10" s="14" t="s">
        <v>562</v>
      </c>
      <c r="E10" s="14" t="s">
        <v>563</v>
      </c>
      <c r="F10" s="14" t="s">
        <v>231</v>
      </c>
      <c r="G10" s="14"/>
      <c r="H10" s="14"/>
      <c r="I10" s="14"/>
      <c r="J10" s="14"/>
      <c r="K10" s="14"/>
    </row>
    <row r="11" spans="1:11">
      <c r="A11" s="15" t="s">
        <v>232</v>
      </c>
      <c r="B11" s="15" t="s">
        <v>233</v>
      </c>
      <c r="C11" s="15" t="s">
        <v>262</v>
      </c>
      <c r="D11" s="15" t="s">
        <v>474</v>
      </c>
      <c r="E11" s="15" t="s">
        <v>214</v>
      </c>
      <c r="F11" s="16">
        <v>123162995</v>
      </c>
      <c r="G11" s="16">
        <v>5507693</v>
      </c>
      <c r="H11" s="16">
        <v>11706312</v>
      </c>
      <c r="I11" s="16">
        <v>14919926</v>
      </c>
      <c r="J11" s="16">
        <v>18155230</v>
      </c>
      <c r="K11" s="16">
        <v>20388020</v>
      </c>
    </row>
    <row r="12" spans="1:11">
      <c r="A12" s="21" t="s">
        <v>232</v>
      </c>
      <c r="B12" s="21" t="s">
        <v>233</v>
      </c>
      <c r="C12" s="21" t="s">
        <v>262</v>
      </c>
      <c r="D12" s="21" t="s">
        <v>474</v>
      </c>
      <c r="E12" s="21" t="s">
        <v>564</v>
      </c>
      <c r="F12" s="16">
        <v>100310243</v>
      </c>
      <c r="G12" s="16">
        <v>5487439</v>
      </c>
      <c r="H12" s="16">
        <v>11661960</v>
      </c>
      <c r="I12" s="16">
        <v>14860844</v>
      </c>
      <c r="J12" s="16">
        <v>18072042</v>
      </c>
      <c r="K12" s="16">
        <v>20009459</v>
      </c>
    </row>
    <row r="13" spans="1:11">
      <c r="A13" s="21" t="s">
        <v>232</v>
      </c>
      <c r="B13" s="21" t="s">
        <v>233</v>
      </c>
      <c r="C13" s="21" t="s">
        <v>262</v>
      </c>
      <c r="D13" s="21" t="s">
        <v>240</v>
      </c>
      <c r="E13" s="21" t="s">
        <v>565</v>
      </c>
      <c r="F13" s="16">
        <v>84632638</v>
      </c>
      <c r="G13" s="16">
        <v>4925606</v>
      </c>
      <c r="H13" s="16">
        <v>10342852</v>
      </c>
      <c r="I13" s="16">
        <v>13094583</v>
      </c>
      <c r="J13" s="16">
        <v>15812918</v>
      </c>
      <c r="K13" s="16">
        <v>17429695</v>
      </c>
    </row>
    <row r="14" spans="1:11">
      <c r="A14" s="21" t="s">
        <v>232</v>
      </c>
      <c r="B14" s="21" t="s">
        <v>233</v>
      </c>
      <c r="C14" s="21" t="s">
        <v>262</v>
      </c>
      <c r="D14" s="21" t="s">
        <v>476</v>
      </c>
      <c r="E14" s="21" t="s">
        <v>566</v>
      </c>
      <c r="F14" s="16">
        <v>22317680</v>
      </c>
      <c r="G14" s="22" t="s">
        <v>268</v>
      </c>
      <c r="H14" s="22" t="s">
        <v>268</v>
      </c>
      <c r="I14" s="22" t="s">
        <v>268</v>
      </c>
      <c r="J14" s="16">
        <v>169</v>
      </c>
      <c r="K14" s="16">
        <v>2783</v>
      </c>
    </row>
    <row r="15" spans="1:11">
      <c r="A15" s="21" t="s">
        <v>232</v>
      </c>
      <c r="B15" s="21" t="s">
        <v>233</v>
      </c>
      <c r="C15" s="21" t="s">
        <v>262</v>
      </c>
      <c r="D15" s="21" t="s">
        <v>476</v>
      </c>
      <c r="E15" s="21" t="s">
        <v>567</v>
      </c>
      <c r="F15" s="16">
        <v>50641498</v>
      </c>
      <c r="G15" s="16">
        <v>4659905</v>
      </c>
      <c r="H15" s="16">
        <v>9471618</v>
      </c>
      <c r="I15" s="16">
        <v>11789370</v>
      </c>
      <c r="J15" s="16">
        <v>13984614</v>
      </c>
      <c r="K15" s="16">
        <v>15246541</v>
      </c>
    </row>
    <row r="16" spans="1:11">
      <c r="A16" s="21" t="s">
        <v>232</v>
      </c>
      <c r="B16" s="21" t="s">
        <v>233</v>
      </c>
      <c r="C16" s="21" t="s">
        <v>262</v>
      </c>
      <c r="D16" s="21" t="s">
        <v>476</v>
      </c>
      <c r="E16" s="21" t="s">
        <v>568</v>
      </c>
      <c r="F16" s="16">
        <v>1669868</v>
      </c>
      <c r="G16" s="16">
        <v>14225</v>
      </c>
      <c r="H16" s="16">
        <v>59423</v>
      </c>
      <c r="I16" s="16">
        <v>99805</v>
      </c>
      <c r="J16" s="16">
        <v>155021</v>
      </c>
      <c r="K16" s="16">
        <v>198690</v>
      </c>
    </row>
    <row r="17" spans="1:11">
      <c r="A17" s="21" t="s">
        <v>232</v>
      </c>
      <c r="B17" s="21" t="s">
        <v>233</v>
      </c>
      <c r="C17" s="21" t="s">
        <v>262</v>
      </c>
      <c r="D17" s="21" t="s">
        <v>476</v>
      </c>
      <c r="E17" s="21" t="s">
        <v>569</v>
      </c>
      <c r="F17" s="16">
        <v>10003592</v>
      </c>
      <c r="G17" s="16">
        <v>251476</v>
      </c>
      <c r="H17" s="16">
        <v>811811</v>
      </c>
      <c r="I17" s="16">
        <v>1205408</v>
      </c>
      <c r="J17" s="16">
        <v>1673114</v>
      </c>
      <c r="K17" s="16">
        <v>1981681</v>
      </c>
    </row>
    <row r="18" spans="1:11">
      <c r="A18" s="21" t="s">
        <v>232</v>
      </c>
      <c r="B18" s="21" t="s">
        <v>233</v>
      </c>
      <c r="C18" s="21" t="s">
        <v>262</v>
      </c>
      <c r="D18" s="21" t="s">
        <v>240</v>
      </c>
      <c r="E18" s="21" t="s">
        <v>570</v>
      </c>
      <c r="F18" s="16">
        <v>15677605</v>
      </c>
      <c r="G18" s="16">
        <v>561833</v>
      </c>
      <c r="H18" s="16">
        <v>1319108</v>
      </c>
      <c r="I18" s="16">
        <v>1766261</v>
      </c>
      <c r="J18" s="16">
        <v>2259124</v>
      </c>
      <c r="K18" s="16">
        <v>2579764</v>
      </c>
    </row>
    <row r="19" spans="1:11">
      <c r="A19" s="21" t="s">
        <v>232</v>
      </c>
      <c r="B19" s="21" t="s">
        <v>233</v>
      </c>
      <c r="C19" s="21" t="s">
        <v>262</v>
      </c>
      <c r="D19" s="21" t="s">
        <v>476</v>
      </c>
      <c r="E19" s="21" t="s">
        <v>571</v>
      </c>
      <c r="F19" s="16">
        <v>636896</v>
      </c>
      <c r="G19" s="22" t="s">
        <v>268</v>
      </c>
      <c r="H19" s="22" t="s">
        <v>268</v>
      </c>
      <c r="I19" s="22" t="s">
        <v>268</v>
      </c>
      <c r="J19" s="16">
        <v>31</v>
      </c>
      <c r="K19" s="16">
        <v>189</v>
      </c>
    </row>
    <row r="20" spans="1:11">
      <c r="A20" s="21" t="s">
        <v>232</v>
      </c>
      <c r="B20" s="21" t="s">
        <v>233</v>
      </c>
      <c r="C20" s="21" t="s">
        <v>262</v>
      </c>
      <c r="D20" s="21" t="s">
        <v>572</v>
      </c>
      <c r="E20" s="21" t="s">
        <v>573</v>
      </c>
      <c r="F20" s="16">
        <v>501452</v>
      </c>
      <c r="G20" s="22" t="s">
        <v>268</v>
      </c>
      <c r="H20" s="22" t="s">
        <v>268</v>
      </c>
      <c r="I20" s="22" t="s">
        <v>268</v>
      </c>
      <c r="J20" s="16">
        <v>23</v>
      </c>
      <c r="K20" s="16">
        <v>128</v>
      </c>
    </row>
    <row r="21" spans="1:11">
      <c r="A21" s="21" t="s">
        <v>232</v>
      </c>
      <c r="B21" s="21" t="s">
        <v>233</v>
      </c>
      <c r="C21" s="21" t="s">
        <v>262</v>
      </c>
      <c r="D21" s="21" t="s">
        <v>572</v>
      </c>
      <c r="E21" s="21" t="s">
        <v>574</v>
      </c>
      <c r="F21" s="16">
        <v>135444</v>
      </c>
      <c r="G21" s="22" t="s">
        <v>268</v>
      </c>
      <c r="H21" s="22" t="s">
        <v>268</v>
      </c>
      <c r="I21" s="22" t="s">
        <v>268</v>
      </c>
      <c r="J21" s="16">
        <v>8</v>
      </c>
      <c r="K21" s="16">
        <v>61</v>
      </c>
    </row>
    <row r="22" spans="1:11">
      <c r="A22" s="21" t="s">
        <v>232</v>
      </c>
      <c r="B22" s="21" t="s">
        <v>233</v>
      </c>
      <c r="C22" s="21" t="s">
        <v>262</v>
      </c>
      <c r="D22" s="21" t="s">
        <v>476</v>
      </c>
      <c r="E22" s="21" t="s">
        <v>575</v>
      </c>
      <c r="F22" s="16">
        <v>1826439</v>
      </c>
      <c r="G22" s="22" t="s">
        <v>268</v>
      </c>
      <c r="H22" s="22" t="s">
        <v>268</v>
      </c>
      <c r="I22" s="22" t="s">
        <v>268</v>
      </c>
      <c r="J22" s="16">
        <v>25</v>
      </c>
      <c r="K22" s="16">
        <v>156</v>
      </c>
    </row>
    <row r="23" spans="1:11">
      <c r="A23" s="21" t="s">
        <v>232</v>
      </c>
      <c r="B23" s="21" t="s">
        <v>233</v>
      </c>
      <c r="C23" s="21" t="s">
        <v>262</v>
      </c>
      <c r="D23" s="21" t="s">
        <v>572</v>
      </c>
      <c r="E23" s="21" t="s">
        <v>576</v>
      </c>
      <c r="F23" s="16">
        <v>1312029</v>
      </c>
      <c r="G23" s="22" t="s">
        <v>268</v>
      </c>
      <c r="H23" s="22" t="s">
        <v>268</v>
      </c>
      <c r="I23" s="22" t="s">
        <v>268</v>
      </c>
      <c r="J23" s="16">
        <v>15</v>
      </c>
      <c r="K23" s="16">
        <v>102</v>
      </c>
    </row>
    <row r="24" spans="1:11">
      <c r="A24" s="21" t="s">
        <v>232</v>
      </c>
      <c r="B24" s="21" t="s">
        <v>233</v>
      </c>
      <c r="C24" s="21" t="s">
        <v>262</v>
      </c>
      <c r="D24" s="21" t="s">
        <v>572</v>
      </c>
      <c r="E24" s="21" t="s">
        <v>577</v>
      </c>
      <c r="F24" s="16">
        <v>514410</v>
      </c>
      <c r="G24" s="22" t="s">
        <v>268</v>
      </c>
      <c r="H24" s="22" t="s">
        <v>268</v>
      </c>
      <c r="I24" s="22" t="s">
        <v>268</v>
      </c>
      <c r="J24" s="16">
        <v>10</v>
      </c>
      <c r="K24" s="16">
        <v>54</v>
      </c>
    </row>
    <row r="25" spans="1:11">
      <c r="A25" s="21" t="s">
        <v>232</v>
      </c>
      <c r="B25" s="21" t="s">
        <v>233</v>
      </c>
      <c r="C25" s="21" t="s">
        <v>262</v>
      </c>
      <c r="D25" s="21" t="s">
        <v>476</v>
      </c>
      <c r="E25" s="21" t="s">
        <v>578</v>
      </c>
      <c r="F25" s="16">
        <v>2926536</v>
      </c>
      <c r="G25" s="16">
        <v>152452</v>
      </c>
      <c r="H25" s="16">
        <v>376069</v>
      </c>
      <c r="I25" s="16">
        <v>505525</v>
      </c>
      <c r="J25" s="16">
        <v>637881</v>
      </c>
      <c r="K25" s="16">
        <v>709611</v>
      </c>
    </row>
    <row r="26" spans="1:11">
      <c r="A26" s="21" t="s">
        <v>232</v>
      </c>
      <c r="B26" s="21" t="s">
        <v>233</v>
      </c>
      <c r="C26" s="21" t="s">
        <v>262</v>
      </c>
      <c r="D26" s="21" t="s">
        <v>572</v>
      </c>
      <c r="E26" s="21" t="s">
        <v>579</v>
      </c>
      <c r="F26" s="16">
        <v>2343459</v>
      </c>
      <c r="G26" s="16">
        <v>116159</v>
      </c>
      <c r="H26" s="16">
        <v>294056</v>
      </c>
      <c r="I26" s="16">
        <v>399266</v>
      </c>
      <c r="J26" s="16">
        <v>507984</v>
      </c>
      <c r="K26" s="16">
        <v>566960</v>
      </c>
    </row>
    <row r="27" spans="1:11">
      <c r="A27" s="21" t="s">
        <v>232</v>
      </c>
      <c r="B27" s="21" t="s">
        <v>233</v>
      </c>
      <c r="C27" s="21" t="s">
        <v>262</v>
      </c>
      <c r="D27" s="21" t="s">
        <v>572</v>
      </c>
      <c r="E27" s="21" t="s">
        <v>580</v>
      </c>
      <c r="F27" s="16">
        <v>582748</v>
      </c>
      <c r="G27" s="16">
        <v>36293</v>
      </c>
      <c r="H27" s="16">
        <v>82012</v>
      </c>
      <c r="I27" s="16">
        <v>106258</v>
      </c>
      <c r="J27" s="16">
        <v>129895</v>
      </c>
      <c r="K27" s="16">
        <v>142645</v>
      </c>
    </row>
    <row r="28" spans="1:11">
      <c r="A28" s="21" t="s">
        <v>232</v>
      </c>
      <c r="B28" s="21" t="s">
        <v>233</v>
      </c>
      <c r="C28" s="21" t="s">
        <v>262</v>
      </c>
      <c r="D28" s="21" t="s">
        <v>476</v>
      </c>
      <c r="E28" s="21" t="s">
        <v>581</v>
      </c>
      <c r="F28" s="16">
        <v>4229403</v>
      </c>
      <c r="G28" s="16">
        <v>136398</v>
      </c>
      <c r="H28" s="16">
        <v>357944</v>
      </c>
      <c r="I28" s="16">
        <v>503221</v>
      </c>
      <c r="J28" s="16">
        <v>672288</v>
      </c>
      <c r="K28" s="16">
        <v>781179</v>
      </c>
    </row>
    <row r="29" spans="1:11">
      <c r="A29" s="21" t="s">
        <v>232</v>
      </c>
      <c r="B29" s="21" t="s">
        <v>233</v>
      </c>
      <c r="C29" s="21" t="s">
        <v>262</v>
      </c>
      <c r="D29" s="21" t="s">
        <v>572</v>
      </c>
      <c r="E29" s="21" t="s">
        <v>582</v>
      </c>
      <c r="F29" s="16">
        <v>3092096</v>
      </c>
      <c r="G29" s="16">
        <v>91505</v>
      </c>
      <c r="H29" s="16">
        <v>246878</v>
      </c>
      <c r="I29" s="16">
        <v>352380</v>
      </c>
      <c r="J29" s="16">
        <v>477764</v>
      </c>
      <c r="K29" s="16">
        <v>559033</v>
      </c>
    </row>
    <row r="30" spans="1:11">
      <c r="A30" s="21" t="s">
        <v>232</v>
      </c>
      <c r="B30" s="21" t="s">
        <v>233</v>
      </c>
      <c r="C30" s="21" t="s">
        <v>262</v>
      </c>
      <c r="D30" s="21" t="s">
        <v>572</v>
      </c>
      <c r="E30" s="21" t="s">
        <v>583</v>
      </c>
      <c r="F30" s="16">
        <v>1132872</v>
      </c>
      <c r="G30" s="16">
        <v>44893</v>
      </c>
      <c r="H30" s="16">
        <v>111064</v>
      </c>
      <c r="I30" s="16">
        <v>150834</v>
      </c>
      <c r="J30" s="16">
        <v>194509</v>
      </c>
      <c r="K30" s="16">
        <v>222126</v>
      </c>
    </row>
    <row r="31" spans="1:11">
      <c r="A31" s="21" t="s">
        <v>232</v>
      </c>
      <c r="B31" s="21" t="s">
        <v>233</v>
      </c>
      <c r="C31" s="21" t="s">
        <v>262</v>
      </c>
      <c r="D31" s="21" t="s">
        <v>476</v>
      </c>
      <c r="E31" s="21" t="s">
        <v>584</v>
      </c>
      <c r="F31" s="16">
        <v>345776</v>
      </c>
      <c r="G31" s="16">
        <v>5077</v>
      </c>
      <c r="H31" s="16">
        <v>11573</v>
      </c>
      <c r="I31" s="16">
        <v>16858</v>
      </c>
      <c r="J31" s="16">
        <v>24818</v>
      </c>
      <c r="K31" s="16">
        <v>33261</v>
      </c>
    </row>
    <row r="32" spans="1:11">
      <c r="A32" s="21" t="s">
        <v>232</v>
      </c>
      <c r="B32" s="21" t="s">
        <v>233</v>
      </c>
      <c r="C32" s="21" t="s">
        <v>262</v>
      </c>
      <c r="D32" s="21" t="s">
        <v>476</v>
      </c>
      <c r="E32" s="21" t="s">
        <v>585</v>
      </c>
      <c r="F32" s="16">
        <v>1666687</v>
      </c>
      <c r="G32" s="16">
        <v>84413</v>
      </c>
      <c r="H32" s="16">
        <v>196777</v>
      </c>
      <c r="I32" s="16">
        <v>261552</v>
      </c>
      <c r="J32" s="16">
        <v>331780</v>
      </c>
      <c r="K32" s="16">
        <v>375660</v>
      </c>
    </row>
    <row r="33" spans="1:11">
      <c r="A33" s="21" t="s">
        <v>232</v>
      </c>
      <c r="B33" s="21" t="s">
        <v>233</v>
      </c>
      <c r="C33" s="21" t="s">
        <v>262</v>
      </c>
      <c r="D33" s="21" t="s">
        <v>476</v>
      </c>
      <c r="E33" s="21" t="s">
        <v>586</v>
      </c>
      <c r="F33" s="16">
        <v>334953</v>
      </c>
      <c r="G33" s="16">
        <v>14248</v>
      </c>
      <c r="H33" s="16">
        <v>22359</v>
      </c>
      <c r="I33" s="16">
        <v>25011</v>
      </c>
      <c r="J33" s="16">
        <v>27587</v>
      </c>
      <c r="K33" s="16">
        <v>29995</v>
      </c>
    </row>
    <row r="34" spans="1:11">
      <c r="A34" s="21" t="s">
        <v>232</v>
      </c>
      <c r="B34" s="21" t="s">
        <v>233</v>
      </c>
      <c r="C34" s="21" t="s">
        <v>262</v>
      </c>
      <c r="D34" s="21" t="s">
        <v>572</v>
      </c>
      <c r="E34" s="21" t="s">
        <v>587</v>
      </c>
      <c r="F34" s="16">
        <v>161422</v>
      </c>
      <c r="G34" s="16">
        <v>451</v>
      </c>
      <c r="H34" s="16">
        <v>1161</v>
      </c>
      <c r="I34" s="16">
        <v>1729</v>
      </c>
      <c r="J34" s="16">
        <v>2610</v>
      </c>
      <c r="K34" s="16">
        <v>3649</v>
      </c>
    </row>
    <row r="35" spans="1:11">
      <c r="A35" s="21" t="s">
        <v>232</v>
      </c>
      <c r="B35" s="21" t="s">
        <v>233</v>
      </c>
      <c r="C35" s="21" t="s">
        <v>262</v>
      </c>
      <c r="D35" s="21" t="s">
        <v>572</v>
      </c>
      <c r="E35" s="21" t="s">
        <v>588</v>
      </c>
      <c r="F35" s="16">
        <v>54624</v>
      </c>
      <c r="G35" s="16">
        <v>179</v>
      </c>
      <c r="H35" s="16">
        <v>478</v>
      </c>
      <c r="I35" s="16">
        <v>703</v>
      </c>
      <c r="J35" s="16">
        <v>1084</v>
      </c>
      <c r="K35" s="16">
        <v>1539</v>
      </c>
    </row>
    <row r="36" spans="1:11">
      <c r="A36" s="21" t="s">
        <v>232</v>
      </c>
      <c r="B36" s="21" t="s">
        <v>233</v>
      </c>
      <c r="C36" s="21" t="s">
        <v>262</v>
      </c>
      <c r="D36" s="21" t="s">
        <v>476</v>
      </c>
      <c r="E36" s="21" t="s">
        <v>589</v>
      </c>
      <c r="F36" s="16">
        <v>1242039</v>
      </c>
      <c r="G36" s="16">
        <v>116206</v>
      </c>
      <c r="H36" s="16">
        <v>219330</v>
      </c>
      <c r="I36" s="16">
        <v>261743</v>
      </c>
      <c r="J36" s="16">
        <v>298233</v>
      </c>
      <c r="K36" s="16">
        <v>317446</v>
      </c>
    </row>
    <row r="37" spans="1:11">
      <c r="A37" s="21" t="s">
        <v>232</v>
      </c>
      <c r="B37" s="21" t="s">
        <v>233</v>
      </c>
      <c r="C37" s="21" t="s">
        <v>262</v>
      </c>
      <c r="D37" s="21" t="s">
        <v>572</v>
      </c>
      <c r="E37" s="21" t="s">
        <v>590</v>
      </c>
      <c r="F37" s="16">
        <v>935251</v>
      </c>
      <c r="G37" s="16">
        <v>85482</v>
      </c>
      <c r="H37" s="16">
        <v>164008</v>
      </c>
      <c r="I37" s="16">
        <v>196707</v>
      </c>
      <c r="J37" s="16">
        <v>224939</v>
      </c>
      <c r="K37" s="16">
        <v>239652</v>
      </c>
    </row>
    <row r="38" spans="1:11">
      <c r="A38" s="21" t="s">
        <v>232</v>
      </c>
      <c r="B38" s="21" t="s">
        <v>233</v>
      </c>
      <c r="C38" s="21" t="s">
        <v>262</v>
      </c>
      <c r="D38" s="21" t="s">
        <v>572</v>
      </c>
      <c r="E38" s="21" t="s">
        <v>591</v>
      </c>
      <c r="F38" s="16">
        <v>292069</v>
      </c>
      <c r="G38" s="16">
        <v>30321</v>
      </c>
      <c r="H38" s="16">
        <v>54174</v>
      </c>
      <c r="I38" s="16">
        <v>63427</v>
      </c>
      <c r="J38" s="16">
        <v>71224</v>
      </c>
      <c r="K38" s="16">
        <v>75407</v>
      </c>
    </row>
    <row r="39" spans="1:11">
      <c r="A39" s="21" t="s">
        <v>232</v>
      </c>
      <c r="B39" s="21" t="s">
        <v>233</v>
      </c>
      <c r="C39" s="21" t="s">
        <v>262</v>
      </c>
      <c r="D39" s="21" t="s">
        <v>476</v>
      </c>
      <c r="E39" s="21" t="s">
        <v>592</v>
      </c>
      <c r="F39" s="16">
        <v>721113</v>
      </c>
      <c r="G39" s="16">
        <v>28</v>
      </c>
      <c r="H39" s="16">
        <v>220</v>
      </c>
      <c r="I39" s="16">
        <v>625</v>
      </c>
      <c r="J39" s="16">
        <v>2666</v>
      </c>
      <c r="K39" s="16">
        <v>13244</v>
      </c>
    </row>
    <row r="40" spans="1:11">
      <c r="A40" s="21" t="s">
        <v>232</v>
      </c>
      <c r="B40" s="21" t="s">
        <v>233</v>
      </c>
      <c r="C40" s="21" t="s">
        <v>262</v>
      </c>
      <c r="D40" s="21" t="s">
        <v>476</v>
      </c>
      <c r="E40" s="21" t="s">
        <v>593</v>
      </c>
      <c r="F40" s="16">
        <v>1747763</v>
      </c>
      <c r="G40" s="16">
        <v>53011</v>
      </c>
      <c r="H40" s="16">
        <v>134836</v>
      </c>
      <c r="I40" s="16">
        <v>191726</v>
      </c>
      <c r="J40" s="16">
        <v>263815</v>
      </c>
      <c r="K40" s="16">
        <v>319023</v>
      </c>
    </row>
    <row r="41" spans="1:11">
      <c r="A41" s="21" t="s">
        <v>232</v>
      </c>
      <c r="B41" s="21" t="s">
        <v>233</v>
      </c>
      <c r="C41" s="21" t="s">
        <v>262</v>
      </c>
      <c r="D41" s="21" t="s">
        <v>474</v>
      </c>
      <c r="E41" s="21" t="s">
        <v>594</v>
      </c>
      <c r="F41" s="16">
        <v>1231866</v>
      </c>
      <c r="G41" s="16">
        <v>20254</v>
      </c>
      <c r="H41" s="16">
        <v>44343</v>
      </c>
      <c r="I41" s="16">
        <v>58954</v>
      </c>
      <c r="J41" s="16">
        <v>75233</v>
      </c>
      <c r="K41" s="16">
        <v>90810</v>
      </c>
    </row>
    <row r="42" spans="1:11">
      <c r="A42" s="21" t="s">
        <v>232</v>
      </c>
      <c r="B42" s="21" t="s">
        <v>233</v>
      </c>
      <c r="C42" s="21" t="s">
        <v>262</v>
      </c>
      <c r="D42" s="21" t="s">
        <v>474</v>
      </c>
      <c r="E42" s="21" t="s">
        <v>595</v>
      </c>
      <c r="F42" s="16">
        <v>21151042</v>
      </c>
      <c r="G42" s="22" t="s">
        <v>268</v>
      </c>
      <c r="H42" s="16">
        <v>9</v>
      </c>
      <c r="I42" s="16">
        <v>128</v>
      </c>
      <c r="J42" s="16">
        <v>7955</v>
      </c>
      <c r="K42" s="16">
        <v>287751</v>
      </c>
    </row>
    <row r="43" spans="1:11">
      <c r="A43" s="21" t="s">
        <v>232</v>
      </c>
      <c r="B43" s="21" t="s">
        <v>233</v>
      </c>
      <c r="C43" s="21" t="s">
        <v>262</v>
      </c>
      <c r="D43" s="21" t="s">
        <v>474</v>
      </c>
      <c r="E43" s="21" t="s">
        <v>596</v>
      </c>
      <c r="F43" s="16">
        <v>469844</v>
      </c>
      <c r="G43" s="22" t="s">
        <v>268</v>
      </c>
      <c r="H43" s="22" t="s">
        <v>268</v>
      </c>
      <c r="I43" s="22" t="s">
        <v>268</v>
      </c>
      <c r="J43" s="22" t="s">
        <v>268</v>
      </c>
      <c r="K43" s="22" t="s">
        <v>268</v>
      </c>
    </row>
    <row r="44" spans="1:11">
      <c r="A44" s="21" t="s">
        <v>232</v>
      </c>
      <c r="B44" s="21" t="s">
        <v>233</v>
      </c>
      <c r="C44" s="21" t="s">
        <v>262</v>
      </c>
      <c r="D44" s="21" t="s">
        <v>474</v>
      </c>
      <c r="E44" s="21" t="s">
        <v>597</v>
      </c>
      <c r="F44" s="16">
        <v>11442715</v>
      </c>
      <c r="G44" s="16">
        <v>545095</v>
      </c>
      <c r="H44" s="16">
        <v>1280164</v>
      </c>
      <c r="I44" s="16">
        <v>1710998</v>
      </c>
      <c r="J44" s="16">
        <v>2179225</v>
      </c>
      <c r="K44" s="16">
        <v>2466599</v>
      </c>
    </row>
    <row r="45" spans="1:11">
      <c r="A45" s="21" t="s">
        <v>232</v>
      </c>
      <c r="B45" s="21" t="s">
        <v>233</v>
      </c>
      <c r="C45" s="21" t="s">
        <v>262</v>
      </c>
      <c r="D45" s="21" t="s">
        <v>474</v>
      </c>
      <c r="E45" s="21" t="s">
        <v>598</v>
      </c>
      <c r="F45" s="16">
        <v>1674110</v>
      </c>
      <c r="G45" s="16">
        <v>128455</v>
      </c>
      <c r="H45" s="16">
        <v>444591</v>
      </c>
      <c r="I45" s="16">
        <v>659797</v>
      </c>
      <c r="J45" s="16">
        <v>894535</v>
      </c>
      <c r="K45" s="16">
        <v>1027616</v>
      </c>
    </row>
    <row r="46" spans="1:11">
      <c r="A46" s="21" t="s">
        <v>232</v>
      </c>
      <c r="B46" s="21" t="s">
        <v>233</v>
      </c>
      <c r="C46" s="21" t="s">
        <v>262</v>
      </c>
      <c r="D46" s="21" t="s">
        <v>474</v>
      </c>
      <c r="E46" s="21" t="s">
        <v>599</v>
      </c>
      <c r="F46" s="16">
        <v>2762919</v>
      </c>
      <c r="G46" s="16">
        <v>198772</v>
      </c>
      <c r="H46" s="16">
        <v>628440</v>
      </c>
      <c r="I46" s="16">
        <v>910710</v>
      </c>
      <c r="J46" s="16">
        <v>1216038</v>
      </c>
      <c r="K46" s="16">
        <v>1390420</v>
      </c>
    </row>
    <row r="47" spans="1:11">
      <c r="A47" s="21" t="s">
        <v>232</v>
      </c>
      <c r="B47" s="21" t="s">
        <v>233</v>
      </c>
      <c r="C47" s="21" t="s">
        <v>262</v>
      </c>
      <c r="D47" s="21" t="s">
        <v>474</v>
      </c>
      <c r="E47" s="21" t="s">
        <v>600</v>
      </c>
      <c r="F47" s="16">
        <v>187915</v>
      </c>
      <c r="G47" s="16">
        <v>6578</v>
      </c>
      <c r="H47" s="16">
        <v>35537</v>
      </c>
      <c r="I47" s="16">
        <v>61422</v>
      </c>
      <c r="J47" s="16">
        <v>93228</v>
      </c>
      <c r="K47" s="16">
        <v>113436</v>
      </c>
    </row>
    <row r="48" spans="1:11">
      <c r="A48" s="21" t="s">
        <v>232</v>
      </c>
      <c r="B48" s="21" t="s">
        <v>233</v>
      </c>
      <c r="C48" s="21" t="s">
        <v>262</v>
      </c>
      <c r="D48" s="21" t="s">
        <v>474</v>
      </c>
      <c r="E48" s="21" t="s">
        <v>601</v>
      </c>
      <c r="F48" s="16">
        <v>503885</v>
      </c>
      <c r="G48" s="16">
        <v>19805</v>
      </c>
      <c r="H48" s="16">
        <v>77711</v>
      </c>
      <c r="I48" s="16">
        <v>124472</v>
      </c>
      <c r="J48" s="16">
        <v>180698</v>
      </c>
      <c r="K48" s="16">
        <v>216369</v>
      </c>
    </row>
    <row r="49" spans="1:11">
      <c r="A49" s="21" t="s">
        <v>232</v>
      </c>
      <c r="B49" s="21" t="s">
        <v>233</v>
      </c>
      <c r="C49" s="21" t="s">
        <v>262</v>
      </c>
      <c r="D49" s="21" t="s">
        <v>474</v>
      </c>
      <c r="E49" s="21" t="s">
        <v>602</v>
      </c>
      <c r="F49" s="16">
        <v>13067790</v>
      </c>
      <c r="G49" s="22" t="s">
        <v>268</v>
      </c>
      <c r="H49" s="22" t="s">
        <v>268</v>
      </c>
      <c r="I49" s="22" t="s">
        <v>268</v>
      </c>
      <c r="J49" s="22" t="s">
        <v>268</v>
      </c>
      <c r="K49" s="22" t="s">
        <v>268</v>
      </c>
    </row>
    <row r="50" spans="1:11">
      <c r="A50" s="21" t="s">
        <v>232</v>
      </c>
      <c r="B50" s="21" t="s">
        <v>233</v>
      </c>
      <c r="C50" s="21" t="s">
        <v>262</v>
      </c>
      <c r="D50" s="21" t="s">
        <v>474</v>
      </c>
      <c r="E50" s="21" t="s">
        <v>603</v>
      </c>
      <c r="F50" s="16">
        <v>6716806</v>
      </c>
      <c r="G50" s="22" t="s">
        <v>268</v>
      </c>
      <c r="H50" s="22" t="s">
        <v>268</v>
      </c>
      <c r="I50" s="22" t="s">
        <v>268</v>
      </c>
      <c r="J50" s="22" t="s">
        <v>268</v>
      </c>
      <c r="K50" s="22" t="s">
        <v>268</v>
      </c>
    </row>
    <row r="51" spans="1:11">
      <c r="A51" s="21" t="s">
        <v>232</v>
      </c>
      <c r="B51" s="21" t="s">
        <v>237</v>
      </c>
      <c r="C51" s="21" t="s">
        <v>264</v>
      </c>
      <c r="D51" s="21" t="s">
        <v>474</v>
      </c>
      <c r="E51" s="21" t="s">
        <v>214</v>
      </c>
      <c r="F51" s="16">
        <v>1678793</v>
      </c>
      <c r="G51" s="16">
        <v>84233</v>
      </c>
      <c r="H51" s="16">
        <v>179557</v>
      </c>
      <c r="I51" s="16">
        <v>227554</v>
      </c>
      <c r="J51" s="16">
        <v>273923</v>
      </c>
      <c r="K51" s="16">
        <v>302486</v>
      </c>
    </row>
    <row r="52" spans="1:11">
      <c r="A52" s="21" t="s">
        <v>232</v>
      </c>
      <c r="B52" s="21" t="s">
        <v>237</v>
      </c>
      <c r="C52" s="21" t="s">
        <v>264</v>
      </c>
      <c r="D52" s="21" t="s">
        <v>474</v>
      </c>
      <c r="E52" s="21" t="s">
        <v>564</v>
      </c>
      <c r="F52" s="16">
        <v>1417970</v>
      </c>
      <c r="G52" s="16">
        <v>83971</v>
      </c>
      <c r="H52" s="16">
        <v>178918</v>
      </c>
      <c r="I52" s="16">
        <v>226714</v>
      </c>
      <c r="J52" s="16">
        <v>272724</v>
      </c>
      <c r="K52" s="16">
        <v>297315</v>
      </c>
    </row>
    <row r="53" spans="1:11">
      <c r="A53" s="21" t="s">
        <v>232</v>
      </c>
      <c r="B53" s="21" t="s">
        <v>237</v>
      </c>
      <c r="C53" s="21" t="s">
        <v>264</v>
      </c>
      <c r="D53" s="21" t="s">
        <v>240</v>
      </c>
      <c r="E53" s="21" t="s">
        <v>565</v>
      </c>
      <c r="F53" s="16">
        <v>1115416</v>
      </c>
      <c r="G53" s="16">
        <v>71132</v>
      </c>
      <c r="H53" s="16">
        <v>149577</v>
      </c>
      <c r="I53" s="16">
        <v>188156</v>
      </c>
      <c r="J53" s="16">
        <v>224605</v>
      </c>
      <c r="K53" s="16">
        <v>243647</v>
      </c>
    </row>
    <row r="54" spans="1:11">
      <c r="A54" s="21" t="s">
        <v>232</v>
      </c>
      <c r="B54" s="21" t="s">
        <v>237</v>
      </c>
      <c r="C54" s="21" t="s">
        <v>264</v>
      </c>
      <c r="D54" s="21" t="s">
        <v>476</v>
      </c>
      <c r="E54" s="21" t="s">
        <v>566</v>
      </c>
      <c r="F54" s="16">
        <v>298656</v>
      </c>
      <c r="G54" s="22" t="s">
        <v>268</v>
      </c>
      <c r="H54" s="22" t="s">
        <v>268</v>
      </c>
      <c r="I54" s="22" t="s">
        <v>268</v>
      </c>
      <c r="J54" s="16">
        <v>3</v>
      </c>
      <c r="K54" s="16">
        <v>45</v>
      </c>
    </row>
    <row r="55" spans="1:11">
      <c r="A55" s="21" t="s">
        <v>232</v>
      </c>
      <c r="B55" s="21" t="s">
        <v>237</v>
      </c>
      <c r="C55" s="21" t="s">
        <v>264</v>
      </c>
      <c r="D55" s="21" t="s">
        <v>476</v>
      </c>
      <c r="E55" s="21" t="s">
        <v>567</v>
      </c>
      <c r="F55" s="16">
        <v>648373</v>
      </c>
      <c r="G55" s="16">
        <v>66394</v>
      </c>
      <c r="H55" s="16">
        <v>134347</v>
      </c>
      <c r="I55" s="16">
        <v>165788</v>
      </c>
      <c r="J55" s="16">
        <v>194066</v>
      </c>
      <c r="K55" s="16">
        <v>208292</v>
      </c>
    </row>
    <row r="56" spans="1:11">
      <c r="A56" s="21" t="s">
        <v>232</v>
      </c>
      <c r="B56" s="21" t="s">
        <v>237</v>
      </c>
      <c r="C56" s="21" t="s">
        <v>264</v>
      </c>
      <c r="D56" s="21" t="s">
        <v>476</v>
      </c>
      <c r="E56" s="21" t="s">
        <v>568</v>
      </c>
      <c r="F56" s="16">
        <v>22314</v>
      </c>
      <c r="G56" s="16">
        <v>205</v>
      </c>
      <c r="H56" s="16">
        <v>925</v>
      </c>
      <c r="I56" s="16">
        <v>1531</v>
      </c>
      <c r="J56" s="16">
        <v>2283</v>
      </c>
      <c r="K56" s="16">
        <v>2768</v>
      </c>
    </row>
    <row r="57" spans="1:11">
      <c r="A57" s="21" t="s">
        <v>232</v>
      </c>
      <c r="B57" s="21" t="s">
        <v>237</v>
      </c>
      <c r="C57" s="21" t="s">
        <v>264</v>
      </c>
      <c r="D57" s="21" t="s">
        <v>476</v>
      </c>
      <c r="E57" s="21" t="s">
        <v>569</v>
      </c>
      <c r="F57" s="16">
        <v>146073</v>
      </c>
      <c r="G57" s="16">
        <v>4533</v>
      </c>
      <c r="H57" s="16">
        <v>14305</v>
      </c>
      <c r="I57" s="16">
        <v>20837</v>
      </c>
      <c r="J57" s="16">
        <v>28253</v>
      </c>
      <c r="K57" s="16">
        <v>32542</v>
      </c>
    </row>
    <row r="58" spans="1:11">
      <c r="A58" s="21" t="s">
        <v>232</v>
      </c>
      <c r="B58" s="21" t="s">
        <v>237</v>
      </c>
      <c r="C58" s="21" t="s">
        <v>264</v>
      </c>
      <c r="D58" s="21" t="s">
        <v>240</v>
      </c>
      <c r="E58" s="21" t="s">
        <v>570</v>
      </c>
      <c r="F58" s="16">
        <v>302554</v>
      </c>
      <c r="G58" s="16">
        <v>12839</v>
      </c>
      <c r="H58" s="16">
        <v>29341</v>
      </c>
      <c r="I58" s="16">
        <v>38558</v>
      </c>
      <c r="J58" s="16">
        <v>48119</v>
      </c>
      <c r="K58" s="16">
        <v>53668</v>
      </c>
    </row>
    <row r="59" spans="1:11">
      <c r="A59" s="21" t="s">
        <v>232</v>
      </c>
      <c r="B59" s="21" t="s">
        <v>237</v>
      </c>
      <c r="C59" s="21" t="s">
        <v>264</v>
      </c>
      <c r="D59" s="21" t="s">
        <v>476</v>
      </c>
      <c r="E59" s="21" t="s">
        <v>571</v>
      </c>
      <c r="F59" s="16">
        <v>14296</v>
      </c>
      <c r="G59" s="22" t="s">
        <v>268</v>
      </c>
      <c r="H59" s="22" t="s">
        <v>268</v>
      </c>
      <c r="I59" s="22" t="s">
        <v>268</v>
      </c>
      <c r="J59" s="22" t="s">
        <v>268</v>
      </c>
      <c r="K59" s="16">
        <v>2</v>
      </c>
    </row>
    <row r="60" spans="1:11">
      <c r="A60" s="21" t="s">
        <v>232</v>
      </c>
      <c r="B60" s="21" t="s">
        <v>237</v>
      </c>
      <c r="C60" s="21" t="s">
        <v>264</v>
      </c>
      <c r="D60" s="21" t="s">
        <v>572</v>
      </c>
      <c r="E60" s="21" t="s">
        <v>573</v>
      </c>
      <c r="F60" s="16">
        <v>11788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16">
        <v>2</v>
      </c>
    </row>
    <row r="61" spans="1:11">
      <c r="A61" s="21" t="s">
        <v>232</v>
      </c>
      <c r="B61" s="21" t="s">
        <v>237</v>
      </c>
      <c r="C61" s="21" t="s">
        <v>264</v>
      </c>
      <c r="D61" s="21" t="s">
        <v>572</v>
      </c>
      <c r="E61" s="21" t="s">
        <v>574</v>
      </c>
      <c r="F61" s="16">
        <v>2508</v>
      </c>
      <c r="G61" s="22" t="s">
        <v>268</v>
      </c>
      <c r="H61" s="22" t="s">
        <v>268</v>
      </c>
      <c r="I61" s="22" t="s">
        <v>268</v>
      </c>
      <c r="J61" s="22" t="s">
        <v>268</v>
      </c>
      <c r="K61" s="22" t="s">
        <v>268</v>
      </c>
    </row>
    <row r="62" spans="1:11">
      <c r="A62" s="21" t="s">
        <v>232</v>
      </c>
      <c r="B62" s="21" t="s">
        <v>237</v>
      </c>
      <c r="C62" s="21" t="s">
        <v>264</v>
      </c>
      <c r="D62" s="21" t="s">
        <v>476</v>
      </c>
      <c r="E62" s="21" t="s">
        <v>575</v>
      </c>
      <c r="F62" s="16">
        <v>35688</v>
      </c>
      <c r="G62" s="22" t="s">
        <v>268</v>
      </c>
      <c r="H62" s="22" t="s">
        <v>268</v>
      </c>
      <c r="I62" s="22" t="s">
        <v>268</v>
      </c>
      <c r="J62" s="22" t="s">
        <v>268</v>
      </c>
      <c r="K62" s="16">
        <v>4</v>
      </c>
    </row>
    <row r="63" spans="1:11">
      <c r="A63" s="21" t="s">
        <v>232</v>
      </c>
      <c r="B63" s="21" t="s">
        <v>237</v>
      </c>
      <c r="C63" s="21" t="s">
        <v>264</v>
      </c>
      <c r="D63" s="21" t="s">
        <v>572</v>
      </c>
      <c r="E63" s="21" t="s">
        <v>576</v>
      </c>
      <c r="F63" s="16">
        <v>27216</v>
      </c>
      <c r="G63" s="22" t="s">
        <v>268</v>
      </c>
      <c r="H63" s="22" t="s">
        <v>268</v>
      </c>
      <c r="I63" s="22" t="s">
        <v>268</v>
      </c>
      <c r="J63" s="22" t="s">
        <v>268</v>
      </c>
      <c r="K63" s="16">
        <v>3</v>
      </c>
    </row>
    <row r="64" spans="1:11">
      <c r="A64" s="21" t="s">
        <v>232</v>
      </c>
      <c r="B64" s="21" t="s">
        <v>237</v>
      </c>
      <c r="C64" s="21" t="s">
        <v>264</v>
      </c>
      <c r="D64" s="21" t="s">
        <v>572</v>
      </c>
      <c r="E64" s="21" t="s">
        <v>577</v>
      </c>
      <c r="F64" s="16">
        <v>8472</v>
      </c>
      <c r="G64" s="22" t="s">
        <v>268</v>
      </c>
      <c r="H64" s="22" t="s">
        <v>268</v>
      </c>
      <c r="I64" s="22" t="s">
        <v>268</v>
      </c>
      <c r="J64" s="22" t="s">
        <v>268</v>
      </c>
      <c r="K64" s="16">
        <v>1</v>
      </c>
    </row>
    <row r="65" spans="1:11">
      <c r="A65" s="21" t="s">
        <v>232</v>
      </c>
      <c r="B65" s="21" t="s">
        <v>237</v>
      </c>
      <c r="C65" s="21" t="s">
        <v>264</v>
      </c>
      <c r="D65" s="21" t="s">
        <v>476</v>
      </c>
      <c r="E65" s="21" t="s">
        <v>578</v>
      </c>
      <c r="F65" s="16">
        <v>58699</v>
      </c>
      <c r="G65" s="16">
        <v>3419</v>
      </c>
      <c r="H65" s="16">
        <v>8406</v>
      </c>
      <c r="I65" s="16">
        <v>11173</v>
      </c>
      <c r="J65" s="16">
        <v>13875</v>
      </c>
      <c r="K65" s="16">
        <v>15189</v>
      </c>
    </row>
    <row r="66" spans="1:11">
      <c r="A66" s="21" t="s">
        <v>232</v>
      </c>
      <c r="B66" s="21" t="s">
        <v>237</v>
      </c>
      <c r="C66" s="21" t="s">
        <v>264</v>
      </c>
      <c r="D66" s="21" t="s">
        <v>572</v>
      </c>
      <c r="E66" s="21" t="s">
        <v>579</v>
      </c>
      <c r="F66" s="16">
        <v>48393</v>
      </c>
      <c r="G66" s="16">
        <v>2636</v>
      </c>
      <c r="H66" s="16">
        <v>6699</v>
      </c>
      <c r="I66" s="16">
        <v>9014</v>
      </c>
      <c r="J66" s="16">
        <v>11267</v>
      </c>
      <c r="K66" s="16">
        <v>12389</v>
      </c>
    </row>
    <row r="67" spans="1:11">
      <c r="A67" s="21" t="s">
        <v>232</v>
      </c>
      <c r="B67" s="21" t="s">
        <v>237</v>
      </c>
      <c r="C67" s="21" t="s">
        <v>264</v>
      </c>
      <c r="D67" s="21" t="s">
        <v>572</v>
      </c>
      <c r="E67" s="21" t="s">
        <v>580</v>
      </c>
      <c r="F67" s="16">
        <v>10296</v>
      </c>
      <c r="G67" s="16">
        <v>783</v>
      </c>
      <c r="H67" s="16">
        <v>1707</v>
      </c>
      <c r="I67" s="16">
        <v>2159</v>
      </c>
      <c r="J67" s="16">
        <v>2608</v>
      </c>
      <c r="K67" s="16">
        <v>2800</v>
      </c>
    </row>
    <row r="68" spans="1:11">
      <c r="A68" s="21" t="s">
        <v>232</v>
      </c>
      <c r="B68" s="21" t="s">
        <v>237</v>
      </c>
      <c r="C68" s="21" t="s">
        <v>264</v>
      </c>
      <c r="D68" s="21" t="s">
        <v>476</v>
      </c>
      <c r="E68" s="21" t="s">
        <v>581</v>
      </c>
      <c r="F68" s="16">
        <v>69255</v>
      </c>
      <c r="G68" s="16">
        <v>2588</v>
      </c>
      <c r="H68" s="16">
        <v>6690</v>
      </c>
      <c r="I68" s="16">
        <v>9223</v>
      </c>
      <c r="J68" s="16">
        <v>12002</v>
      </c>
      <c r="K68" s="16">
        <v>13555</v>
      </c>
    </row>
    <row r="69" spans="1:11">
      <c r="A69" s="21" t="s">
        <v>232</v>
      </c>
      <c r="B69" s="21" t="s">
        <v>237</v>
      </c>
      <c r="C69" s="21" t="s">
        <v>264</v>
      </c>
      <c r="D69" s="21" t="s">
        <v>572</v>
      </c>
      <c r="E69" s="21" t="s">
        <v>582</v>
      </c>
      <c r="F69" s="16">
        <v>52175</v>
      </c>
      <c r="G69" s="16">
        <v>1727</v>
      </c>
      <c r="H69" s="16">
        <v>4596</v>
      </c>
      <c r="I69" s="16">
        <v>6491</v>
      </c>
      <c r="J69" s="16">
        <v>8570</v>
      </c>
      <c r="K69" s="16">
        <v>9742</v>
      </c>
    </row>
    <row r="70" spans="1:11">
      <c r="A70" s="21" t="s">
        <v>232</v>
      </c>
      <c r="B70" s="21" t="s">
        <v>237</v>
      </c>
      <c r="C70" s="21" t="s">
        <v>264</v>
      </c>
      <c r="D70" s="21" t="s">
        <v>572</v>
      </c>
      <c r="E70" s="21" t="s">
        <v>583</v>
      </c>
      <c r="F70" s="16">
        <v>16985</v>
      </c>
      <c r="G70" s="16">
        <v>861</v>
      </c>
      <c r="H70" s="16">
        <v>2094</v>
      </c>
      <c r="I70" s="16">
        <v>2732</v>
      </c>
      <c r="J70" s="16">
        <v>3432</v>
      </c>
      <c r="K70" s="16">
        <v>3813</v>
      </c>
    </row>
    <row r="71" spans="1:11">
      <c r="A71" s="21" t="s">
        <v>232</v>
      </c>
      <c r="B71" s="21" t="s">
        <v>237</v>
      </c>
      <c r="C71" s="21" t="s">
        <v>264</v>
      </c>
      <c r="D71" s="21" t="s">
        <v>476</v>
      </c>
      <c r="E71" s="21" t="s">
        <v>584</v>
      </c>
      <c r="F71" s="16">
        <v>7107</v>
      </c>
      <c r="G71" s="16">
        <v>154</v>
      </c>
      <c r="H71" s="16">
        <v>292</v>
      </c>
      <c r="I71" s="16">
        <v>402</v>
      </c>
      <c r="J71" s="16">
        <v>587</v>
      </c>
      <c r="K71" s="16">
        <v>730</v>
      </c>
    </row>
    <row r="72" spans="1:11">
      <c r="A72" s="21" t="s">
        <v>232</v>
      </c>
      <c r="B72" s="21" t="s">
        <v>237</v>
      </c>
      <c r="C72" s="21" t="s">
        <v>264</v>
      </c>
      <c r="D72" s="21" t="s">
        <v>476</v>
      </c>
      <c r="E72" s="21" t="s">
        <v>585</v>
      </c>
      <c r="F72" s="16">
        <v>34228</v>
      </c>
      <c r="G72" s="16">
        <v>1784</v>
      </c>
      <c r="H72" s="16">
        <v>4292</v>
      </c>
      <c r="I72" s="16">
        <v>5726</v>
      </c>
      <c r="J72" s="16">
        <v>7198</v>
      </c>
      <c r="K72" s="16">
        <v>8084</v>
      </c>
    </row>
    <row r="73" spans="1:11">
      <c r="A73" s="21" t="s">
        <v>232</v>
      </c>
      <c r="B73" s="21" t="s">
        <v>237</v>
      </c>
      <c r="C73" s="21" t="s">
        <v>264</v>
      </c>
      <c r="D73" s="21" t="s">
        <v>476</v>
      </c>
      <c r="E73" s="21" t="s">
        <v>586</v>
      </c>
      <c r="F73" s="16">
        <v>8546</v>
      </c>
      <c r="G73" s="16">
        <v>501</v>
      </c>
      <c r="H73" s="16">
        <v>795</v>
      </c>
      <c r="I73" s="16">
        <v>887</v>
      </c>
      <c r="J73" s="16">
        <v>969</v>
      </c>
      <c r="K73" s="16">
        <v>1015</v>
      </c>
    </row>
    <row r="74" spans="1:11">
      <c r="A74" s="21" t="s">
        <v>232</v>
      </c>
      <c r="B74" s="21" t="s">
        <v>237</v>
      </c>
      <c r="C74" s="21" t="s">
        <v>264</v>
      </c>
      <c r="D74" s="21" t="s">
        <v>572</v>
      </c>
      <c r="E74" s="21" t="s">
        <v>587</v>
      </c>
      <c r="F74" s="16">
        <v>3578</v>
      </c>
      <c r="G74" s="16">
        <v>5</v>
      </c>
      <c r="H74" s="16">
        <v>21</v>
      </c>
      <c r="I74" s="16">
        <v>28</v>
      </c>
      <c r="J74" s="16">
        <v>54</v>
      </c>
      <c r="K74" s="16">
        <v>68</v>
      </c>
    </row>
    <row r="75" spans="1:11">
      <c r="A75" s="21" t="s">
        <v>232</v>
      </c>
      <c r="B75" s="21" t="s">
        <v>237</v>
      </c>
      <c r="C75" s="21" t="s">
        <v>264</v>
      </c>
      <c r="D75" s="21" t="s">
        <v>572</v>
      </c>
      <c r="E75" s="21" t="s">
        <v>588</v>
      </c>
      <c r="F75" s="16">
        <v>1189</v>
      </c>
      <c r="G75" s="16">
        <v>7</v>
      </c>
      <c r="H75" s="16">
        <v>19</v>
      </c>
      <c r="I75" s="16">
        <v>25</v>
      </c>
      <c r="J75" s="16">
        <v>32</v>
      </c>
      <c r="K75" s="16">
        <v>36</v>
      </c>
    </row>
    <row r="76" spans="1:11">
      <c r="A76" s="21" t="s">
        <v>232</v>
      </c>
      <c r="B76" s="21" t="s">
        <v>237</v>
      </c>
      <c r="C76" s="21" t="s">
        <v>264</v>
      </c>
      <c r="D76" s="21" t="s">
        <v>476</v>
      </c>
      <c r="E76" s="21" t="s">
        <v>589</v>
      </c>
      <c r="F76" s="16">
        <v>30945</v>
      </c>
      <c r="G76" s="16">
        <v>3275</v>
      </c>
      <c r="H76" s="16">
        <v>6011</v>
      </c>
      <c r="I76" s="16">
        <v>7093</v>
      </c>
      <c r="J76" s="16">
        <v>7958</v>
      </c>
      <c r="K76" s="16">
        <v>8408</v>
      </c>
    </row>
    <row r="77" spans="1:11">
      <c r="A77" s="21" t="s">
        <v>232</v>
      </c>
      <c r="B77" s="21" t="s">
        <v>237</v>
      </c>
      <c r="C77" s="21" t="s">
        <v>264</v>
      </c>
      <c r="D77" s="21" t="s">
        <v>572</v>
      </c>
      <c r="E77" s="21" t="s">
        <v>590</v>
      </c>
      <c r="F77" s="16">
        <v>23551</v>
      </c>
      <c r="G77" s="16">
        <v>2420</v>
      </c>
      <c r="H77" s="16">
        <v>4500</v>
      </c>
      <c r="I77" s="16">
        <v>5316</v>
      </c>
      <c r="J77" s="16">
        <v>5995</v>
      </c>
      <c r="K77" s="16">
        <v>6353</v>
      </c>
    </row>
    <row r="78" spans="1:11">
      <c r="A78" s="21" t="s">
        <v>232</v>
      </c>
      <c r="B78" s="21" t="s">
        <v>237</v>
      </c>
      <c r="C78" s="21" t="s">
        <v>264</v>
      </c>
      <c r="D78" s="21" t="s">
        <v>572</v>
      </c>
      <c r="E78" s="21" t="s">
        <v>591</v>
      </c>
      <c r="F78" s="16">
        <v>7101</v>
      </c>
      <c r="G78" s="16">
        <v>846</v>
      </c>
      <c r="H78" s="16">
        <v>1485</v>
      </c>
      <c r="I78" s="16">
        <v>1740</v>
      </c>
      <c r="J78" s="16">
        <v>1913</v>
      </c>
      <c r="K78" s="16">
        <v>2000</v>
      </c>
    </row>
    <row r="79" spans="1:11">
      <c r="A79" s="21" t="s">
        <v>232</v>
      </c>
      <c r="B79" s="21" t="s">
        <v>237</v>
      </c>
      <c r="C79" s="21" t="s">
        <v>264</v>
      </c>
      <c r="D79" s="21" t="s">
        <v>476</v>
      </c>
      <c r="E79" s="21" t="s">
        <v>592</v>
      </c>
      <c r="F79" s="16">
        <v>11246</v>
      </c>
      <c r="G79" s="22" t="s">
        <v>268</v>
      </c>
      <c r="H79" s="16">
        <v>2</v>
      </c>
      <c r="I79" s="16">
        <v>7</v>
      </c>
      <c r="J79" s="16">
        <v>76</v>
      </c>
      <c r="K79" s="16">
        <v>250</v>
      </c>
    </row>
    <row r="80" spans="1:11">
      <c r="A80" s="21" t="s">
        <v>232</v>
      </c>
      <c r="B80" s="21" t="s">
        <v>237</v>
      </c>
      <c r="C80" s="21" t="s">
        <v>264</v>
      </c>
      <c r="D80" s="21" t="s">
        <v>476</v>
      </c>
      <c r="E80" s="21" t="s">
        <v>593</v>
      </c>
      <c r="F80" s="16">
        <v>32544</v>
      </c>
      <c r="G80" s="16">
        <v>1118</v>
      </c>
      <c r="H80" s="16">
        <v>2853</v>
      </c>
      <c r="I80" s="16">
        <v>4047</v>
      </c>
      <c r="J80" s="16">
        <v>5454</v>
      </c>
      <c r="K80" s="16">
        <v>6431</v>
      </c>
    </row>
    <row r="81" spans="1:11">
      <c r="A81" s="21" t="s">
        <v>232</v>
      </c>
      <c r="B81" s="21" t="s">
        <v>237</v>
      </c>
      <c r="C81" s="21" t="s">
        <v>264</v>
      </c>
      <c r="D81" s="21" t="s">
        <v>474</v>
      </c>
      <c r="E81" s="21" t="s">
        <v>594</v>
      </c>
      <c r="F81" s="16">
        <v>14249</v>
      </c>
      <c r="G81" s="16">
        <v>262</v>
      </c>
      <c r="H81" s="16">
        <v>639</v>
      </c>
      <c r="I81" s="16">
        <v>836</v>
      </c>
      <c r="J81" s="16">
        <v>1034</v>
      </c>
      <c r="K81" s="16">
        <v>1195</v>
      </c>
    </row>
    <row r="82" spans="1:11">
      <c r="A82" s="21" t="s">
        <v>232</v>
      </c>
      <c r="B82" s="21" t="s">
        <v>237</v>
      </c>
      <c r="C82" s="21" t="s">
        <v>264</v>
      </c>
      <c r="D82" s="21" t="s">
        <v>474</v>
      </c>
      <c r="E82" s="21" t="s">
        <v>595</v>
      </c>
      <c r="F82" s="16">
        <v>242940</v>
      </c>
      <c r="G82" s="22" t="s">
        <v>268</v>
      </c>
      <c r="H82" s="22" t="s">
        <v>268</v>
      </c>
      <c r="I82" s="16">
        <v>4</v>
      </c>
      <c r="J82" s="16">
        <v>165</v>
      </c>
      <c r="K82" s="16">
        <v>3976</v>
      </c>
    </row>
    <row r="83" spans="1:11">
      <c r="A83" s="21" t="s">
        <v>232</v>
      </c>
      <c r="B83" s="21" t="s">
        <v>237</v>
      </c>
      <c r="C83" s="21" t="s">
        <v>264</v>
      </c>
      <c r="D83" s="21" t="s">
        <v>474</v>
      </c>
      <c r="E83" s="21" t="s">
        <v>596</v>
      </c>
      <c r="F83" s="16">
        <v>3634</v>
      </c>
      <c r="G83" s="22" t="s">
        <v>268</v>
      </c>
      <c r="H83" s="22" t="s">
        <v>268</v>
      </c>
      <c r="I83" s="22" t="s">
        <v>268</v>
      </c>
      <c r="J83" s="22" t="s">
        <v>268</v>
      </c>
      <c r="K83" s="22" t="s">
        <v>268</v>
      </c>
    </row>
    <row r="84" spans="1:11">
      <c r="A84" s="21" t="s">
        <v>232</v>
      </c>
      <c r="B84" s="21" t="s">
        <v>237</v>
      </c>
      <c r="C84" s="21" t="s">
        <v>264</v>
      </c>
      <c r="D84" s="21" t="s">
        <v>474</v>
      </c>
      <c r="E84" s="21" t="s">
        <v>597</v>
      </c>
      <c r="F84" s="16">
        <v>220757</v>
      </c>
      <c r="G84" s="16">
        <v>12516</v>
      </c>
      <c r="H84" s="16">
        <v>28651</v>
      </c>
      <c r="I84" s="16">
        <v>37572</v>
      </c>
      <c r="J84" s="16">
        <v>46591</v>
      </c>
      <c r="K84" s="16">
        <v>51601</v>
      </c>
    </row>
    <row r="85" spans="1:11">
      <c r="A85" s="21" t="s">
        <v>232</v>
      </c>
      <c r="B85" s="21" t="s">
        <v>237</v>
      </c>
      <c r="C85" s="21" t="s">
        <v>264</v>
      </c>
      <c r="D85" s="21" t="s">
        <v>474</v>
      </c>
      <c r="E85" s="21" t="s">
        <v>598</v>
      </c>
      <c r="F85" s="16">
        <v>30409</v>
      </c>
      <c r="G85" s="16">
        <v>2581</v>
      </c>
      <c r="H85" s="16">
        <v>8655</v>
      </c>
      <c r="I85" s="16">
        <v>12718</v>
      </c>
      <c r="J85" s="16">
        <v>16852</v>
      </c>
      <c r="K85" s="16">
        <v>19011</v>
      </c>
    </row>
    <row r="86" spans="1:11">
      <c r="A86" s="21" t="s">
        <v>232</v>
      </c>
      <c r="B86" s="21" t="s">
        <v>237</v>
      </c>
      <c r="C86" s="21" t="s">
        <v>264</v>
      </c>
      <c r="D86" s="21" t="s">
        <v>474</v>
      </c>
      <c r="E86" s="21" t="s">
        <v>599</v>
      </c>
      <c r="F86" s="16">
        <v>53564</v>
      </c>
      <c r="G86" s="16">
        <v>4165</v>
      </c>
      <c r="H86" s="16">
        <v>12798</v>
      </c>
      <c r="I86" s="16">
        <v>18320</v>
      </c>
      <c r="J86" s="16">
        <v>23903</v>
      </c>
      <c r="K86" s="16">
        <v>26880</v>
      </c>
    </row>
    <row r="87" spans="1:11">
      <c r="A87" s="21" t="s">
        <v>232</v>
      </c>
      <c r="B87" s="21" t="s">
        <v>237</v>
      </c>
      <c r="C87" s="21" t="s">
        <v>264</v>
      </c>
      <c r="D87" s="21" t="s">
        <v>474</v>
      </c>
      <c r="E87" s="21" t="s">
        <v>600</v>
      </c>
      <c r="F87" s="16">
        <v>2800</v>
      </c>
      <c r="G87" s="16">
        <v>110</v>
      </c>
      <c r="H87" s="16">
        <v>629</v>
      </c>
      <c r="I87" s="16">
        <v>1037</v>
      </c>
      <c r="J87" s="16">
        <v>1481</v>
      </c>
      <c r="K87" s="16">
        <v>1729</v>
      </c>
    </row>
    <row r="88" spans="1:11">
      <c r="A88" s="21" t="s">
        <v>232</v>
      </c>
      <c r="B88" s="21" t="s">
        <v>237</v>
      </c>
      <c r="C88" s="21" t="s">
        <v>264</v>
      </c>
      <c r="D88" s="21" t="s">
        <v>474</v>
      </c>
      <c r="E88" s="21" t="s">
        <v>601</v>
      </c>
      <c r="F88" s="16">
        <v>9511</v>
      </c>
      <c r="G88" s="16">
        <v>346</v>
      </c>
      <c r="H88" s="16">
        <v>1515</v>
      </c>
      <c r="I88" s="16">
        <v>2434</v>
      </c>
      <c r="J88" s="16">
        <v>3381</v>
      </c>
      <c r="K88" s="16">
        <v>3922</v>
      </c>
    </row>
    <row r="89" spans="1:11">
      <c r="A89" s="21" t="s">
        <v>232</v>
      </c>
      <c r="B89" s="21" t="s">
        <v>237</v>
      </c>
      <c r="C89" s="21" t="s">
        <v>264</v>
      </c>
      <c r="D89" s="21" t="s">
        <v>474</v>
      </c>
      <c r="E89" s="21" t="s">
        <v>602</v>
      </c>
      <c r="F89" s="16">
        <v>188350</v>
      </c>
      <c r="G89" s="22" t="s">
        <v>268</v>
      </c>
      <c r="H89" s="22" t="s">
        <v>268</v>
      </c>
      <c r="I89" s="22" t="s">
        <v>268</v>
      </c>
      <c r="J89" s="22" t="s">
        <v>268</v>
      </c>
      <c r="K89" s="22" t="s">
        <v>268</v>
      </c>
    </row>
    <row r="90" spans="1:11">
      <c r="A90" s="21" t="s">
        <v>232</v>
      </c>
      <c r="B90" s="21" t="s">
        <v>237</v>
      </c>
      <c r="C90" s="21" t="s">
        <v>264</v>
      </c>
      <c r="D90" s="21" t="s">
        <v>474</v>
      </c>
      <c r="E90" s="21" t="s">
        <v>603</v>
      </c>
      <c r="F90" s="16">
        <v>92410</v>
      </c>
      <c r="G90" s="22" t="s">
        <v>268</v>
      </c>
      <c r="H90" s="22" t="s">
        <v>268</v>
      </c>
      <c r="I90" s="22" t="s">
        <v>268</v>
      </c>
      <c r="J90" s="22" t="s">
        <v>268</v>
      </c>
      <c r="K90" s="22" t="s">
        <v>268</v>
      </c>
    </row>
    <row r="91" spans="1:11">
      <c r="A91" s="21" t="s">
        <v>240</v>
      </c>
      <c r="B91" s="21" t="s">
        <v>237</v>
      </c>
      <c r="C91" s="21" t="s">
        <v>265</v>
      </c>
      <c r="D91" s="21" t="s">
        <v>474</v>
      </c>
      <c r="E91" s="21" t="s">
        <v>214</v>
      </c>
      <c r="F91" s="16">
        <v>117827</v>
      </c>
      <c r="G91" s="16">
        <v>5293</v>
      </c>
      <c r="H91" s="16">
        <v>11465</v>
      </c>
      <c r="I91" s="16">
        <v>14645</v>
      </c>
      <c r="J91" s="16">
        <v>17797</v>
      </c>
      <c r="K91" s="16">
        <v>19583</v>
      </c>
    </row>
    <row r="92" spans="1:11">
      <c r="A92" s="21" t="s">
        <v>240</v>
      </c>
      <c r="B92" s="21" t="s">
        <v>237</v>
      </c>
      <c r="C92" s="21" t="s">
        <v>265</v>
      </c>
      <c r="D92" s="21" t="s">
        <v>474</v>
      </c>
      <c r="E92" s="21" t="s">
        <v>564</v>
      </c>
      <c r="F92" s="16">
        <v>100725</v>
      </c>
      <c r="G92" s="16">
        <v>5265</v>
      </c>
      <c r="H92" s="16">
        <v>11405</v>
      </c>
      <c r="I92" s="16">
        <v>14569</v>
      </c>
      <c r="J92" s="16">
        <v>17701</v>
      </c>
      <c r="K92" s="16">
        <v>19370</v>
      </c>
    </row>
    <row r="93" spans="1:11">
      <c r="A93" s="21" t="s">
        <v>240</v>
      </c>
      <c r="B93" s="21" t="s">
        <v>237</v>
      </c>
      <c r="C93" s="21" t="s">
        <v>265</v>
      </c>
      <c r="D93" s="21" t="s">
        <v>240</v>
      </c>
      <c r="E93" s="21" t="s">
        <v>565</v>
      </c>
      <c r="F93" s="16">
        <v>72299</v>
      </c>
      <c r="G93" s="16">
        <v>4020</v>
      </c>
      <c r="H93" s="16">
        <v>8566</v>
      </c>
      <c r="I93" s="16">
        <v>10859</v>
      </c>
      <c r="J93" s="16">
        <v>13083</v>
      </c>
      <c r="K93" s="16">
        <v>14219</v>
      </c>
    </row>
    <row r="94" spans="1:11">
      <c r="A94" s="21" t="s">
        <v>240</v>
      </c>
      <c r="B94" s="21" t="s">
        <v>237</v>
      </c>
      <c r="C94" s="21" t="s">
        <v>265</v>
      </c>
      <c r="D94" s="21" t="s">
        <v>476</v>
      </c>
      <c r="E94" s="21" t="s">
        <v>566</v>
      </c>
      <c r="F94" s="16">
        <v>20490</v>
      </c>
      <c r="G94" s="22" t="s">
        <v>268</v>
      </c>
      <c r="H94" s="22" t="s">
        <v>268</v>
      </c>
      <c r="I94" s="22" t="s">
        <v>268</v>
      </c>
      <c r="J94" s="22" t="s">
        <v>268</v>
      </c>
      <c r="K94" s="16">
        <v>3</v>
      </c>
    </row>
    <row r="95" spans="1:11">
      <c r="A95" s="21" t="s">
        <v>240</v>
      </c>
      <c r="B95" s="21" t="s">
        <v>237</v>
      </c>
      <c r="C95" s="21" t="s">
        <v>265</v>
      </c>
      <c r="D95" s="21" t="s">
        <v>476</v>
      </c>
      <c r="E95" s="21" t="s">
        <v>567</v>
      </c>
      <c r="F95" s="16">
        <v>39510</v>
      </c>
      <c r="G95" s="16">
        <v>3703</v>
      </c>
      <c r="H95" s="16">
        <v>7526</v>
      </c>
      <c r="I95" s="16">
        <v>9327</v>
      </c>
      <c r="J95" s="16">
        <v>10987</v>
      </c>
      <c r="K95" s="16">
        <v>11823</v>
      </c>
    </row>
    <row r="96" spans="1:11">
      <c r="A96" s="21" t="s">
        <v>240</v>
      </c>
      <c r="B96" s="21" t="s">
        <v>237</v>
      </c>
      <c r="C96" s="21" t="s">
        <v>265</v>
      </c>
      <c r="D96" s="21" t="s">
        <v>476</v>
      </c>
      <c r="E96" s="21" t="s">
        <v>568</v>
      </c>
      <c r="F96" s="16">
        <v>1736</v>
      </c>
      <c r="G96" s="16">
        <v>19</v>
      </c>
      <c r="H96" s="16">
        <v>64</v>
      </c>
      <c r="I96" s="16">
        <v>109</v>
      </c>
      <c r="J96" s="16">
        <v>177</v>
      </c>
      <c r="K96" s="16">
        <v>208</v>
      </c>
    </row>
    <row r="97" spans="1:11">
      <c r="A97" s="21" t="s">
        <v>240</v>
      </c>
      <c r="B97" s="21" t="s">
        <v>237</v>
      </c>
      <c r="C97" s="21" t="s">
        <v>265</v>
      </c>
      <c r="D97" s="21" t="s">
        <v>476</v>
      </c>
      <c r="E97" s="21" t="s">
        <v>569</v>
      </c>
      <c r="F97" s="16">
        <v>10563</v>
      </c>
      <c r="G97" s="16">
        <v>298</v>
      </c>
      <c r="H97" s="16">
        <v>976</v>
      </c>
      <c r="I97" s="16">
        <v>1423</v>
      </c>
      <c r="J97" s="16">
        <v>1919</v>
      </c>
      <c r="K97" s="16">
        <v>2185</v>
      </c>
    </row>
    <row r="98" spans="1:11">
      <c r="A98" s="21" t="s">
        <v>240</v>
      </c>
      <c r="B98" s="21" t="s">
        <v>237</v>
      </c>
      <c r="C98" s="21" t="s">
        <v>265</v>
      </c>
      <c r="D98" s="21" t="s">
        <v>240</v>
      </c>
      <c r="E98" s="21" t="s">
        <v>570</v>
      </c>
      <c r="F98" s="16">
        <v>28426</v>
      </c>
      <c r="G98" s="16">
        <v>1245</v>
      </c>
      <c r="H98" s="16">
        <v>2839</v>
      </c>
      <c r="I98" s="16">
        <v>3710</v>
      </c>
      <c r="J98" s="16">
        <v>4618</v>
      </c>
      <c r="K98" s="16">
        <v>5151</v>
      </c>
    </row>
    <row r="99" spans="1:11">
      <c r="A99" s="21" t="s">
        <v>240</v>
      </c>
      <c r="B99" s="21" t="s">
        <v>237</v>
      </c>
      <c r="C99" s="21" t="s">
        <v>265</v>
      </c>
      <c r="D99" s="21" t="s">
        <v>476</v>
      </c>
      <c r="E99" s="21" t="s">
        <v>571</v>
      </c>
      <c r="F99" s="16">
        <v>1500</v>
      </c>
      <c r="G99" s="22" t="s">
        <v>268</v>
      </c>
      <c r="H99" s="22" t="s">
        <v>268</v>
      </c>
      <c r="I99" s="22" t="s">
        <v>268</v>
      </c>
      <c r="J99" s="22" t="s">
        <v>268</v>
      </c>
      <c r="K99" s="22" t="s">
        <v>268</v>
      </c>
    </row>
    <row r="100" spans="1:11">
      <c r="A100" s="21" t="s">
        <v>240</v>
      </c>
      <c r="B100" s="21" t="s">
        <v>237</v>
      </c>
      <c r="C100" s="21" t="s">
        <v>265</v>
      </c>
      <c r="D100" s="21" t="s">
        <v>572</v>
      </c>
      <c r="E100" s="21" t="s">
        <v>573</v>
      </c>
      <c r="F100" s="16">
        <v>1248</v>
      </c>
      <c r="G100" s="22" t="s">
        <v>268</v>
      </c>
      <c r="H100" s="22" t="s">
        <v>268</v>
      </c>
      <c r="I100" s="22" t="s">
        <v>268</v>
      </c>
      <c r="J100" s="22" t="s">
        <v>268</v>
      </c>
      <c r="K100" s="22" t="s">
        <v>268</v>
      </c>
    </row>
    <row r="101" spans="1:11">
      <c r="A101" s="21" t="s">
        <v>240</v>
      </c>
      <c r="B101" s="21" t="s">
        <v>237</v>
      </c>
      <c r="C101" s="21" t="s">
        <v>265</v>
      </c>
      <c r="D101" s="21" t="s">
        <v>572</v>
      </c>
      <c r="E101" s="21" t="s">
        <v>574</v>
      </c>
      <c r="F101" s="16">
        <v>252</v>
      </c>
      <c r="G101" s="22" t="s">
        <v>268</v>
      </c>
      <c r="H101" s="22" t="s">
        <v>268</v>
      </c>
      <c r="I101" s="22" t="s">
        <v>268</v>
      </c>
      <c r="J101" s="22" t="s">
        <v>268</v>
      </c>
      <c r="K101" s="22" t="s">
        <v>268</v>
      </c>
    </row>
    <row r="102" spans="1:11">
      <c r="A102" s="21" t="s">
        <v>240</v>
      </c>
      <c r="B102" s="21" t="s">
        <v>237</v>
      </c>
      <c r="C102" s="21" t="s">
        <v>265</v>
      </c>
      <c r="D102" s="21" t="s">
        <v>476</v>
      </c>
      <c r="E102" s="21" t="s">
        <v>575</v>
      </c>
      <c r="F102" s="16">
        <v>3135</v>
      </c>
      <c r="G102" s="22" t="s">
        <v>268</v>
      </c>
      <c r="H102" s="22" t="s">
        <v>268</v>
      </c>
      <c r="I102" s="22" t="s">
        <v>268</v>
      </c>
      <c r="J102" s="22" t="s">
        <v>268</v>
      </c>
      <c r="K102" s="22" t="s">
        <v>268</v>
      </c>
    </row>
    <row r="103" spans="1:11">
      <c r="A103" s="21" t="s">
        <v>240</v>
      </c>
      <c r="B103" s="21" t="s">
        <v>237</v>
      </c>
      <c r="C103" s="21" t="s">
        <v>265</v>
      </c>
      <c r="D103" s="21" t="s">
        <v>572</v>
      </c>
      <c r="E103" s="21" t="s">
        <v>576</v>
      </c>
      <c r="F103" s="16">
        <v>2517</v>
      </c>
      <c r="G103" s="22" t="s">
        <v>268</v>
      </c>
      <c r="H103" s="22" t="s">
        <v>268</v>
      </c>
      <c r="I103" s="22" t="s">
        <v>268</v>
      </c>
      <c r="J103" s="22" t="s">
        <v>268</v>
      </c>
      <c r="K103" s="22" t="s">
        <v>268</v>
      </c>
    </row>
    <row r="104" spans="1:11">
      <c r="A104" s="21" t="s">
        <v>240</v>
      </c>
      <c r="B104" s="21" t="s">
        <v>237</v>
      </c>
      <c r="C104" s="21" t="s">
        <v>265</v>
      </c>
      <c r="D104" s="21" t="s">
        <v>572</v>
      </c>
      <c r="E104" s="21" t="s">
        <v>577</v>
      </c>
      <c r="F104" s="16">
        <v>618</v>
      </c>
      <c r="G104" s="22" t="s">
        <v>268</v>
      </c>
      <c r="H104" s="22" t="s">
        <v>268</v>
      </c>
      <c r="I104" s="22" t="s">
        <v>268</v>
      </c>
      <c r="J104" s="22" t="s">
        <v>268</v>
      </c>
      <c r="K104" s="22" t="s">
        <v>268</v>
      </c>
    </row>
    <row r="105" spans="1:11">
      <c r="A105" s="21" t="s">
        <v>240</v>
      </c>
      <c r="B105" s="21" t="s">
        <v>237</v>
      </c>
      <c r="C105" s="21" t="s">
        <v>265</v>
      </c>
      <c r="D105" s="21" t="s">
        <v>476</v>
      </c>
      <c r="E105" s="21" t="s">
        <v>578</v>
      </c>
      <c r="F105" s="16">
        <v>5863</v>
      </c>
      <c r="G105" s="16">
        <v>333</v>
      </c>
      <c r="H105" s="16">
        <v>817</v>
      </c>
      <c r="I105" s="16">
        <v>1092</v>
      </c>
      <c r="J105" s="16">
        <v>1358</v>
      </c>
      <c r="K105" s="16">
        <v>1498</v>
      </c>
    </row>
    <row r="106" spans="1:11">
      <c r="A106" s="21" t="s">
        <v>240</v>
      </c>
      <c r="B106" s="21" t="s">
        <v>237</v>
      </c>
      <c r="C106" s="21" t="s">
        <v>265</v>
      </c>
      <c r="D106" s="21" t="s">
        <v>572</v>
      </c>
      <c r="E106" s="21" t="s">
        <v>579</v>
      </c>
      <c r="F106" s="16">
        <v>4918</v>
      </c>
      <c r="G106" s="16">
        <v>254</v>
      </c>
      <c r="H106" s="16">
        <v>647</v>
      </c>
      <c r="I106" s="16">
        <v>874</v>
      </c>
      <c r="J106" s="16">
        <v>1111</v>
      </c>
      <c r="K106" s="16">
        <v>1233</v>
      </c>
    </row>
    <row r="107" spans="1:11">
      <c r="A107" s="21" t="s">
        <v>240</v>
      </c>
      <c r="B107" s="21" t="s">
        <v>237</v>
      </c>
      <c r="C107" s="21" t="s">
        <v>265</v>
      </c>
      <c r="D107" s="21" t="s">
        <v>572</v>
      </c>
      <c r="E107" s="21" t="s">
        <v>580</v>
      </c>
      <c r="F107" s="16">
        <v>945</v>
      </c>
      <c r="G107" s="16">
        <v>79</v>
      </c>
      <c r="H107" s="16">
        <v>170</v>
      </c>
      <c r="I107" s="16">
        <v>218</v>
      </c>
      <c r="J107" s="16">
        <v>247</v>
      </c>
      <c r="K107" s="16">
        <v>265</v>
      </c>
    </row>
    <row r="108" spans="1:11">
      <c r="A108" s="21" t="s">
        <v>240</v>
      </c>
      <c r="B108" s="21" t="s">
        <v>237</v>
      </c>
      <c r="C108" s="21" t="s">
        <v>265</v>
      </c>
      <c r="D108" s="21" t="s">
        <v>476</v>
      </c>
      <c r="E108" s="21" t="s">
        <v>581</v>
      </c>
      <c r="F108" s="16">
        <v>6071</v>
      </c>
      <c r="G108" s="16">
        <v>213</v>
      </c>
      <c r="H108" s="16">
        <v>569</v>
      </c>
      <c r="I108" s="16">
        <v>796</v>
      </c>
      <c r="J108" s="16">
        <v>1031</v>
      </c>
      <c r="K108" s="16">
        <v>1167</v>
      </c>
    </row>
    <row r="109" spans="1:11">
      <c r="A109" s="21" t="s">
        <v>240</v>
      </c>
      <c r="B109" s="21" t="s">
        <v>237</v>
      </c>
      <c r="C109" s="21" t="s">
        <v>265</v>
      </c>
      <c r="D109" s="21" t="s">
        <v>572</v>
      </c>
      <c r="E109" s="21" t="s">
        <v>582</v>
      </c>
      <c r="F109" s="16">
        <v>4774</v>
      </c>
      <c r="G109" s="16">
        <v>138</v>
      </c>
      <c r="H109" s="16">
        <v>389</v>
      </c>
      <c r="I109" s="16">
        <v>559</v>
      </c>
      <c r="J109" s="16">
        <v>748</v>
      </c>
      <c r="K109" s="16">
        <v>854</v>
      </c>
    </row>
    <row r="110" spans="1:11">
      <c r="A110" s="21" t="s">
        <v>240</v>
      </c>
      <c r="B110" s="21" t="s">
        <v>237</v>
      </c>
      <c r="C110" s="21" t="s">
        <v>265</v>
      </c>
      <c r="D110" s="21" t="s">
        <v>572</v>
      </c>
      <c r="E110" s="21" t="s">
        <v>583</v>
      </c>
      <c r="F110" s="16">
        <v>1291</v>
      </c>
      <c r="G110" s="16">
        <v>75</v>
      </c>
      <c r="H110" s="16">
        <v>180</v>
      </c>
      <c r="I110" s="16">
        <v>237</v>
      </c>
      <c r="J110" s="16">
        <v>283</v>
      </c>
      <c r="K110" s="16">
        <v>313</v>
      </c>
    </row>
    <row r="111" spans="1:11">
      <c r="A111" s="21" t="s">
        <v>240</v>
      </c>
      <c r="B111" s="21" t="s">
        <v>237</v>
      </c>
      <c r="C111" s="21" t="s">
        <v>265</v>
      </c>
      <c r="D111" s="21" t="s">
        <v>476</v>
      </c>
      <c r="E111" s="21" t="s">
        <v>584</v>
      </c>
      <c r="F111" s="16">
        <v>637</v>
      </c>
      <c r="G111" s="16">
        <v>20</v>
      </c>
      <c r="H111" s="16">
        <v>38</v>
      </c>
      <c r="I111" s="16">
        <v>56</v>
      </c>
      <c r="J111" s="16">
        <v>70</v>
      </c>
      <c r="K111" s="16">
        <v>80</v>
      </c>
    </row>
    <row r="112" spans="1:11">
      <c r="A112" s="21" t="s">
        <v>240</v>
      </c>
      <c r="B112" s="21" t="s">
        <v>237</v>
      </c>
      <c r="C112" s="21" t="s">
        <v>265</v>
      </c>
      <c r="D112" s="21" t="s">
        <v>476</v>
      </c>
      <c r="E112" s="21" t="s">
        <v>585</v>
      </c>
      <c r="F112" s="16">
        <v>3001</v>
      </c>
      <c r="G112" s="16">
        <v>150</v>
      </c>
      <c r="H112" s="16">
        <v>364</v>
      </c>
      <c r="I112" s="16">
        <v>487</v>
      </c>
      <c r="J112" s="16">
        <v>632</v>
      </c>
      <c r="K112" s="16">
        <v>719</v>
      </c>
    </row>
    <row r="113" spans="1:11">
      <c r="A113" s="21" t="s">
        <v>240</v>
      </c>
      <c r="B113" s="21" t="s">
        <v>237</v>
      </c>
      <c r="C113" s="21" t="s">
        <v>265</v>
      </c>
      <c r="D113" s="21" t="s">
        <v>476</v>
      </c>
      <c r="E113" s="21" t="s">
        <v>586</v>
      </c>
      <c r="F113" s="16">
        <v>1321</v>
      </c>
      <c r="G113" s="16">
        <v>119</v>
      </c>
      <c r="H113" s="16">
        <v>197</v>
      </c>
      <c r="I113" s="16">
        <v>218</v>
      </c>
      <c r="J113" s="16">
        <v>235</v>
      </c>
      <c r="K113" s="16">
        <v>246</v>
      </c>
    </row>
    <row r="114" spans="1:11">
      <c r="A114" s="21" t="s">
        <v>240</v>
      </c>
      <c r="B114" s="21" t="s">
        <v>237</v>
      </c>
      <c r="C114" s="21" t="s">
        <v>265</v>
      </c>
      <c r="D114" s="21" t="s">
        <v>572</v>
      </c>
      <c r="E114" s="21" t="s">
        <v>587</v>
      </c>
      <c r="F114" s="16">
        <v>329</v>
      </c>
      <c r="G114" s="22" t="s">
        <v>268</v>
      </c>
      <c r="H114" s="16">
        <v>1</v>
      </c>
      <c r="I114" s="16">
        <v>1</v>
      </c>
      <c r="J114" s="16">
        <v>3</v>
      </c>
      <c r="K114" s="16">
        <v>3</v>
      </c>
    </row>
    <row r="115" spans="1:11">
      <c r="A115" s="21" t="s">
        <v>240</v>
      </c>
      <c r="B115" s="21" t="s">
        <v>237</v>
      </c>
      <c r="C115" s="21" t="s">
        <v>265</v>
      </c>
      <c r="D115" s="21" t="s">
        <v>572</v>
      </c>
      <c r="E115" s="21" t="s">
        <v>588</v>
      </c>
      <c r="F115" s="16">
        <v>105</v>
      </c>
      <c r="G115" s="16">
        <v>1</v>
      </c>
      <c r="H115" s="16">
        <v>1</v>
      </c>
      <c r="I115" s="16">
        <v>4</v>
      </c>
      <c r="J115" s="16">
        <v>5</v>
      </c>
      <c r="K115" s="16">
        <v>7</v>
      </c>
    </row>
    <row r="116" spans="1:11">
      <c r="A116" s="21" t="s">
        <v>240</v>
      </c>
      <c r="B116" s="21" t="s">
        <v>237</v>
      </c>
      <c r="C116" s="21" t="s">
        <v>265</v>
      </c>
      <c r="D116" s="21" t="s">
        <v>476</v>
      </c>
      <c r="E116" s="21" t="s">
        <v>589</v>
      </c>
      <c r="F116" s="16">
        <v>3271</v>
      </c>
      <c r="G116" s="16">
        <v>318</v>
      </c>
      <c r="H116" s="16">
        <v>598</v>
      </c>
      <c r="I116" s="16">
        <v>709</v>
      </c>
      <c r="J116" s="16">
        <v>812</v>
      </c>
      <c r="K116" s="16">
        <v>867</v>
      </c>
    </row>
    <row r="117" spans="1:11">
      <c r="A117" s="21" t="s">
        <v>240</v>
      </c>
      <c r="B117" s="21" t="s">
        <v>237</v>
      </c>
      <c r="C117" s="21" t="s">
        <v>265</v>
      </c>
      <c r="D117" s="21" t="s">
        <v>572</v>
      </c>
      <c r="E117" s="21" t="s">
        <v>590</v>
      </c>
      <c r="F117" s="16">
        <v>2632</v>
      </c>
      <c r="G117" s="16">
        <v>247</v>
      </c>
      <c r="H117" s="16">
        <v>469</v>
      </c>
      <c r="I117" s="16">
        <v>560</v>
      </c>
      <c r="J117" s="16">
        <v>647</v>
      </c>
      <c r="K117" s="16">
        <v>695</v>
      </c>
    </row>
    <row r="118" spans="1:11">
      <c r="A118" s="21" t="s">
        <v>240</v>
      </c>
      <c r="B118" s="21" t="s">
        <v>237</v>
      </c>
      <c r="C118" s="21" t="s">
        <v>265</v>
      </c>
      <c r="D118" s="21" t="s">
        <v>572</v>
      </c>
      <c r="E118" s="21" t="s">
        <v>591</v>
      </c>
      <c r="F118" s="16">
        <v>615</v>
      </c>
      <c r="G118" s="16">
        <v>71</v>
      </c>
      <c r="H118" s="16">
        <v>129</v>
      </c>
      <c r="I118" s="16">
        <v>148</v>
      </c>
      <c r="J118" s="16">
        <v>163</v>
      </c>
      <c r="K118" s="16">
        <v>169</v>
      </c>
    </row>
    <row r="119" spans="1:11">
      <c r="A119" s="21" t="s">
        <v>240</v>
      </c>
      <c r="B119" s="21" t="s">
        <v>237</v>
      </c>
      <c r="C119" s="21" t="s">
        <v>265</v>
      </c>
      <c r="D119" s="21" t="s">
        <v>476</v>
      </c>
      <c r="E119" s="21" t="s">
        <v>592</v>
      </c>
      <c r="F119" s="16">
        <v>786</v>
      </c>
      <c r="G119" s="22" t="s">
        <v>268</v>
      </c>
      <c r="H119" s="22" t="s">
        <v>268</v>
      </c>
      <c r="I119" s="16">
        <v>1</v>
      </c>
      <c r="J119" s="16">
        <v>3</v>
      </c>
      <c r="K119" s="16">
        <v>6</v>
      </c>
    </row>
    <row r="120" spans="1:11">
      <c r="A120" s="21" t="s">
        <v>240</v>
      </c>
      <c r="B120" s="21" t="s">
        <v>237</v>
      </c>
      <c r="C120" s="21" t="s">
        <v>265</v>
      </c>
      <c r="D120" s="21" t="s">
        <v>476</v>
      </c>
      <c r="E120" s="21" t="s">
        <v>593</v>
      </c>
      <c r="F120" s="16">
        <v>2841</v>
      </c>
      <c r="G120" s="16">
        <v>92</v>
      </c>
      <c r="H120" s="16">
        <v>256</v>
      </c>
      <c r="I120" s="16">
        <v>351</v>
      </c>
      <c r="J120" s="16">
        <v>477</v>
      </c>
      <c r="K120" s="16">
        <v>568</v>
      </c>
    </row>
    <row r="121" spans="1:11">
      <c r="A121" s="21" t="s">
        <v>240</v>
      </c>
      <c r="B121" s="21" t="s">
        <v>237</v>
      </c>
      <c r="C121" s="21" t="s">
        <v>265</v>
      </c>
      <c r="D121" s="21" t="s">
        <v>474</v>
      </c>
      <c r="E121" s="21" t="s">
        <v>594</v>
      </c>
      <c r="F121" s="16">
        <v>1117</v>
      </c>
      <c r="G121" s="16">
        <v>28</v>
      </c>
      <c r="H121" s="16">
        <v>60</v>
      </c>
      <c r="I121" s="16">
        <v>76</v>
      </c>
      <c r="J121" s="16">
        <v>95</v>
      </c>
      <c r="K121" s="16">
        <v>109</v>
      </c>
    </row>
    <row r="122" spans="1:11">
      <c r="A122" s="21" t="s">
        <v>240</v>
      </c>
      <c r="B122" s="21" t="s">
        <v>237</v>
      </c>
      <c r="C122" s="21" t="s">
        <v>265</v>
      </c>
      <c r="D122" s="21" t="s">
        <v>474</v>
      </c>
      <c r="E122" s="21" t="s">
        <v>595</v>
      </c>
      <c r="F122" s="16">
        <v>15791</v>
      </c>
      <c r="G122" s="22" t="s">
        <v>268</v>
      </c>
      <c r="H122" s="22" t="s">
        <v>268</v>
      </c>
      <c r="I122" s="22" t="s">
        <v>268</v>
      </c>
      <c r="J122" s="16">
        <v>1</v>
      </c>
      <c r="K122" s="16">
        <v>104</v>
      </c>
    </row>
    <row r="123" spans="1:11">
      <c r="A123" s="21" t="s">
        <v>240</v>
      </c>
      <c r="B123" s="21" t="s">
        <v>237</v>
      </c>
      <c r="C123" s="21" t="s">
        <v>265</v>
      </c>
      <c r="D123" s="21" t="s">
        <v>474</v>
      </c>
      <c r="E123" s="21" t="s">
        <v>596</v>
      </c>
      <c r="F123" s="16">
        <v>194</v>
      </c>
      <c r="G123" s="22" t="s">
        <v>268</v>
      </c>
      <c r="H123" s="22" t="s">
        <v>268</v>
      </c>
      <c r="I123" s="22" t="s">
        <v>268</v>
      </c>
      <c r="J123" s="22" t="s">
        <v>268</v>
      </c>
      <c r="K123" s="22" t="s">
        <v>268</v>
      </c>
    </row>
    <row r="124" spans="1:11">
      <c r="A124" s="21" t="s">
        <v>240</v>
      </c>
      <c r="B124" s="21" t="s">
        <v>237</v>
      </c>
      <c r="C124" s="21" t="s">
        <v>265</v>
      </c>
      <c r="D124" s="21" t="s">
        <v>474</v>
      </c>
      <c r="E124" s="21" t="s">
        <v>597</v>
      </c>
      <c r="F124" s="16">
        <v>21370</v>
      </c>
      <c r="G124" s="16">
        <v>1218</v>
      </c>
      <c r="H124" s="16">
        <v>2791</v>
      </c>
      <c r="I124" s="16">
        <v>3630</v>
      </c>
      <c r="J124" s="16">
        <v>4505</v>
      </c>
      <c r="K124" s="16">
        <v>5001</v>
      </c>
    </row>
    <row r="125" spans="1:11">
      <c r="A125" s="21" t="s">
        <v>240</v>
      </c>
      <c r="B125" s="21" t="s">
        <v>237</v>
      </c>
      <c r="C125" s="21" t="s">
        <v>265</v>
      </c>
      <c r="D125" s="21" t="s">
        <v>474</v>
      </c>
      <c r="E125" s="21" t="s">
        <v>598</v>
      </c>
      <c r="F125" s="16">
        <v>2309</v>
      </c>
      <c r="G125" s="16">
        <v>201</v>
      </c>
      <c r="H125" s="16">
        <v>675</v>
      </c>
      <c r="I125" s="16">
        <v>989</v>
      </c>
      <c r="J125" s="16">
        <v>1298</v>
      </c>
      <c r="K125" s="16">
        <v>1454</v>
      </c>
    </row>
    <row r="126" spans="1:11">
      <c r="A126" s="21" t="s">
        <v>240</v>
      </c>
      <c r="B126" s="21" t="s">
        <v>237</v>
      </c>
      <c r="C126" s="21" t="s">
        <v>265</v>
      </c>
      <c r="D126" s="21" t="s">
        <v>474</v>
      </c>
      <c r="E126" s="21" t="s">
        <v>599</v>
      </c>
      <c r="F126" s="16">
        <v>4475</v>
      </c>
      <c r="G126" s="16">
        <v>329</v>
      </c>
      <c r="H126" s="16">
        <v>1052</v>
      </c>
      <c r="I126" s="16">
        <v>1491</v>
      </c>
      <c r="J126" s="16">
        <v>1960</v>
      </c>
      <c r="K126" s="16">
        <v>2192</v>
      </c>
    </row>
    <row r="127" spans="1:11">
      <c r="A127" s="21" t="s">
        <v>240</v>
      </c>
      <c r="B127" s="21" t="s">
        <v>237</v>
      </c>
      <c r="C127" s="21" t="s">
        <v>265</v>
      </c>
      <c r="D127" s="21" t="s">
        <v>474</v>
      </c>
      <c r="E127" s="21" t="s">
        <v>600</v>
      </c>
      <c r="F127" s="16">
        <v>214</v>
      </c>
      <c r="G127" s="16">
        <v>13</v>
      </c>
      <c r="H127" s="16">
        <v>49</v>
      </c>
      <c r="I127" s="16">
        <v>77</v>
      </c>
      <c r="J127" s="16">
        <v>119</v>
      </c>
      <c r="K127" s="16">
        <v>135</v>
      </c>
    </row>
    <row r="128" spans="1:11">
      <c r="A128" s="21" t="s">
        <v>240</v>
      </c>
      <c r="B128" s="21" t="s">
        <v>237</v>
      </c>
      <c r="C128" s="21" t="s">
        <v>265</v>
      </c>
      <c r="D128" s="21" t="s">
        <v>474</v>
      </c>
      <c r="E128" s="21" t="s">
        <v>601</v>
      </c>
      <c r="F128" s="16">
        <v>813</v>
      </c>
      <c r="G128" s="16">
        <v>29</v>
      </c>
      <c r="H128" s="16">
        <v>118</v>
      </c>
      <c r="I128" s="16">
        <v>183</v>
      </c>
      <c r="J128" s="16">
        <v>266</v>
      </c>
      <c r="K128" s="16">
        <v>314</v>
      </c>
    </row>
    <row r="129" spans="1:11">
      <c r="A129" s="21" t="s">
        <v>240</v>
      </c>
      <c r="B129" s="21" t="s">
        <v>237</v>
      </c>
      <c r="C129" s="21" t="s">
        <v>265</v>
      </c>
      <c r="D129" s="21" t="s">
        <v>474</v>
      </c>
      <c r="E129" s="21" t="s">
        <v>602</v>
      </c>
      <c r="F129" s="16">
        <v>13476</v>
      </c>
      <c r="G129" s="22" t="s">
        <v>268</v>
      </c>
      <c r="H129" s="22" t="s">
        <v>268</v>
      </c>
      <c r="I129" s="22" t="s">
        <v>268</v>
      </c>
      <c r="J129" s="22" t="s">
        <v>268</v>
      </c>
      <c r="K129" s="22" t="s">
        <v>268</v>
      </c>
    </row>
    <row r="130" spans="1:11">
      <c r="A130" s="21" t="s">
        <v>240</v>
      </c>
      <c r="B130" s="21" t="s">
        <v>237</v>
      </c>
      <c r="C130" s="21" t="s">
        <v>265</v>
      </c>
      <c r="D130" s="21" t="s">
        <v>474</v>
      </c>
      <c r="E130" s="21" t="s">
        <v>603</v>
      </c>
      <c r="F130" s="16">
        <v>6739</v>
      </c>
      <c r="G130" s="22" t="s">
        <v>268</v>
      </c>
      <c r="H130" s="22" t="s">
        <v>268</v>
      </c>
      <c r="I130" s="22" t="s">
        <v>268</v>
      </c>
      <c r="J130" s="22" t="s">
        <v>268</v>
      </c>
      <c r="K13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3" orientation="portrait" r:id="rId1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1A99E30-090D-468F-BCE6-23E21F9747EF}">
  <sheetPr>
    <pageSetUpPr fitToPage="1"/>
  </sheetPr>
  <dimension ref="A1:L131"/>
  <sheetViews>
    <sheetView zoomScaleNormal="100" workbookViewId="0">
      <pane xSplit="5" ySplit="11" topLeftCell="F12" activePane="bottomRight" state="frozen"/>
      <selection pane="topRight" activeCell="T1" sqref="T1"/>
      <selection pane="bottomLeft" activeCell="A21" sqref="A21"/>
      <selection pane="bottomRight" activeCell="B9" sqref="B9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2.375" style="20" bestFit="1" customWidth="1"/>
    <col min="5" max="5" width="52" style="20" bestFit="1" customWidth="1"/>
    <col min="6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611</v>
      </c>
    </row>
    <row r="3" spans="1:12" s="11" customFormat="1"/>
    <row r="4" spans="1:12" s="11" customFormat="1" outlineLevel="1">
      <c r="A4" s="11" t="s">
        <v>556</v>
      </c>
    </row>
    <row r="5" spans="1:12" s="11" customFormat="1" outlineLevel="1">
      <c r="A5" s="11" t="s">
        <v>612</v>
      </c>
    </row>
    <row r="6" spans="1:12" s="11" customFormat="1">
      <c r="F6" s="12" t="s">
        <v>494</v>
      </c>
      <c r="G6" s="12" t="s">
        <v>494</v>
      </c>
      <c r="H6" s="12" t="s">
        <v>494</v>
      </c>
      <c r="I6" s="12" t="s">
        <v>494</v>
      </c>
      <c r="J6" s="12" t="s">
        <v>494</v>
      </c>
      <c r="K6" s="12" t="s">
        <v>494</v>
      </c>
      <c r="L6" s="12" t="s">
        <v>557</v>
      </c>
    </row>
    <row r="7" spans="1:12" s="11" customFormat="1" ht="36">
      <c r="F7" s="12" t="s">
        <v>547</v>
      </c>
      <c r="G7" s="12" t="s">
        <v>547</v>
      </c>
      <c r="H7" s="12" t="s">
        <v>547</v>
      </c>
      <c r="I7" s="12" t="s">
        <v>547</v>
      </c>
      <c r="J7" s="12" t="s">
        <v>547</v>
      </c>
      <c r="K7" s="12" t="s">
        <v>547</v>
      </c>
      <c r="L7" s="12"/>
    </row>
    <row r="8" spans="1:12" s="11" customFormat="1">
      <c r="F8" s="12">
        <v>1</v>
      </c>
      <c r="G8" s="12">
        <v>1</v>
      </c>
      <c r="H8" s="12">
        <v>1</v>
      </c>
      <c r="I8" s="12">
        <v>1</v>
      </c>
      <c r="J8" s="12">
        <v>1</v>
      </c>
      <c r="K8" s="12">
        <v>1</v>
      </c>
      <c r="L8" s="12"/>
    </row>
    <row r="9" spans="1:12" s="11" customFormat="1" ht="36">
      <c r="F9" s="12" t="s">
        <v>214</v>
      </c>
      <c r="G9" s="12" t="s">
        <v>548</v>
      </c>
      <c r="H9" s="12" t="s">
        <v>558</v>
      </c>
      <c r="I9" s="12" t="s">
        <v>559</v>
      </c>
      <c r="J9" s="12" t="s">
        <v>560</v>
      </c>
      <c r="K9" s="12" t="s">
        <v>561</v>
      </c>
      <c r="L9" s="12"/>
    </row>
    <row r="10" spans="1:12" s="11" customFormat="1">
      <c r="F10" s="13" t="s">
        <v>223</v>
      </c>
      <c r="G10" s="13" t="s">
        <v>223</v>
      </c>
      <c r="H10" s="13" t="s">
        <v>223</v>
      </c>
      <c r="I10" s="13" t="s">
        <v>223</v>
      </c>
      <c r="J10" s="13" t="s">
        <v>223</v>
      </c>
      <c r="K10" s="13" t="s">
        <v>223</v>
      </c>
      <c r="L10" s="13" t="s">
        <v>223</v>
      </c>
    </row>
    <row r="11" spans="1:12" s="11" customFormat="1">
      <c r="A11" s="14" t="s">
        <v>224</v>
      </c>
      <c r="B11" s="14" t="s">
        <v>259</v>
      </c>
      <c r="C11" s="14" t="s">
        <v>260</v>
      </c>
      <c r="D11" s="14" t="s">
        <v>562</v>
      </c>
      <c r="E11" s="14" t="s">
        <v>563</v>
      </c>
      <c r="F11" s="14" t="s">
        <v>231</v>
      </c>
      <c r="G11" s="14"/>
      <c r="H11" s="14"/>
      <c r="I11" s="14"/>
      <c r="J11" s="14"/>
      <c r="K11" s="14"/>
      <c r="L11" s="14"/>
    </row>
    <row r="12" spans="1:12">
      <c r="A12" s="15" t="s">
        <v>232</v>
      </c>
      <c r="B12" s="15" t="s">
        <v>233</v>
      </c>
      <c r="C12" s="15" t="s">
        <v>262</v>
      </c>
      <c r="D12" s="15" t="s">
        <v>474</v>
      </c>
      <c r="E12" s="15" t="s">
        <v>214</v>
      </c>
      <c r="F12" s="16">
        <v>41133578</v>
      </c>
      <c r="G12" s="16">
        <v>3120934</v>
      </c>
      <c r="H12" s="16">
        <v>5470805</v>
      </c>
      <c r="I12" s="16">
        <v>6619035</v>
      </c>
      <c r="J12" s="16">
        <v>7773397</v>
      </c>
      <c r="K12" s="16">
        <v>8747901</v>
      </c>
      <c r="L12" s="16">
        <v>1074806</v>
      </c>
    </row>
    <row r="13" spans="1:12">
      <c r="A13" s="21" t="s">
        <v>232</v>
      </c>
      <c r="B13" s="21" t="s">
        <v>233</v>
      </c>
      <c r="C13" s="21" t="s">
        <v>262</v>
      </c>
      <c r="D13" s="21" t="s">
        <v>474</v>
      </c>
      <c r="E13" s="21" t="s">
        <v>564</v>
      </c>
      <c r="F13" s="16">
        <v>23517040</v>
      </c>
      <c r="G13" s="16">
        <v>3109295</v>
      </c>
      <c r="H13" s="16">
        <v>5449168</v>
      </c>
      <c r="I13" s="16">
        <v>6591840</v>
      </c>
      <c r="J13" s="16">
        <v>7733876</v>
      </c>
      <c r="K13" s="16">
        <v>8463271</v>
      </c>
      <c r="L13" s="16">
        <v>1069657</v>
      </c>
    </row>
    <row r="14" spans="1:12">
      <c r="A14" s="21" t="s">
        <v>232</v>
      </c>
      <c r="B14" s="21" t="s">
        <v>233</v>
      </c>
      <c r="C14" s="21" t="s">
        <v>262</v>
      </c>
      <c r="D14" s="21" t="s">
        <v>240</v>
      </c>
      <c r="E14" s="21" t="s">
        <v>565</v>
      </c>
      <c r="F14" s="16">
        <v>21659000</v>
      </c>
      <c r="G14" s="16">
        <v>2908674</v>
      </c>
      <c r="H14" s="16">
        <v>5048560</v>
      </c>
      <c r="I14" s="16">
        <v>6078419</v>
      </c>
      <c r="J14" s="16">
        <v>7095815</v>
      </c>
      <c r="K14" s="16">
        <v>7729846</v>
      </c>
      <c r="L14" s="22" t="s">
        <v>268</v>
      </c>
    </row>
    <row r="15" spans="1:12">
      <c r="A15" s="21" t="s">
        <v>232</v>
      </c>
      <c r="B15" s="21" t="s">
        <v>233</v>
      </c>
      <c r="C15" s="21" t="s">
        <v>262</v>
      </c>
      <c r="D15" s="21" t="s">
        <v>476</v>
      </c>
      <c r="E15" s="21" t="s">
        <v>566</v>
      </c>
      <c r="F15" s="16">
        <v>7852717</v>
      </c>
      <c r="G15" s="22" t="s">
        <v>268</v>
      </c>
      <c r="H15" s="22" t="s">
        <v>268</v>
      </c>
      <c r="I15" s="22" t="s">
        <v>268</v>
      </c>
      <c r="J15" s="16">
        <v>135</v>
      </c>
      <c r="K15" s="16">
        <v>1841</v>
      </c>
      <c r="L15" s="22" t="s">
        <v>268</v>
      </c>
    </row>
    <row r="16" spans="1:12">
      <c r="A16" s="21" t="s">
        <v>232</v>
      </c>
      <c r="B16" s="21" t="s">
        <v>233</v>
      </c>
      <c r="C16" s="21" t="s">
        <v>262</v>
      </c>
      <c r="D16" s="21" t="s">
        <v>476</v>
      </c>
      <c r="E16" s="21" t="s">
        <v>567</v>
      </c>
      <c r="F16" s="16">
        <v>10210733</v>
      </c>
      <c r="G16" s="16">
        <v>2736139</v>
      </c>
      <c r="H16" s="16">
        <v>4569775</v>
      </c>
      <c r="I16" s="16">
        <v>5397797</v>
      </c>
      <c r="J16" s="16">
        <v>6175404</v>
      </c>
      <c r="K16" s="16">
        <v>6641158</v>
      </c>
      <c r="L16" s="22" t="s">
        <v>268</v>
      </c>
    </row>
    <row r="17" spans="1:12">
      <c r="A17" s="21" t="s">
        <v>232</v>
      </c>
      <c r="B17" s="21" t="s">
        <v>233</v>
      </c>
      <c r="C17" s="21" t="s">
        <v>262</v>
      </c>
      <c r="D17" s="21" t="s">
        <v>476</v>
      </c>
      <c r="E17" s="21" t="s">
        <v>568</v>
      </c>
      <c r="F17" s="16">
        <v>497392</v>
      </c>
      <c r="G17" s="16">
        <v>9214</v>
      </c>
      <c r="H17" s="16">
        <v>32282</v>
      </c>
      <c r="I17" s="16">
        <v>51366</v>
      </c>
      <c r="J17" s="16">
        <v>77707</v>
      </c>
      <c r="K17" s="16">
        <v>100037</v>
      </c>
      <c r="L17" s="22" t="s">
        <v>268</v>
      </c>
    </row>
    <row r="18" spans="1:12">
      <c r="A18" s="21" t="s">
        <v>232</v>
      </c>
      <c r="B18" s="21" t="s">
        <v>233</v>
      </c>
      <c r="C18" s="21" t="s">
        <v>262</v>
      </c>
      <c r="D18" s="21" t="s">
        <v>476</v>
      </c>
      <c r="E18" s="21" t="s">
        <v>569</v>
      </c>
      <c r="F18" s="16">
        <v>3098158</v>
      </c>
      <c r="G18" s="16">
        <v>163321</v>
      </c>
      <c r="H18" s="16">
        <v>446503</v>
      </c>
      <c r="I18" s="16">
        <v>629256</v>
      </c>
      <c r="J18" s="16">
        <v>842569</v>
      </c>
      <c r="K18" s="16">
        <v>986810</v>
      </c>
      <c r="L18" s="22" t="s">
        <v>268</v>
      </c>
    </row>
    <row r="19" spans="1:12">
      <c r="A19" s="21" t="s">
        <v>232</v>
      </c>
      <c r="B19" s="21" t="s">
        <v>233</v>
      </c>
      <c r="C19" s="21" t="s">
        <v>262</v>
      </c>
      <c r="D19" s="21" t="s">
        <v>240</v>
      </c>
      <c r="E19" s="21" t="s">
        <v>570</v>
      </c>
      <c r="F19" s="16">
        <v>1858040</v>
      </c>
      <c r="G19" s="16">
        <v>200621</v>
      </c>
      <c r="H19" s="16">
        <v>400608</v>
      </c>
      <c r="I19" s="16">
        <v>513421</v>
      </c>
      <c r="J19" s="16">
        <v>638061</v>
      </c>
      <c r="K19" s="16">
        <v>733425</v>
      </c>
      <c r="L19" s="16">
        <v>1069657</v>
      </c>
    </row>
    <row r="20" spans="1:12">
      <c r="A20" s="21" t="s">
        <v>232</v>
      </c>
      <c r="B20" s="21" t="s">
        <v>233</v>
      </c>
      <c r="C20" s="21" t="s">
        <v>262</v>
      </c>
      <c r="D20" s="21" t="s">
        <v>476</v>
      </c>
      <c r="E20" s="21" t="s">
        <v>571</v>
      </c>
      <c r="F20" s="16">
        <v>56054</v>
      </c>
      <c r="G20" s="22" t="s">
        <v>268</v>
      </c>
      <c r="H20" s="22" t="s">
        <v>268</v>
      </c>
      <c r="I20" s="22" t="s">
        <v>268</v>
      </c>
      <c r="J20" s="16">
        <v>20</v>
      </c>
      <c r="K20" s="16">
        <v>94</v>
      </c>
      <c r="L20" s="22" t="s">
        <v>268</v>
      </c>
    </row>
    <row r="21" spans="1:12">
      <c r="A21" s="21" t="s">
        <v>232</v>
      </c>
      <c r="B21" s="21" t="s">
        <v>233</v>
      </c>
      <c r="C21" s="21" t="s">
        <v>262</v>
      </c>
      <c r="D21" s="21" t="s">
        <v>572</v>
      </c>
      <c r="E21" s="21" t="s">
        <v>573</v>
      </c>
      <c r="F21" s="16">
        <v>41596</v>
      </c>
      <c r="G21" s="22" t="s">
        <v>268</v>
      </c>
      <c r="H21" s="22" t="s">
        <v>268</v>
      </c>
      <c r="I21" s="22" t="s">
        <v>268</v>
      </c>
      <c r="J21" s="16">
        <v>14</v>
      </c>
      <c r="K21" s="16">
        <v>56</v>
      </c>
      <c r="L21" s="22" t="s">
        <v>268</v>
      </c>
    </row>
    <row r="22" spans="1:12">
      <c r="A22" s="21" t="s">
        <v>232</v>
      </c>
      <c r="B22" s="21" t="s">
        <v>233</v>
      </c>
      <c r="C22" s="21" t="s">
        <v>262</v>
      </c>
      <c r="D22" s="21" t="s">
        <v>572</v>
      </c>
      <c r="E22" s="21" t="s">
        <v>574</v>
      </c>
      <c r="F22" s="16">
        <v>14458</v>
      </c>
      <c r="G22" s="22" t="s">
        <v>268</v>
      </c>
      <c r="H22" s="22" t="s">
        <v>268</v>
      </c>
      <c r="I22" s="22" t="s">
        <v>268</v>
      </c>
      <c r="J22" s="16">
        <v>6</v>
      </c>
      <c r="K22" s="16">
        <v>38</v>
      </c>
      <c r="L22" s="22" t="s">
        <v>268</v>
      </c>
    </row>
    <row r="23" spans="1:12">
      <c r="A23" s="21" t="s">
        <v>232</v>
      </c>
      <c r="B23" s="21" t="s">
        <v>233</v>
      </c>
      <c r="C23" s="21" t="s">
        <v>262</v>
      </c>
      <c r="D23" s="21" t="s">
        <v>476</v>
      </c>
      <c r="E23" s="21" t="s">
        <v>575</v>
      </c>
      <c r="F23" s="16">
        <v>278198</v>
      </c>
      <c r="G23" s="22" t="s">
        <v>268</v>
      </c>
      <c r="H23" s="22" t="s">
        <v>268</v>
      </c>
      <c r="I23" s="22" t="s">
        <v>268</v>
      </c>
      <c r="J23" s="16">
        <v>18</v>
      </c>
      <c r="K23" s="16">
        <v>82</v>
      </c>
      <c r="L23" s="22" t="s">
        <v>268</v>
      </c>
    </row>
    <row r="24" spans="1:12">
      <c r="A24" s="21" t="s">
        <v>232</v>
      </c>
      <c r="B24" s="21" t="s">
        <v>233</v>
      </c>
      <c r="C24" s="21" t="s">
        <v>262</v>
      </c>
      <c r="D24" s="21" t="s">
        <v>572</v>
      </c>
      <c r="E24" s="21" t="s">
        <v>576</v>
      </c>
      <c r="F24" s="16">
        <v>182414</v>
      </c>
      <c r="G24" s="22" t="s">
        <v>268</v>
      </c>
      <c r="H24" s="22" t="s">
        <v>268</v>
      </c>
      <c r="I24" s="22" t="s">
        <v>268</v>
      </c>
      <c r="J24" s="16">
        <v>12</v>
      </c>
      <c r="K24" s="16">
        <v>48</v>
      </c>
      <c r="L24" s="22" t="s">
        <v>268</v>
      </c>
    </row>
    <row r="25" spans="1:12">
      <c r="A25" s="21" t="s">
        <v>232</v>
      </c>
      <c r="B25" s="21" t="s">
        <v>233</v>
      </c>
      <c r="C25" s="21" t="s">
        <v>262</v>
      </c>
      <c r="D25" s="21" t="s">
        <v>572</v>
      </c>
      <c r="E25" s="21" t="s">
        <v>577</v>
      </c>
      <c r="F25" s="16">
        <v>95784</v>
      </c>
      <c r="G25" s="22" t="s">
        <v>268</v>
      </c>
      <c r="H25" s="22" t="s">
        <v>268</v>
      </c>
      <c r="I25" s="22" t="s">
        <v>268</v>
      </c>
      <c r="J25" s="16">
        <v>6</v>
      </c>
      <c r="K25" s="16">
        <v>34</v>
      </c>
      <c r="L25" s="22" t="s">
        <v>268</v>
      </c>
    </row>
    <row r="26" spans="1:12">
      <c r="A26" s="21" t="s">
        <v>232</v>
      </c>
      <c r="B26" s="21" t="s">
        <v>233</v>
      </c>
      <c r="C26" s="21" t="s">
        <v>262</v>
      </c>
      <c r="D26" s="21" t="s">
        <v>476</v>
      </c>
      <c r="E26" s="21" t="s">
        <v>578</v>
      </c>
      <c r="F26" s="16">
        <v>172765</v>
      </c>
      <c r="G26" s="16">
        <v>41494</v>
      </c>
      <c r="H26" s="16">
        <v>81180</v>
      </c>
      <c r="I26" s="16">
        <v>101923</v>
      </c>
      <c r="J26" s="16">
        <v>121999</v>
      </c>
      <c r="K26" s="16">
        <v>133443</v>
      </c>
      <c r="L26" s="16">
        <v>172765</v>
      </c>
    </row>
    <row r="27" spans="1:12">
      <c r="A27" s="21" t="s">
        <v>232</v>
      </c>
      <c r="B27" s="21" t="s">
        <v>233</v>
      </c>
      <c r="C27" s="21" t="s">
        <v>262</v>
      </c>
      <c r="D27" s="21" t="s">
        <v>572</v>
      </c>
      <c r="E27" s="21" t="s">
        <v>579</v>
      </c>
      <c r="F27" s="16">
        <v>132210</v>
      </c>
      <c r="G27" s="16">
        <v>30063</v>
      </c>
      <c r="H27" s="16">
        <v>60431</v>
      </c>
      <c r="I27" s="16">
        <v>76605</v>
      </c>
      <c r="J27" s="16">
        <v>92375</v>
      </c>
      <c r="K27" s="16">
        <v>101414</v>
      </c>
      <c r="L27" s="16">
        <v>132210</v>
      </c>
    </row>
    <row r="28" spans="1:12">
      <c r="A28" s="21" t="s">
        <v>232</v>
      </c>
      <c r="B28" s="21" t="s">
        <v>233</v>
      </c>
      <c r="C28" s="21" t="s">
        <v>262</v>
      </c>
      <c r="D28" s="21" t="s">
        <v>572</v>
      </c>
      <c r="E28" s="21" t="s">
        <v>580</v>
      </c>
      <c r="F28" s="16">
        <v>40532</v>
      </c>
      <c r="G28" s="16">
        <v>11431</v>
      </c>
      <c r="H28" s="16">
        <v>20749</v>
      </c>
      <c r="I28" s="16">
        <v>25318</v>
      </c>
      <c r="J28" s="16">
        <v>29623</v>
      </c>
      <c r="K28" s="16">
        <v>32027</v>
      </c>
      <c r="L28" s="16">
        <v>40532</v>
      </c>
    </row>
    <row r="29" spans="1:12">
      <c r="A29" s="21" t="s">
        <v>232</v>
      </c>
      <c r="B29" s="21" t="s">
        <v>233</v>
      </c>
      <c r="C29" s="21" t="s">
        <v>262</v>
      </c>
      <c r="D29" s="21" t="s">
        <v>476</v>
      </c>
      <c r="E29" s="21" t="s">
        <v>581</v>
      </c>
      <c r="F29" s="16">
        <v>440698</v>
      </c>
      <c r="G29" s="16">
        <v>57494</v>
      </c>
      <c r="H29" s="16">
        <v>122628</v>
      </c>
      <c r="I29" s="16">
        <v>161548</v>
      </c>
      <c r="J29" s="16">
        <v>204987</v>
      </c>
      <c r="K29" s="16">
        <v>234991</v>
      </c>
      <c r="L29" s="16">
        <v>440698</v>
      </c>
    </row>
    <row r="30" spans="1:12">
      <c r="A30" s="21" t="s">
        <v>232</v>
      </c>
      <c r="B30" s="21" t="s">
        <v>233</v>
      </c>
      <c r="C30" s="21" t="s">
        <v>262</v>
      </c>
      <c r="D30" s="21" t="s">
        <v>572</v>
      </c>
      <c r="E30" s="21" t="s">
        <v>582</v>
      </c>
      <c r="F30" s="16">
        <v>299096</v>
      </c>
      <c r="G30" s="16">
        <v>36091</v>
      </c>
      <c r="H30" s="16">
        <v>78718</v>
      </c>
      <c r="I30" s="16">
        <v>105109</v>
      </c>
      <c r="J30" s="16">
        <v>135210</v>
      </c>
      <c r="K30" s="16">
        <v>156217</v>
      </c>
      <c r="L30" s="16">
        <v>299096</v>
      </c>
    </row>
    <row r="31" spans="1:12">
      <c r="A31" s="21" t="s">
        <v>232</v>
      </c>
      <c r="B31" s="21" t="s">
        <v>233</v>
      </c>
      <c r="C31" s="21" t="s">
        <v>262</v>
      </c>
      <c r="D31" s="21" t="s">
        <v>572</v>
      </c>
      <c r="E31" s="21" t="s">
        <v>583</v>
      </c>
      <c r="F31" s="16">
        <v>141194</v>
      </c>
      <c r="G31" s="16">
        <v>21403</v>
      </c>
      <c r="H31" s="16">
        <v>43908</v>
      </c>
      <c r="I31" s="16">
        <v>56437</v>
      </c>
      <c r="J31" s="16">
        <v>69774</v>
      </c>
      <c r="K31" s="16">
        <v>78770</v>
      </c>
      <c r="L31" s="16">
        <v>141194</v>
      </c>
    </row>
    <row r="32" spans="1:12">
      <c r="A32" s="21" t="s">
        <v>232</v>
      </c>
      <c r="B32" s="21" t="s">
        <v>233</v>
      </c>
      <c r="C32" s="21" t="s">
        <v>262</v>
      </c>
      <c r="D32" s="21" t="s">
        <v>476</v>
      </c>
      <c r="E32" s="21" t="s">
        <v>584</v>
      </c>
      <c r="F32" s="16">
        <v>62971</v>
      </c>
      <c r="G32" s="16">
        <v>1896</v>
      </c>
      <c r="H32" s="16">
        <v>4535</v>
      </c>
      <c r="I32" s="16">
        <v>6976</v>
      </c>
      <c r="J32" s="16">
        <v>10818</v>
      </c>
      <c r="K32" s="16">
        <v>15670</v>
      </c>
      <c r="L32" s="16">
        <v>61</v>
      </c>
    </row>
    <row r="33" spans="1:12">
      <c r="A33" s="21" t="s">
        <v>232</v>
      </c>
      <c r="B33" s="21" t="s">
        <v>233</v>
      </c>
      <c r="C33" s="21" t="s">
        <v>262</v>
      </c>
      <c r="D33" s="21" t="s">
        <v>476</v>
      </c>
      <c r="E33" s="21" t="s">
        <v>585</v>
      </c>
      <c r="F33" s="16">
        <v>190414</v>
      </c>
      <c r="G33" s="16">
        <v>41220</v>
      </c>
      <c r="H33" s="16">
        <v>82815</v>
      </c>
      <c r="I33" s="16">
        <v>104273</v>
      </c>
      <c r="J33" s="16">
        <v>126267</v>
      </c>
      <c r="K33" s="16">
        <v>140207</v>
      </c>
      <c r="L33" s="16">
        <v>164927</v>
      </c>
    </row>
    <row r="34" spans="1:12">
      <c r="A34" s="21" t="s">
        <v>232</v>
      </c>
      <c r="B34" s="21" t="s">
        <v>233</v>
      </c>
      <c r="C34" s="21" t="s">
        <v>262</v>
      </c>
      <c r="D34" s="21" t="s">
        <v>476</v>
      </c>
      <c r="E34" s="21" t="s">
        <v>586</v>
      </c>
      <c r="F34" s="16">
        <v>23162</v>
      </c>
      <c r="G34" s="16">
        <v>2198</v>
      </c>
      <c r="H34" s="16">
        <v>2942</v>
      </c>
      <c r="I34" s="16">
        <v>3299</v>
      </c>
      <c r="J34" s="16">
        <v>3833</v>
      </c>
      <c r="K34" s="16">
        <v>4343</v>
      </c>
      <c r="L34" s="16">
        <v>6374</v>
      </c>
    </row>
    <row r="35" spans="1:12">
      <c r="A35" s="21" t="s">
        <v>232</v>
      </c>
      <c r="B35" s="21" t="s">
        <v>233</v>
      </c>
      <c r="C35" s="21" t="s">
        <v>262</v>
      </c>
      <c r="D35" s="21" t="s">
        <v>572</v>
      </c>
      <c r="E35" s="21" t="s">
        <v>587</v>
      </c>
      <c r="F35" s="16">
        <v>12973</v>
      </c>
      <c r="G35" s="16">
        <v>142</v>
      </c>
      <c r="H35" s="16">
        <v>323</v>
      </c>
      <c r="I35" s="16">
        <v>492</v>
      </c>
      <c r="J35" s="16">
        <v>761</v>
      </c>
      <c r="K35" s="16">
        <v>1063</v>
      </c>
      <c r="L35" s="16">
        <v>2115</v>
      </c>
    </row>
    <row r="36" spans="1:12">
      <c r="A36" s="21" t="s">
        <v>232</v>
      </c>
      <c r="B36" s="21" t="s">
        <v>233</v>
      </c>
      <c r="C36" s="21" t="s">
        <v>262</v>
      </c>
      <c r="D36" s="21" t="s">
        <v>572</v>
      </c>
      <c r="E36" s="21" t="s">
        <v>588</v>
      </c>
      <c r="F36" s="16">
        <v>5562</v>
      </c>
      <c r="G36" s="16">
        <v>65</v>
      </c>
      <c r="H36" s="16">
        <v>185</v>
      </c>
      <c r="I36" s="16">
        <v>262</v>
      </c>
      <c r="J36" s="16">
        <v>431</v>
      </c>
      <c r="K36" s="16">
        <v>579</v>
      </c>
      <c r="L36" s="16">
        <v>916</v>
      </c>
    </row>
    <row r="37" spans="1:12">
      <c r="A37" s="21" t="s">
        <v>232</v>
      </c>
      <c r="B37" s="21" t="s">
        <v>233</v>
      </c>
      <c r="C37" s="21" t="s">
        <v>262</v>
      </c>
      <c r="D37" s="21" t="s">
        <v>476</v>
      </c>
      <c r="E37" s="21" t="s">
        <v>589</v>
      </c>
      <c r="F37" s="16">
        <v>57216</v>
      </c>
      <c r="G37" s="16">
        <v>25797</v>
      </c>
      <c r="H37" s="16">
        <v>38487</v>
      </c>
      <c r="I37" s="16">
        <v>43289</v>
      </c>
      <c r="J37" s="16">
        <v>47250</v>
      </c>
      <c r="K37" s="16">
        <v>49337</v>
      </c>
      <c r="L37" s="16">
        <v>57216</v>
      </c>
    </row>
    <row r="38" spans="1:12">
      <c r="A38" s="21" t="s">
        <v>232</v>
      </c>
      <c r="B38" s="21" t="s">
        <v>233</v>
      </c>
      <c r="C38" s="21" t="s">
        <v>262</v>
      </c>
      <c r="D38" s="21" t="s">
        <v>572</v>
      </c>
      <c r="E38" s="21" t="s">
        <v>590</v>
      </c>
      <c r="F38" s="16">
        <v>39732</v>
      </c>
      <c r="G38" s="16">
        <v>17530</v>
      </c>
      <c r="H38" s="16">
        <v>26452</v>
      </c>
      <c r="I38" s="16">
        <v>29895</v>
      </c>
      <c r="J38" s="16">
        <v>32741</v>
      </c>
      <c r="K38" s="16">
        <v>34247</v>
      </c>
      <c r="L38" s="16">
        <v>39732</v>
      </c>
    </row>
    <row r="39" spans="1:12">
      <c r="A39" s="21" t="s">
        <v>232</v>
      </c>
      <c r="B39" s="21" t="s">
        <v>233</v>
      </c>
      <c r="C39" s="21" t="s">
        <v>262</v>
      </c>
      <c r="D39" s="21" t="s">
        <v>572</v>
      </c>
      <c r="E39" s="21" t="s">
        <v>591</v>
      </c>
      <c r="F39" s="16">
        <v>16195</v>
      </c>
      <c r="G39" s="16">
        <v>8104</v>
      </c>
      <c r="H39" s="16">
        <v>11649</v>
      </c>
      <c r="I39" s="16">
        <v>12863</v>
      </c>
      <c r="J39" s="16">
        <v>13867</v>
      </c>
      <c r="K39" s="16">
        <v>14352</v>
      </c>
      <c r="L39" s="16">
        <v>16195</v>
      </c>
    </row>
    <row r="40" spans="1:12">
      <c r="A40" s="21" t="s">
        <v>232</v>
      </c>
      <c r="B40" s="21" t="s">
        <v>233</v>
      </c>
      <c r="C40" s="21" t="s">
        <v>262</v>
      </c>
      <c r="D40" s="21" t="s">
        <v>476</v>
      </c>
      <c r="E40" s="21" t="s">
        <v>592</v>
      </c>
      <c r="F40" s="16">
        <v>250833</v>
      </c>
      <c r="G40" s="16">
        <v>15</v>
      </c>
      <c r="H40" s="16">
        <v>137</v>
      </c>
      <c r="I40" s="16">
        <v>396</v>
      </c>
      <c r="J40" s="16">
        <v>1813</v>
      </c>
      <c r="K40" s="16">
        <v>10268</v>
      </c>
      <c r="L40" s="22" t="s">
        <v>268</v>
      </c>
    </row>
    <row r="41" spans="1:12">
      <c r="A41" s="21" t="s">
        <v>232</v>
      </c>
      <c r="B41" s="21" t="s">
        <v>233</v>
      </c>
      <c r="C41" s="21" t="s">
        <v>262</v>
      </c>
      <c r="D41" s="21" t="s">
        <v>476</v>
      </c>
      <c r="E41" s="21" t="s">
        <v>593</v>
      </c>
      <c r="F41" s="16">
        <v>325729</v>
      </c>
      <c r="G41" s="16">
        <v>30507</v>
      </c>
      <c r="H41" s="16">
        <v>67884</v>
      </c>
      <c r="I41" s="16">
        <v>91717</v>
      </c>
      <c r="J41" s="16">
        <v>121056</v>
      </c>
      <c r="K41" s="16">
        <v>144990</v>
      </c>
      <c r="L41" s="16">
        <v>227616</v>
      </c>
    </row>
    <row r="42" spans="1:12">
      <c r="A42" s="21" t="s">
        <v>232</v>
      </c>
      <c r="B42" s="21" t="s">
        <v>233</v>
      </c>
      <c r="C42" s="21" t="s">
        <v>262</v>
      </c>
      <c r="D42" s="21" t="s">
        <v>474</v>
      </c>
      <c r="E42" s="21" t="s">
        <v>594</v>
      </c>
      <c r="F42" s="16">
        <v>405864</v>
      </c>
      <c r="G42" s="16">
        <v>11639</v>
      </c>
      <c r="H42" s="16">
        <v>21630</v>
      </c>
      <c r="I42" s="16">
        <v>27093</v>
      </c>
      <c r="J42" s="16">
        <v>33134</v>
      </c>
      <c r="K42" s="16">
        <v>40232</v>
      </c>
      <c r="L42" s="16">
        <v>5149</v>
      </c>
    </row>
    <row r="43" spans="1:12">
      <c r="A43" s="21" t="s">
        <v>232</v>
      </c>
      <c r="B43" s="21" t="s">
        <v>233</v>
      </c>
      <c r="C43" s="21" t="s">
        <v>262</v>
      </c>
      <c r="D43" s="21" t="s">
        <v>474</v>
      </c>
      <c r="E43" s="21" t="s">
        <v>595</v>
      </c>
      <c r="F43" s="16">
        <v>17087609</v>
      </c>
      <c r="G43" s="22" t="s">
        <v>268</v>
      </c>
      <c r="H43" s="16">
        <v>7</v>
      </c>
      <c r="I43" s="16">
        <v>102</v>
      </c>
      <c r="J43" s="16">
        <v>6387</v>
      </c>
      <c r="K43" s="16">
        <v>244398</v>
      </c>
      <c r="L43" s="22" t="s">
        <v>268</v>
      </c>
    </row>
    <row r="44" spans="1:12">
      <c r="A44" s="21" t="s">
        <v>232</v>
      </c>
      <c r="B44" s="21" t="s">
        <v>233</v>
      </c>
      <c r="C44" s="21" t="s">
        <v>262</v>
      </c>
      <c r="D44" s="21" t="s">
        <v>474</v>
      </c>
      <c r="E44" s="21" t="s">
        <v>596</v>
      </c>
      <c r="F44" s="16">
        <v>123065</v>
      </c>
      <c r="G44" s="22" t="s">
        <v>268</v>
      </c>
      <c r="H44" s="22" t="s">
        <v>268</v>
      </c>
      <c r="I44" s="22" t="s">
        <v>268</v>
      </c>
      <c r="J44" s="22" t="s">
        <v>268</v>
      </c>
      <c r="K44" s="22" t="s">
        <v>268</v>
      </c>
      <c r="L44" s="22" t="s">
        <v>268</v>
      </c>
    </row>
    <row r="45" spans="1:12">
      <c r="A45" s="21" t="s">
        <v>232</v>
      </c>
      <c r="B45" s="21" t="s">
        <v>233</v>
      </c>
      <c r="C45" s="21" t="s">
        <v>262</v>
      </c>
      <c r="D45" s="21" t="s">
        <v>474</v>
      </c>
      <c r="E45" s="21" t="s">
        <v>597</v>
      </c>
      <c r="F45" s="16">
        <v>1074806</v>
      </c>
      <c r="G45" s="16">
        <v>191722</v>
      </c>
      <c r="H45" s="16">
        <v>382268</v>
      </c>
      <c r="I45" s="16">
        <v>487802</v>
      </c>
      <c r="J45" s="16">
        <v>600779</v>
      </c>
      <c r="K45" s="16">
        <v>675575</v>
      </c>
      <c r="L45" s="16">
        <v>1074806</v>
      </c>
    </row>
    <row r="46" spans="1:12">
      <c r="A46" s="21" t="s">
        <v>232</v>
      </c>
      <c r="B46" s="21" t="s">
        <v>233</v>
      </c>
      <c r="C46" s="21" t="s">
        <v>262</v>
      </c>
      <c r="D46" s="21" t="s">
        <v>474</v>
      </c>
      <c r="E46" s="21" t="s">
        <v>598</v>
      </c>
      <c r="F46" s="16">
        <v>479407</v>
      </c>
      <c r="G46" s="16">
        <v>80466</v>
      </c>
      <c r="H46" s="16">
        <v>235825</v>
      </c>
      <c r="I46" s="16">
        <v>329847</v>
      </c>
      <c r="J46" s="16">
        <v>426350</v>
      </c>
      <c r="K46" s="16">
        <v>479407</v>
      </c>
      <c r="L46" s="22" t="s">
        <v>268</v>
      </c>
    </row>
    <row r="47" spans="1:12">
      <c r="A47" s="21" t="s">
        <v>232</v>
      </c>
      <c r="B47" s="21" t="s">
        <v>233</v>
      </c>
      <c r="C47" s="21" t="s">
        <v>262</v>
      </c>
      <c r="D47" s="21" t="s">
        <v>474</v>
      </c>
      <c r="E47" s="21" t="s">
        <v>599</v>
      </c>
      <c r="F47" s="16">
        <v>629761</v>
      </c>
      <c r="G47" s="16">
        <v>117693</v>
      </c>
      <c r="H47" s="16">
        <v>321151</v>
      </c>
      <c r="I47" s="16">
        <v>440628</v>
      </c>
      <c r="J47" s="16">
        <v>562422</v>
      </c>
      <c r="K47" s="16">
        <v>629761</v>
      </c>
      <c r="L47" s="16">
        <v>143240</v>
      </c>
    </row>
    <row r="48" spans="1:12">
      <c r="A48" s="21" t="s">
        <v>232</v>
      </c>
      <c r="B48" s="21" t="s">
        <v>233</v>
      </c>
      <c r="C48" s="21" t="s">
        <v>262</v>
      </c>
      <c r="D48" s="21" t="s">
        <v>474</v>
      </c>
      <c r="E48" s="21" t="s">
        <v>600</v>
      </c>
      <c r="F48" s="16">
        <v>50305</v>
      </c>
      <c r="G48" s="16">
        <v>3808</v>
      </c>
      <c r="H48" s="16">
        <v>17654</v>
      </c>
      <c r="I48" s="16">
        <v>28754</v>
      </c>
      <c r="J48" s="16">
        <v>41909</v>
      </c>
      <c r="K48" s="16">
        <v>50305</v>
      </c>
      <c r="L48" s="22" t="s">
        <v>268</v>
      </c>
    </row>
    <row r="49" spans="1:12">
      <c r="A49" s="21" t="s">
        <v>232</v>
      </c>
      <c r="B49" s="21" t="s">
        <v>233</v>
      </c>
      <c r="C49" s="21" t="s">
        <v>262</v>
      </c>
      <c r="D49" s="21" t="s">
        <v>474</v>
      </c>
      <c r="E49" s="21" t="s">
        <v>601</v>
      </c>
      <c r="F49" s="16">
        <v>87210</v>
      </c>
      <c r="G49" s="16">
        <v>10221</v>
      </c>
      <c r="H49" s="16">
        <v>34893</v>
      </c>
      <c r="I49" s="16">
        <v>52959</v>
      </c>
      <c r="J49" s="16">
        <v>73784</v>
      </c>
      <c r="K49" s="16">
        <v>87210</v>
      </c>
      <c r="L49" s="16">
        <v>32166</v>
      </c>
    </row>
    <row r="50" spans="1:12">
      <c r="A50" s="21" t="s">
        <v>232</v>
      </c>
      <c r="B50" s="21" t="s">
        <v>233</v>
      </c>
      <c r="C50" s="21" t="s">
        <v>262</v>
      </c>
      <c r="D50" s="21" t="s">
        <v>474</v>
      </c>
      <c r="E50" s="21" t="s">
        <v>602</v>
      </c>
      <c r="F50" s="16">
        <v>4330207</v>
      </c>
      <c r="G50" s="22" t="s">
        <v>268</v>
      </c>
      <c r="H50" s="22" t="s">
        <v>268</v>
      </c>
      <c r="I50" s="22" t="s">
        <v>268</v>
      </c>
      <c r="J50" s="22" t="s">
        <v>268</v>
      </c>
      <c r="K50" s="22" t="s">
        <v>268</v>
      </c>
      <c r="L50" s="22" t="s">
        <v>268</v>
      </c>
    </row>
    <row r="51" spans="1:12">
      <c r="A51" s="21" t="s">
        <v>232</v>
      </c>
      <c r="B51" s="21" t="s">
        <v>233</v>
      </c>
      <c r="C51" s="21" t="s">
        <v>262</v>
      </c>
      <c r="D51" s="21" t="s">
        <v>474</v>
      </c>
      <c r="E51" s="21" t="s">
        <v>603</v>
      </c>
      <c r="F51" s="16">
        <v>4813209</v>
      </c>
      <c r="G51" s="22" t="s">
        <v>268</v>
      </c>
      <c r="H51" s="22" t="s">
        <v>268</v>
      </c>
      <c r="I51" s="22" t="s">
        <v>268</v>
      </c>
      <c r="J51" s="22" t="s">
        <v>268</v>
      </c>
      <c r="K51" s="22" t="s">
        <v>268</v>
      </c>
      <c r="L51" s="22" t="s">
        <v>268</v>
      </c>
    </row>
    <row r="52" spans="1:12">
      <c r="A52" s="21" t="s">
        <v>232</v>
      </c>
      <c r="B52" s="21" t="s">
        <v>237</v>
      </c>
      <c r="C52" s="21" t="s">
        <v>264</v>
      </c>
      <c r="D52" s="21" t="s">
        <v>474</v>
      </c>
      <c r="E52" s="21" t="s">
        <v>214</v>
      </c>
      <c r="F52" s="16">
        <v>386942</v>
      </c>
      <c r="G52" s="16">
        <v>33617</v>
      </c>
      <c r="H52" s="16">
        <v>57905</v>
      </c>
      <c r="I52" s="16">
        <v>69842</v>
      </c>
      <c r="J52" s="16">
        <v>82022</v>
      </c>
      <c r="K52" s="16">
        <v>92011</v>
      </c>
      <c r="L52" s="16">
        <v>12684</v>
      </c>
    </row>
    <row r="53" spans="1:12">
      <c r="A53" s="21" t="s">
        <v>232</v>
      </c>
      <c r="B53" s="21" t="s">
        <v>237</v>
      </c>
      <c r="C53" s="21" t="s">
        <v>264</v>
      </c>
      <c r="D53" s="21" t="s">
        <v>474</v>
      </c>
      <c r="E53" s="21" t="s">
        <v>564</v>
      </c>
      <c r="F53" s="16">
        <v>229173</v>
      </c>
      <c r="G53" s="16">
        <v>33528</v>
      </c>
      <c r="H53" s="16">
        <v>57729</v>
      </c>
      <c r="I53" s="16">
        <v>69618</v>
      </c>
      <c r="J53" s="16">
        <v>81625</v>
      </c>
      <c r="K53" s="16">
        <v>88334</v>
      </c>
      <c r="L53" s="16">
        <v>12615</v>
      </c>
    </row>
    <row r="54" spans="1:12">
      <c r="A54" s="21" t="s">
        <v>232</v>
      </c>
      <c r="B54" s="21" t="s">
        <v>237</v>
      </c>
      <c r="C54" s="21" t="s">
        <v>264</v>
      </c>
      <c r="D54" s="21" t="s">
        <v>240</v>
      </c>
      <c r="E54" s="21" t="s">
        <v>565</v>
      </c>
      <c r="F54" s="16">
        <v>207828</v>
      </c>
      <c r="G54" s="16">
        <v>30748</v>
      </c>
      <c r="H54" s="16">
        <v>52393</v>
      </c>
      <c r="I54" s="16">
        <v>62908</v>
      </c>
      <c r="J54" s="16">
        <v>73342</v>
      </c>
      <c r="K54" s="16">
        <v>78964</v>
      </c>
      <c r="L54" s="22" t="s">
        <v>268</v>
      </c>
    </row>
    <row r="55" spans="1:12">
      <c r="A55" s="21" t="s">
        <v>232</v>
      </c>
      <c r="B55" s="21" t="s">
        <v>237</v>
      </c>
      <c r="C55" s="21" t="s">
        <v>264</v>
      </c>
      <c r="D55" s="21" t="s">
        <v>476</v>
      </c>
      <c r="E55" s="21" t="s">
        <v>566</v>
      </c>
      <c r="F55" s="16">
        <v>73853</v>
      </c>
      <c r="G55" s="22" t="s">
        <v>268</v>
      </c>
      <c r="H55" s="22" t="s">
        <v>268</v>
      </c>
      <c r="I55" s="22" t="s">
        <v>268</v>
      </c>
      <c r="J55" s="16">
        <v>2</v>
      </c>
      <c r="K55" s="16">
        <v>26</v>
      </c>
      <c r="L55" s="22" t="s">
        <v>268</v>
      </c>
    </row>
    <row r="56" spans="1:12">
      <c r="A56" s="21" t="s">
        <v>232</v>
      </c>
      <c r="B56" s="21" t="s">
        <v>237</v>
      </c>
      <c r="C56" s="21" t="s">
        <v>264</v>
      </c>
      <c r="D56" s="21" t="s">
        <v>476</v>
      </c>
      <c r="E56" s="21" t="s">
        <v>567</v>
      </c>
      <c r="F56" s="16">
        <v>96268</v>
      </c>
      <c r="G56" s="16">
        <v>28410</v>
      </c>
      <c r="H56" s="16">
        <v>46076</v>
      </c>
      <c r="I56" s="16">
        <v>54019</v>
      </c>
      <c r="J56" s="16">
        <v>61440</v>
      </c>
      <c r="K56" s="16">
        <v>65255</v>
      </c>
      <c r="L56" s="22" t="s">
        <v>268</v>
      </c>
    </row>
    <row r="57" spans="1:12">
      <c r="A57" s="21" t="s">
        <v>232</v>
      </c>
      <c r="B57" s="21" t="s">
        <v>237</v>
      </c>
      <c r="C57" s="21" t="s">
        <v>264</v>
      </c>
      <c r="D57" s="21" t="s">
        <v>476</v>
      </c>
      <c r="E57" s="21" t="s">
        <v>568</v>
      </c>
      <c r="F57" s="16">
        <v>4459</v>
      </c>
      <c r="G57" s="16">
        <v>104</v>
      </c>
      <c r="H57" s="16">
        <v>376</v>
      </c>
      <c r="I57" s="16">
        <v>582</v>
      </c>
      <c r="J57" s="16">
        <v>872</v>
      </c>
      <c r="K57" s="16">
        <v>1052</v>
      </c>
      <c r="L57" s="22" t="s">
        <v>268</v>
      </c>
    </row>
    <row r="58" spans="1:12">
      <c r="A58" s="21" t="s">
        <v>232</v>
      </c>
      <c r="B58" s="21" t="s">
        <v>237</v>
      </c>
      <c r="C58" s="21" t="s">
        <v>264</v>
      </c>
      <c r="D58" s="21" t="s">
        <v>476</v>
      </c>
      <c r="E58" s="21" t="s">
        <v>569</v>
      </c>
      <c r="F58" s="16">
        <v>33248</v>
      </c>
      <c r="G58" s="16">
        <v>2234</v>
      </c>
      <c r="H58" s="16">
        <v>5941</v>
      </c>
      <c r="I58" s="16">
        <v>8307</v>
      </c>
      <c r="J58" s="16">
        <v>11028</v>
      </c>
      <c r="K58" s="16">
        <v>12631</v>
      </c>
      <c r="L58" s="22" t="s">
        <v>268</v>
      </c>
    </row>
    <row r="59" spans="1:12">
      <c r="A59" s="21" t="s">
        <v>232</v>
      </c>
      <c r="B59" s="21" t="s">
        <v>237</v>
      </c>
      <c r="C59" s="21" t="s">
        <v>264</v>
      </c>
      <c r="D59" s="21" t="s">
        <v>240</v>
      </c>
      <c r="E59" s="21" t="s">
        <v>570</v>
      </c>
      <c r="F59" s="16">
        <v>21345</v>
      </c>
      <c r="G59" s="16">
        <v>2780</v>
      </c>
      <c r="H59" s="16">
        <v>5336</v>
      </c>
      <c r="I59" s="16">
        <v>6710</v>
      </c>
      <c r="J59" s="16">
        <v>8283</v>
      </c>
      <c r="K59" s="16">
        <v>9370</v>
      </c>
      <c r="L59" s="16">
        <v>12615</v>
      </c>
    </row>
    <row r="60" spans="1:12">
      <c r="A60" s="21" t="s">
        <v>232</v>
      </c>
      <c r="B60" s="21" t="s">
        <v>237</v>
      </c>
      <c r="C60" s="21" t="s">
        <v>264</v>
      </c>
      <c r="D60" s="21" t="s">
        <v>476</v>
      </c>
      <c r="E60" s="21" t="s">
        <v>571</v>
      </c>
      <c r="F60" s="16">
        <v>653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22" t="s">
        <v>268</v>
      </c>
      <c r="L60" s="22" t="s">
        <v>268</v>
      </c>
    </row>
    <row r="61" spans="1:12">
      <c r="A61" s="21" t="s">
        <v>232</v>
      </c>
      <c r="B61" s="21" t="s">
        <v>237</v>
      </c>
      <c r="C61" s="21" t="s">
        <v>264</v>
      </c>
      <c r="D61" s="21" t="s">
        <v>572</v>
      </c>
      <c r="E61" s="21" t="s">
        <v>573</v>
      </c>
      <c r="F61" s="16">
        <v>490</v>
      </c>
      <c r="G61" s="22" t="s">
        <v>268</v>
      </c>
      <c r="H61" s="22" t="s">
        <v>268</v>
      </c>
      <c r="I61" s="22" t="s">
        <v>268</v>
      </c>
      <c r="J61" s="22" t="s">
        <v>268</v>
      </c>
      <c r="K61" s="22" t="s">
        <v>268</v>
      </c>
      <c r="L61" s="22" t="s">
        <v>268</v>
      </c>
    </row>
    <row r="62" spans="1:12">
      <c r="A62" s="21" t="s">
        <v>232</v>
      </c>
      <c r="B62" s="21" t="s">
        <v>237</v>
      </c>
      <c r="C62" s="21" t="s">
        <v>264</v>
      </c>
      <c r="D62" s="21" t="s">
        <v>572</v>
      </c>
      <c r="E62" s="21" t="s">
        <v>574</v>
      </c>
      <c r="F62" s="16">
        <v>163</v>
      </c>
      <c r="G62" s="22" t="s">
        <v>268</v>
      </c>
      <c r="H62" s="22" t="s">
        <v>268</v>
      </c>
      <c r="I62" s="22" t="s">
        <v>268</v>
      </c>
      <c r="J62" s="22" t="s">
        <v>268</v>
      </c>
      <c r="K62" s="22" t="s">
        <v>268</v>
      </c>
      <c r="L62" s="22" t="s">
        <v>268</v>
      </c>
    </row>
    <row r="63" spans="1:12">
      <c r="A63" s="21" t="s">
        <v>232</v>
      </c>
      <c r="B63" s="21" t="s">
        <v>237</v>
      </c>
      <c r="C63" s="21" t="s">
        <v>264</v>
      </c>
      <c r="D63" s="21" t="s">
        <v>476</v>
      </c>
      <c r="E63" s="21" t="s">
        <v>575</v>
      </c>
      <c r="F63" s="16">
        <v>3016</v>
      </c>
      <c r="G63" s="22" t="s">
        <v>268</v>
      </c>
      <c r="H63" s="22" t="s">
        <v>268</v>
      </c>
      <c r="I63" s="22" t="s">
        <v>268</v>
      </c>
      <c r="J63" s="22" t="s">
        <v>268</v>
      </c>
      <c r="K63" s="16">
        <v>1</v>
      </c>
      <c r="L63" s="22" t="s">
        <v>268</v>
      </c>
    </row>
    <row r="64" spans="1:12">
      <c r="A64" s="21" t="s">
        <v>232</v>
      </c>
      <c r="B64" s="21" t="s">
        <v>237</v>
      </c>
      <c r="C64" s="21" t="s">
        <v>264</v>
      </c>
      <c r="D64" s="21" t="s">
        <v>572</v>
      </c>
      <c r="E64" s="21" t="s">
        <v>576</v>
      </c>
      <c r="F64" s="16">
        <v>2003</v>
      </c>
      <c r="G64" s="22" t="s">
        <v>268</v>
      </c>
      <c r="H64" s="22" t="s">
        <v>268</v>
      </c>
      <c r="I64" s="22" t="s">
        <v>268</v>
      </c>
      <c r="J64" s="22" t="s">
        <v>268</v>
      </c>
      <c r="K64" s="16">
        <v>1</v>
      </c>
      <c r="L64" s="22" t="s">
        <v>268</v>
      </c>
    </row>
    <row r="65" spans="1:12">
      <c r="A65" s="21" t="s">
        <v>232</v>
      </c>
      <c r="B65" s="21" t="s">
        <v>237</v>
      </c>
      <c r="C65" s="21" t="s">
        <v>264</v>
      </c>
      <c r="D65" s="21" t="s">
        <v>572</v>
      </c>
      <c r="E65" s="21" t="s">
        <v>577</v>
      </c>
      <c r="F65" s="16">
        <v>1013</v>
      </c>
      <c r="G65" s="22" t="s">
        <v>268</v>
      </c>
      <c r="H65" s="22" t="s">
        <v>268</v>
      </c>
      <c r="I65" s="22" t="s">
        <v>268</v>
      </c>
      <c r="J65" s="22" t="s">
        <v>268</v>
      </c>
      <c r="K65" s="22" t="s">
        <v>268</v>
      </c>
      <c r="L65" s="22" t="s">
        <v>268</v>
      </c>
    </row>
    <row r="66" spans="1:12">
      <c r="A66" s="21" t="s">
        <v>232</v>
      </c>
      <c r="B66" s="21" t="s">
        <v>237</v>
      </c>
      <c r="C66" s="21" t="s">
        <v>264</v>
      </c>
      <c r="D66" s="21" t="s">
        <v>476</v>
      </c>
      <c r="E66" s="21" t="s">
        <v>578</v>
      </c>
      <c r="F66" s="16">
        <v>1974</v>
      </c>
      <c r="G66" s="16">
        <v>568</v>
      </c>
      <c r="H66" s="16">
        <v>1025</v>
      </c>
      <c r="I66" s="16">
        <v>1263</v>
      </c>
      <c r="J66" s="16">
        <v>1469</v>
      </c>
      <c r="K66" s="16">
        <v>1582</v>
      </c>
      <c r="L66" s="16">
        <v>1974</v>
      </c>
    </row>
    <row r="67" spans="1:12">
      <c r="A67" s="21" t="s">
        <v>232</v>
      </c>
      <c r="B67" s="21" t="s">
        <v>237</v>
      </c>
      <c r="C67" s="21" t="s">
        <v>264</v>
      </c>
      <c r="D67" s="21" t="s">
        <v>572</v>
      </c>
      <c r="E67" s="21" t="s">
        <v>579</v>
      </c>
      <c r="F67" s="16">
        <v>1495</v>
      </c>
      <c r="G67" s="16">
        <v>410</v>
      </c>
      <c r="H67" s="16">
        <v>745</v>
      </c>
      <c r="I67" s="16">
        <v>932</v>
      </c>
      <c r="J67" s="16">
        <v>1083</v>
      </c>
      <c r="K67" s="16">
        <v>1173</v>
      </c>
      <c r="L67" s="16">
        <v>1495</v>
      </c>
    </row>
    <row r="68" spans="1:12">
      <c r="A68" s="21" t="s">
        <v>232</v>
      </c>
      <c r="B68" s="21" t="s">
        <v>237</v>
      </c>
      <c r="C68" s="21" t="s">
        <v>264</v>
      </c>
      <c r="D68" s="21" t="s">
        <v>572</v>
      </c>
      <c r="E68" s="21" t="s">
        <v>580</v>
      </c>
      <c r="F68" s="16">
        <v>477</v>
      </c>
      <c r="G68" s="16">
        <v>158</v>
      </c>
      <c r="H68" s="16">
        <v>280</v>
      </c>
      <c r="I68" s="16">
        <v>331</v>
      </c>
      <c r="J68" s="16">
        <v>386</v>
      </c>
      <c r="K68" s="16">
        <v>409</v>
      </c>
      <c r="L68" s="16">
        <v>477</v>
      </c>
    </row>
    <row r="69" spans="1:12">
      <c r="A69" s="21" t="s">
        <v>232</v>
      </c>
      <c r="B69" s="21" t="s">
        <v>237</v>
      </c>
      <c r="C69" s="21" t="s">
        <v>264</v>
      </c>
      <c r="D69" s="21" t="s">
        <v>476</v>
      </c>
      <c r="E69" s="21" t="s">
        <v>581</v>
      </c>
      <c r="F69" s="16">
        <v>4502</v>
      </c>
      <c r="G69" s="16">
        <v>705</v>
      </c>
      <c r="H69" s="16">
        <v>1456</v>
      </c>
      <c r="I69" s="16">
        <v>1855</v>
      </c>
      <c r="J69" s="16">
        <v>2328</v>
      </c>
      <c r="K69" s="16">
        <v>2601</v>
      </c>
      <c r="L69" s="16">
        <v>4502</v>
      </c>
    </row>
    <row r="70" spans="1:12">
      <c r="A70" s="21" t="s">
        <v>232</v>
      </c>
      <c r="B70" s="21" t="s">
        <v>237</v>
      </c>
      <c r="C70" s="21" t="s">
        <v>264</v>
      </c>
      <c r="D70" s="21" t="s">
        <v>572</v>
      </c>
      <c r="E70" s="21" t="s">
        <v>582</v>
      </c>
      <c r="F70" s="16">
        <v>2950</v>
      </c>
      <c r="G70" s="16">
        <v>414</v>
      </c>
      <c r="H70" s="16">
        <v>876</v>
      </c>
      <c r="I70" s="16">
        <v>1133</v>
      </c>
      <c r="J70" s="16">
        <v>1447</v>
      </c>
      <c r="K70" s="16">
        <v>1632</v>
      </c>
      <c r="L70" s="16">
        <v>2950</v>
      </c>
    </row>
    <row r="71" spans="1:12">
      <c r="A71" s="21" t="s">
        <v>232</v>
      </c>
      <c r="B71" s="21" t="s">
        <v>237</v>
      </c>
      <c r="C71" s="21" t="s">
        <v>264</v>
      </c>
      <c r="D71" s="21" t="s">
        <v>572</v>
      </c>
      <c r="E71" s="21" t="s">
        <v>583</v>
      </c>
      <c r="F71" s="16">
        <v>1550</v>
      </c>
      <c r="G71" s="16">
        <v>291</v>
      </c>
      <c r="H71" s="16">
        <v>580</v>
      </c>
      <c r="I71" s="16">
        <v>722</v>
      </c>
      <c r="J71" s="16">
        <v>881</v>
      </c>
      <c r="K71" s="16">
        <v>969</v>
      </c>
      <c r="L71" s="16">
        <v>1550</v>
      </c>
    </row>
    <row r="72" spans="1:12">
      <c r="A72" s="21" t="s">
        <v>232</v>
      </c>
      <c r="B72" s="21" t="s">
        <v>237</v>
      </c>
      <c r="C72" s="21" t="s">
        <v>264</v>
      </c>
      <c r="D72" s="21" t="s">
        <v>476</v>
      </c>
      <c r="E72" s="21" t="s">
        <v>584</v>
      </c>
      <c r="F72" s="16">
        <v>750</v>
      </c>
      <c r="G72" s="16">
        <v>31</v>
      </c>
      <c r="H72" s="16">
        <v>59</v>
      </c>
      <c r="I72" s="16">
        <v>91</v>
      </c>
      <c r="J72" s="16">
        <v>160</v>
      </c>
      <c r="K72" s="16">
        <v>225</v>
      </c>
      <c r="L72" s="16">
        <v>1</v>
      </c>
    </row>
    <row r="73" spans="1:12">
      <c r="A73" s="21" t="s">
        <v>232</v>
      </c>
      <c r="B73" s="21" t="s">
        <v>237</v>
      </c>
      <c r="C73" s="21" t="s">
        <v>264</v>
      </c>
      <c r="D73" s="21" t="s">
        <v>476</v>
      </c>
      <c r="E73" s="21" t="s">
        <v>585</v>
      </c>
      <c r="F73" s="16">
        <v>2558</v>
      </c>
      <c r="G73" s="16">
        <v>593</v>
      </c>
      <c r="H73" s="16">
        <v>1193</v>
      </c>
      <c r="I73" s="16">
        <v>1473</v>
      </c>
      <c r="J73" s="16">
        <v>1777</v>
      </c>
      <c r="K73" s="16">
        <v>1955</v>
      </c>
      <c r="L73" s="16">
        <v>2270</v>
      </c>
    </row>
    <row r="74" spans="1:12">
      <c r="A74" s="21" t="s">
        <v>232</v>
      </c>
      <c r="B74" s="21" t="s">
        <v>237</v>
      </c>
      <c r="C74" s="21" t="s">
        <v>264</v>
      </c>
      <c r="D74" s="21" t="s">
        <v>476</v>
      </c>
      <c r="E74" s="21" t="s">
        <v>586</v>
      </c>
      <c r="F74" s="16">
        <v>310</v>
      </c>
      <c r="G74" s="16">
        <v>38</v>
      </c>
      <c r="H74" s="16">
        <v>50</v>
      </c>
      <c r="I74" s="16">
        <v>51</v>
      </c>
      <c r="J74" s="16">
        <v>58</v>
      </c>
      <c r="K74" s="16">
        <v>61</v>
      </c>
      <c r="L74" s="16">
        <v>79</v>
      </c>
    </row>
    <row r="75" spans="1:12">
      <c r="A75" s="21" t="s">
        <v>232</v>
      </c>
      <c r="B75" s="21" t="s">
        <v>237</v>
      </c>
      <c r="C75" s="21" t="s">
        <v>264</v>
      </c>
      <c r="D75" s="21" t="s">
        <v>572</v>
      </c>
      <c r="E75" s="21" t="s">
        <v>587</v>
      </c>
      <c r="F75" s="16">
        <v>167</v>
      </c>
      <c r="G75" s="16">
        <v>2</v>
      </c>
      <c r="H75" s="16">
        <v>3</v>
      </c>
      <c r="I75" s="16">
        <v>3</v>
      </c>
      <c r="J75" s="16">
        <v>6</v>
      </c>
      <c r="K75" s="16">
        <v>8</v>
      </c>
      <c r="L75" s="16">
        <v>21</v>
      </c>
    </row>
    <row r="76" spans="1:12">
      <c r="A76" s="21" t="s">
        <v>232</v>
      </c>
      <c r="B76" s="21" t="s">
        <v>237</v>
      </c>
      <c r="C76" s="21" t="s">
        <v>264</v>
      </c>
      <c r="D76" s="21" t="s">
        <v>572</v>
      </c>
      <c r="E76" s="21" t="s">
        <v>588</v>
      </c>
      <c r="F76" s="16">
        <v>72</v>
      </c>
      <c r="G76" s="16">
        <v>3</v>
      </c>
      <c r="H76" s="16">
        <v>7</v>
      </c>
      <c r="I76" s="16">
        <v>7</v>
      </c>
      <c r="J76" s="16">
        <v>9</v>
      </c>
      <c r="K76" s="16">
        <v>9</v>
      </c>
      <c r="L76" s="16">
        <v>8</v>
      </c>
    </row>
    <row r="77" spans="1:12">
      <c r="A77" s="21" t="s">
        <v>232</v>
      </c>
      <c r="B77" s="21" t="s">
        <v>237</v>
      </c>
      <c r="C77" s="21" t="s">
        <v>264</v>
      </c>
      <c r="D77" s="21" t="s">
        <v>476</v>
      </c>
      <c r="E77" s="21" t="s">
        <v>589</v>
      </c>
      <c r="F77" s="16">
        <v>812</v>
      </c>
      <c r="G77" s="16">
        <v>388</v>
      </c>
      <c r="H77" s="16">
        <v>554</v>
      </c>
      <c r="I77" s="16">
        <v>620</v>
      </c>
      <c r="J77" s="16">
        <v>669</v>
      </c>
      <c r="K77" s="16">
        <v>704</v>
      </c>
      <c r="L77" s="16">
        <v>812</v>
      </c>
    </row>
    <row r="78" spans="1:12">
      <c r="A78" s="21" t="s">
        <v>232</v>
      </c>
      <c r="B78" s="21" t="s">
        <v>237</v>
      </c>
      <c r="C78" s="21" t="s">
        <v>264</v>
      </c>
      <c r="D78" s="21" t="s">
        <v>572</v>
      </c>
      <c r="E78" s="21" t="s">
        <v>590</v>
      </c>
      <c r="F78" s="16">
        <v>545</v>
      </c>
      <c r="G78" s="16">
        <v>250</v>
      </c>
      <c r="H78" s="16">
        <v>355</v>
      </c>
      <c r="I78" s="16">
        <v>400</v>
      </c>
      <c r="J78" s="16">
        <v>439</v>
      </c>
      <c r="K78" s="16">
        <v>468</v>
      </c>
      <c r="L78" s="16">
        <v>545</v>
      </c>
    </row>
    <row r="79" spans="1:12">
      <c r="A79" s="21" t="s">
        <v>232</v>
      </c>
      <c r="B79" s="21" t="s">
        <v>237</v>
      </c>
      <c r="C79" s="21" t="s">
        <v>264</v>
      </c>
      <c r="D79" s="21" t="s">
        <v>572</v>
      </c>
      <c r="E79" s="21" t="s">
        <v>591</v>
      </c>
      <c r="F79" s="16">
        <v>249</v>
      </c>
      <c r="G79" s="16">
        <v>135</v>
      </c>
      <c r="H79" s="16">
        <v>193</v>
      </c>
      <c r="I79" s="16">
        <v>213</v>
      </c>
      <c r="J79" s="16">
        <v>221</v>
      </c>
      <c r="K79" s="16">
        <v>226</v>
      </c>
      <c r="L79" s="16">
        <v>249</v>
      </c>
    </row>
    <row r="80" spans="1:12">
      <c r="A80" s="21" t="s">
        <v>232</v>
      </c>
      <c r="B80" s="21" t="s">
        <v>237</v>
      </c>
      <c r="C80" s="21" t="s">
        <v>264</v>
      </c>
      <c r="D80" s="21" t="s">
        <v>476</v>
      </c>
      <c r="E80" s="21" t="s">
        <v>592</v>
      </c>
      <c r="F80" s="16">
        <v>2633</v>
      </c>
      <c r="G80" s="22" t="s">
        <v>268</v>
      </c>
      <c r="H80" s="16">
        <v>2</v>
      </c>
      <c r="I80" s="16">
        <v>5</v>
      </c>
      <c r="J80" s="16">
        <v>60</v>
      </c>
      <c r="K80" s="16">
        <v>178</v>
      </c>
      <c r="L80" s="22" t="s">
        <v>268</v>
      </c>
    </row>
    <row r="81" spans="1:12">
      <c r="A81" s="21" t="s">
        <v>232</v>
      </c>
      <c r="B81" s="21" t="s">
        <v>237</v>
      </c>
      <c r="C81" s="21" t="s">
        <v>264</v>
      </c>
      <c r="D81" s="21" t="s">
        <v>476</v>
      </c>
      <c r="E81" s="21" t="s">
        <v>593</v>
      </c>
      <c r="F81" s="16">
        <v>4137</v>
      </c>
      <c r="G81" s="16">
        <v>457</v>
      </c>
      <c r="H81" s="16">
        <v>997</v>
      </c>
      <c r="I81" s="16">
        <v>1352</v>
      </c>
      <c r="J81" s="16">
        <v>1762</v>
      </c>
      <c r="K81" s="16">
        <v>2063</v>
      </c>
      <c r="L81" s="16">
        <v>2977</v>
      </c>
    </row>
    <row r="82" spans="1:12">
      <c r="A82" s="21" t="s">
        <v>232</v>
      </c>
      <c r="B82" s="21" t="s">
        <v>237</v>
      </c>
      <c r="C82" s="21" t="s">
        <v>264</v>
      </c>
      <c r="D82" s="21" t="s">
        <v>474</v>
      </c>
      <c r="E82" s="21" t="s">
        <v>594</v>
      </c>
      <c r="F82" s="16">
        <v>3300</v>
      </c>
      <c r="G82" s="16">
        <v>89</v>
      </c>
      <c r="H82" s="16">
        <v>176</v>
      </c>
      <c r="I82" s="16">
        <v>223</v>
      </c>
      <c r="J82" s="16">
        <v>268</v>
      </c>
      <c r="K82" s="16">
        <v>315</v>
      </c>
      <c r="L82" s="16">
        <v>69</v>
      </c>
    </row>
    <row r="83" spans="1:12">
      <c r="A83" s="21" t="s">
        <v>232</v>
      </c>
      <c r="B83" s="21" t="s">
        <v>237</v>
      </c>
      <c r="C83" s="21" t="s">
        <v>264</v>
      </c>
      <c r="D83" s="21" t="s">
        <v>474</v>
      </c>
      <c r="E83" s="21" t="s">
        <v>595</v>
      </c>
      <c r="F83" s="16">
        <v>153663</v>
      </c>
      <c r="G83" s="22" t="s">
        <v>268</v>
      </c>
      <c r="H83" s="22" t="s">
        <v>268</v>
      </c>
      <c r="I83" s="16">
        <v>1</v>
      </c>
      <c r="J83" s="16">
        <v>129</v>
      </c>
      <c r="K83" s="16">
        <v>3362</v>
      </c>
      <c r="L83" s="22" t="s">
        <v>268</v>
      </c>
    </row>
    <row r="84" spans="1:12">
      <c r="A84" s="21" t="s">
        <v>232</v>
      </c>
      <c r="B84" s="21" t="s">
        <v>237</v>
      </c>
      <c r="C84" s="21" t="s">
        <v>264</v>
      </c>
      <c r="D84" s="21" t="s">
        <v>474</v>
      </c>
      <c r="E84" s="21" t="s">
        <v>596</v>
      </c>
      <c r="F84" s="16">
        <v>806</v>
      </c>
      <c r="G84" s="22" t="s">
        <v>268</v>
      </c>
      <c r="H84" s="22" t="s">
        <v>268</v>
      </c>
      <c r="I84" s="22" t="s">
        <v>268</v>
      </c>
      <c r="J84" s="22" t="s">
        <v>268</v>
      </c>
      <c r="K84" s="22" t="s">
        <v>268</v>
      </c>
      <c r="L84" s="22" t="s">
        <v>268</v>
      </c>
    </row>
    <row r="85" spans="1:12">
      <c r="A85" s="21" t="s">
        <v>232</v>
      </c>
      <c r="B85" s="21" t="s">
        <v>237</v>
      </c>
      <c r="C85" s="21" t="s">
        <v>264</v>
      </c>
      <c r="D85" s="21" t="s">
        <v>474</v>
      </c>
      <c r="E85" s="21" t="s">
        <v>597</v>
      </c>
      <c r="F85" s="16">
        <v>12684</v>
      </c>
      <c r="G85" s="16">
        <v>2687</v>
      </c>
      <c r="H85" s="16">
        <v>5137</v>
      </c>
      <c r="I85" s="16">
        <v>6424</v>
      </c>
      <c r="J85" s="16">
        <v>7776</v>
      </c>
      <c r="K85" s="16">
        <v>8589</v>
      </c>
      <c r="L85" s="16">
        <v>12684</v>
      </c>
    </row>
    <row r="86" spans="1:12">
      <c r="A86" s="21" t="s">
        <v>232</v>
      </c>
      <c r="B86" s="21" t="s">
        <v>237</v>
      </c>
      <c r="C86" s="21" t="s">
        <v>264</v>
      </c>
      <c r="D86" s="21" t="s">
        <v>474</v>
      </c>
      <c r="E86" s="21" t="s">
        <v>598</v>
      </c>
      <c r="F86" s="16">
        <v>6817</v>
      </c>
      <c r="G86" s="16">
        <v>1228</v>
      </c>
      <c r="H86" s="16">
        <v>3421</v>
      </c>
      <c r="I86" s="16">
        <v>4812</v>
      </c>
      <c r="J86" s="16">
        <v>6131</v>
      </c>
      <c r="K86" s="16">
        <v>6817</v>
      </c>
      <c r="L86" s="22" t="s">
        <v>268</v>
      </c>
    </row>
    <row r="87" spans="1:12">
      <c r="A87" s="21" t="s">
        <v>232</v>
      </c>
      <c r="B87" s="21" t="s">
        <v>237</v>
      </c>
      <c r="C87" s="21" t="s">
        <v>264</v>
      </c>
      <c r="D87" s="21" t="s">
        <v>474</v>
      </c>
      <c r="E87" s="21" t="s">
        <v>599</v>
      </c>
      <c r="F87" s="16">
        <v>9053</v>
      </c>
      <c r="G87" s="16">
        <v>1825</v>
      </c>
      <c r="H87" s="16">
        <v>4726</v>
      </c>
      <c r="I87" s="16">
        <v>6506</v>
      </c>
      <c r="J87" s="16">
        <v>8186</v>
      </c>
      <c r="K87" s="16">
        <v>9053</v>
      </c>
      <c r="L87" s="16">
        <v>2136</v>
      </c>
    </row>
    <row r="88" spans="1:12">
      <c r="A88" s="21" t="s">
        <v>232</v>
      </c>
      <c r="B88" s="21" t="s">
        <v>237</v>
      </c>
      <c r="C88" s="21" t="s">
        <v>264</v>
      </c>
      <c r="D88" s="21" t="s">
        <v>474</v>
      </c>
      <c r="E88" s="21" t="s">
        <v>600</v>
      </c>
      <c r="F88" s="16">
        <v>574</v>
      </c>
      <c r="G88" s="16">
        <v>52</v>
      </c>
      <c r="H88" s="16">
        <v>227</v>
      </c>
      <c r="I88" s="16">
        <v>352</v>
      </c>
      <c r="J88" s="16">
        <v>498</v>
      </c>
      <c r="K88" s="16">
        <v>574</v>
      </c>
      <c r="L88" s="22" t="s">
        <v>268</v>
      </c>
    </row>
    <row r="89" spans="1:12">
      <c r="A89" s="21" t="s">
        <v>232</v>
      </c>
      <c r="B89" s="21" t="s">
        <v>237</v>
      </c>
      <c r="C89" s="21" t="s">
        <v>264</v>
      </c>
      <c r="D89" s="21" t="s">
        <v>474</v>
      </c>
      <c r="E89" s="21" t="s">
        <v>601</v>
      </c>
      <c r="F89" s="16">
        <v>1030</v>
      </c>
      <c r="G89" s="16">
        <v>119</v>
      </c>
      <c r="H89" s="16">
        <v>435</v>
      </c>
      <c r="I89" s="16">
        <v>644</v>
      </c>
      <c r="J89" s="16">
        <v>887</v>
      </c>
      <c r="K89" s="16">
        <v>1030</v>
      </c>
      <c r="L89" s="16">
        <v>422</v>
      </c>
    </row>
    <row r="90" spans="1:12">
      <c r="A90" s="21" t="s">
        <v>232</v>
      </c>
      <c r="B90" s="21" t="s">
        <v>237</v>
      </c>
      <c r="C90" s="21" t="s">
        <v>264</v>
      </c>
      <c r="D90" s="21" t="s">
        <v>474</v>
      </c>
      <c r="E90" s="21" t="s">
        <v>602</v>
      </c>
      <c r="F90" s="16">
        <v>41734</v>
      </c>
      <c r="G90" s="22" t="s">
        <v>268</v>
      </c>
      <c r="H90" s="22" t="s">
        <v>268</v>
      </c>
      <c r="I90" s="22" t="s">
        <v>268</v>
      </c>
      <c r="J90" s="22" t="s">
        <v>268</v>
      </c>
      <c r="K90" s="22" t="s">
        <v>268</v>
      </c>
      <c r="L90" s="22" t="s">
        <v>268</v>
      </c>
    </row>
    <row r="91" spans="1:12">
      <c r="A91" s="21" t="s">
        <v>232</v>
      </c>
      <c r="B91" s="21" t="s">
        <v>237</v>
      </c>
      <c r="C91" s="21" t="s">
        <v>264</v>
      </c>
      <c r="D91" s="21" t="s">
        <v>474</v>
      </c>
      <c r="E91" s="21" t="s">
        <v>603</v>
      </c>
      <c r="F91" s="16">
        <v>45140</v>
      </c>
      <c r="G91" s="22" t="s">
        <v>268</v>
      </c>
      <c r="H91" s="22" t="s">
        <v>268</v>
      </c>
      <c r="I91" s="22" t="s">
        <v>268</v>
      </c>
      <c r="J91" s="22" t="s">
        <v>268</v>
      </c>
      <c r="K91" s="22" t="s">
        <v>268</v>
      </c>
      <c r="L91" s="22" t="s">
        <v>268</v>
      </c>
    </row>
    <row r="92" spans="1:12">
      <c r="A92" s="21" t="s">
        <v>240</v>
      </c>
      <c r="B92" s="21" t="s">
        <v>237</v>
      </c>
      <c r="C92" s="21" t="s">
        <v>265</v>
      </c>
      <c r="D92" s="21" t="s">
        <v>474</v>
      </c>
      <c r="E92" s="21" t="s">
        <v>214</v>
      </c>
      <c r="F92" s="16">
        <v>23147</v>
      </c>
      <c r="G92" s="16">
        <v>1843</v>
      </c>
      <c r="H92" s="16">
        <v>3341</v>
      </c>
      <c r="I92" s="16">
        <v>4121</v>
      </c>
      <c r="J92" s="16">
        <v>4802</v>
      </c>
      <c r="K92" s="16">
        <v>5261</v>
      </c>
      <c r="L92" s="16">
        <v>1212</v>
      </c>
    </row>
    <row r="93" spans="1:12">
      <c r="A93" s="21" t="s">
        <v>240</v>
      </c>
      <c r="B93" s="21" t="s">
        <v>237</v>
      </c>
      <c r="C93" s="21" t="s">
        <v>265</v>
      </c>
      <c r="D93" s="21" t="s">
        <v>474</v>
      </c>
      <c r="E93" s="21" t="s">
        <v>564</v>
      </c>
      <c r="F93" s="16">
        <v>14822</v>
      </c>
      <c r="G93" s="16">
        <v>1835</v>
      </c>
      <c r="H93" s="16">
        <v>3328</v>
      </c>
      <c r="I93" s="16">
        <v>4104</v>
      </c>
      <c r="J93" s="16">
        <v>4777</v>
      </c>
      <c r="K93" s="16">
        <v>5188</v>
      </c>
      <c r="L93" s="16">
        <v>1203</v>
      </c>
    </row>
    <row r="94" spans="1:12">
      <c r="A94" s="21" t="s">
        <v>240</v>
      </c>
      <c r="B94" s="21" t="s">
        <v>237</v>
      </c>
      <c r="C94" s="21" t="s">
        <v>265</v>
      </c>
      <c r="D94" s="21" t="s">
        <v>240</v>
      </c>
      <c r="E94" s="21" t="s">
        <v>565</v>
      </c>
      <c r="F94" s="16">
        <v>12864</v>
      </c>
      <c r="G94" s="16">
        <v>1566</v>
      </c>
      <c r="H94" s="16">
        <v>2790</v>
      </c>
      <c r="I94" s="16">
        <v>3415</v>
      </c>
      <c r="J94" s="16">
        <v>3978</v>
      </c>
      <c r="K94" s="16">
        <v>4308</v>
      </c>
      <c r="L94" s="22" t="s">
        <v>268</v>
      </c>
    </row>
    <row r="95" spans="1:12">
      <c r="A95" s="21" t="s">
        <v>240</v>
      </c>
      <c r="B95" s="21" t="s">
        <v>237</v>
      </c>
      <c r="C95" s="21" t="s">
        <v>265</v>
      </c>
      <c r="D95" s="21" t="s">
        <v>476</v>
      </c>
      <c r="E95" s="21" t="s">
        <v>566</v>
      </c>
      <c r="F95" s="16">
        <v>4807</v>
      </c>
      <c r="G95" s="22" t="s">
        <v>268</v>
      </c>
      <c r="H95" s="22" t="s">
        <v>268</v>
      </c>
      <c r="I95" s="22" t="s">
        <v>268</v>
      </c>
      <c r="J95" s="22" t="s">
        <v>268</v>
      </c>
      <c r="K95" s="16">
        <v>2</v>
      </c>
      <c r="L95" s="22" t="s">
        <v>268</v>
      </c>
    </row>
    <row r="96" spans="1:12">
      <c r="A96" s="21" t="s">
        <v>240</v>
      </c>
      <c r="B96" s="21" t="s">
        <v>237</v>
      </c>
      <c r="C96" s="21" t="s">
        <v>265</v>
      </c>
      <c r="D96" s="21" t="s">
        <v>476</v>
      </c>
      <c r="E96" s="21" t="s">
        <v>567</v>
      </c>
      <c r="F96" s="16">
        <v>5411</v>
      </c>
      <c r="G96" s="16">
        <v>1435</v>
      </c>
      <c r="H96" s="16">
        <v>2369</v>
      </c>
      <c r="I96" s="16">
        <v>2831</v>
      </c>
      <c r="J96" s="16">
        <v>3202</v>
      </c>
      <c r="K96" s="16">
        <v>3420</v>
      </c>
      <c r="L96" s="22" t="s">
        <v>268</v>
      </c>
    </row>
    <row r="97" spans="1:12">
      <c r="A97" s="21" t="s">
        <v>240</v>
      </c>
      <c r="B97" s="21" t="s">
        <v>237</v>
      </c>
      <c r="C97" s="21" t="s">
        <v>265</v>
      </c>
      <c r="D97" s="21" t="s">
        <v>476</v>
      </c>
      <c r="E97" s="21" t="s">
        <v>568</v>
      </c>
      <c r="F97" s="16">
        <v>346</v>
      </c>
      <c r="G97" s="16">
        <v>8</v>
      </c>
      <c r="H97" s="16">
        <v>25</v>
      </c>
      <c r="I97" s="16">
        <v>42</v>
      </c>
      <c r="J97" s="16">
        <v>68</v>
      </c>
      <c r="K97" s="16">
        <v>75</v>
      </c>
      <c r="L97" s="22" t="s">
        <v>268</v>
      </c>
    </row>
    <row r="98" spans="1:12">
      <c r="A98" s="21" t="s">
        <v>240</v>
      </c>
      <c r="B98" s="21" t="s">
        <v>237</v>
      </c>
      <c r="C98" s="21" t="s">
        <v>265</v>
      </c>
      <c r="D98" s="21" t="s">
        <v>476</v>
      </c>
      <c r="E98" s="21" t="s">
        <v>569</v>
      </c>
      <c r="F98" s="16">
        <v>2300</v>
      </c>
      <c r="G98" s="16">
        <v>123</v>
      </c>
      <c r="H98" s="16">
        <v>396</v>
      </c>
      <c r="I98" s="16">
        <v>542</v>
      </c>
      <c r="J98" s="16">
        <v>708</v>
      </c>
      <c r="K98" s="16">
        <v>811</v>
      </c>
      <c r="L98" s="22" t="s">
        <v>268</v>
      </c>
    </row>
    <row r="99" spans="1:12">
      <c r="A99" s="21" t="s">
        <v>240</v>
      </c>
      <c r="B99" s="21" t="s">
        <v>237</v>
      </c>
      <c r="C99" s="21" t="s">
        <v>265</v>
      </c>
      <c r="D99" s="21" t="s">
        <v>240</v>
      </c>
      <c r="E99" s="21" t="s">
        <v>570</v>
      </c>
      <c r="F99" s="16">
        <v>1958</v>
      </c>
      <c r="G99" s="16">
        <v>269</v>
      </c>
      <c r="H99" s="16">
        <v>538</v>
      </c>
      <c r="I99" s="16">
        <v>689</v>
      </c>
      <c r="J99" s="16">
        <v>799</v>
      </c>
      <c r="K99" s="16">
        <v>880</v>
      </c>
      <c r="L99" s="16">
        <v>1203</v>
      </c>
    </row>
    <row r="100" spans="1:12">
      <c r="A100" s="21" t="s">
        <v>240</v>
      </c>
      <c r="B100" s="21" t="s">
        <v>237</v>
      </c>
      <c r="C100" s="21" t="s">
        <v>265</v>
      </c>
      <c r="D100" s="21" t="s">
        <v>476</v>
      </c>
      <c r="E100" s="21" t="s">
        <v>571</v>
      </c>
      <c r="F100" s="16">
        <v>96</v>
      </c>
      <c r="G100" s="22" t="s">
        <v>268</v>
      </c>
      <c r="H100" s="22" t="s">
        <v>268</v>
      </c>
      <c r="I100" s="22" t="s">
        <v>268</v>
      </c>
      <c r="J100" s="22" t="s">
        <v>268</v>
      </c>
      <c r="K100" s="22" t="s">
        <v>268</v>
      </c>
      <c r="L100" s="22" t="s">
        <v>268</v>
      </c>
    </row>
    <row r="101" spans="1:12">
      <c r="A101" s="21" t="s">
        <v>240</v>
      </c>
      <c r="B101" s="21" t="s">
        <v>237</v>
      </c>
      <c r="C101" s="21" t="s">
        <v>265</v>
      </c>
      <c r="D101" s="21" t="s">
        <v>572</v>
      </c>
      <c r="E101" s="21" t="s">
        <v>573</v>
      </c>
      <c r="F101" s="16">
        <v>74</v>
      </c>
      <c r="G101" s="22" t="s">
        <v>268</v>
      </c>
      <c r="H101" s="22" t="s">
        <v>268</v>
      </c>
      <c r="I101" s="22" t="s">
        <v>268</v>
      </c>
      <c r="J101" s="22" t="s">
        <v>268</v>
      </c>
      <c r="K101" s="22" t="s">
        <v>268</v>
      </c>
      <c r="L101" s="22" t="s">
        <v>268</v>
      </c>
    </row>
    <row r="102" spans="1:12">
      <c r="A102" s="21" t="s">
        <v>240</v>
      </c>
      <c r="B102" s="21" t="s">
        <v>237</v>
      </c>
      <c r="C102" s="21" t="s">
        <v>265</v>
      </c>
      <c r="D102" s="21" t="s">
        <v>572</v>
      </c>
      <c r="E102" s="21" t="s">
        <v>574</v>
      </c>
      <c r="F102" s="16">
        <v>22</v>
      </c>
      <c r="G102" s="22" t="s">
        <v>268</v>
      </c>
      <c r="H102" s="22" t="s">
        <v>268</v>
      </c>
      <c r="I102" s="22" t="s">
        <v>268</v>
      </c>
      <c r="J102" s="22" t="s">
        <v>268</v>
      </c>
      <c r="K102" s="22" t="s">
        <v>268</v>
      </c>
      <c r="L102" s="22" t="s">
        <v>268</v>
      </c>
    </row>
    <row r="103" spans="1:12">
      <c r="A103" s="21" t="s">
        <v>240</v>
      </c>
      <c r="B103" s="21" t="s">
        <v>237</v>
      </c>
      <c r="C103" s="21" t="s">
        <v>265</v>
      </c>
      <c r="D103" s="21" t="s">
        <v>476</v>
      </c>
      <c r="E103" s="21" t="s">
        <v>575</v>
      </c>
      <c r="F103" s="16">
        <v>283</v>
      </c>
      <c r="G103" s="22" t="s">
        <v>268</v>
      </c>
      <c r="H103" s="22" t="s">
        <v>268</v>
      </c>
      <c r="I103" s="22" t="s">
        <v>268</v>
      </c>
      <c r="J103" s="22" t="s">
        <v>268</v>
      </c>
      <c r="K103" s="22" t="s">
        <v>268</v>
      </c>
      <c r="L103" s="22" t="s">
        <v>268</v>
      </c>
    </row>
    <row r="104" spans="1:12">
      <c r="A104" s="21" t="s">
        <v>240</v>
      </c>
      <c r="B104" s="21" t="s">
        <v>237</v>
      </c>
      <c r="C104" s="21" t="s">
        <v>265</v>
      </c>
      <c r="D104" s="21" t="s">
        <v>572</v>
      </c>
      <c r="E104" s="21" t="s">
        <v>576</v>
      </c>
      <c r="F104" s="16">
        <v>217</v>
      </c>
      <c r="G104" s="22" t="s">
        <v>268</v>
      </c>
      <c r="H104" s="22" t="s">
        <v>268</v>
      </c>
      <c r="I104" s="22" t="s">
        <v>268</v>
      </c>
      <c r="J104" s="22" t="s">
        <v>268</v>
      </c>
      <c r="K104" s="22" t="s">
        <v>268</v>
      </c>
      <c r="L104" s="22" t="s">
        <v>268</v>
      </c>
    </row>
    <row r="105" spans="1:12">
      <c r="A105" s="21" t="s">
        <v>240</v>
      </c>
      <c r="B105" s="21" t="s">
        <v>237</v>
      </c>
      <c r="C105" s="21" t="s">
        <v>265</v>
      </c>
      <c r="D105" s="21" t="s">
        <v>572</v>
      </c>
      <c r="E105" s="21" t="s">
        <v>577</v>
      </c>
      <c r="F105" s="16">
        <v>66</v>
      </c>
      <c r="G105" s="22" t="s">
        <v>268</v>
      </c>
      <c r="H105" s="22" t="s">
        <v>268</v>
      </c>
      <c r="I105" s="22" t="s">
        <v>268</v>
      </c>
      <c r="J105" s="22" t="s">
        <v>268</v>
      </c>
      <c r="K105" s="22" t="s">
        <v>268</v>
      </c>
      <c r="L105" s="22" t="s">
        <v>268</v>
      </c>
    </row>
    <row r="106" spans="1:12">
      <c r="A106" s="21" t="s">
        <v>240</v>
      </c>
      <c r="B106" s="21" t="s">
        <v>237</v>
      </c>
      <c r="C106" s="21" t="s">
        <v>265</v>
      </c>
      <c r="D106" s="21" t="s">
        <v>476</v>
      </c>
      <c r="E106" s="21" t="s">
        <v>578</v>
      </c>
      <c r="F106" s="16">
        <v>223</v>
      </c>
      <c r="G106" s="16">
        <v>62</v>
      </c>
      <c r="H106" s="16">
        <v>115</v>
      </c>
      <c r="I106" s="16">
        <v>146</v>
      </c>
      <c r="J106" s="16">
        <v>164</v>
      </c>
      <c r="K106" s="16">
        <v>173</v>
      </c>
      <c r="L106" s="16">
        <v>223</v>
      </c>
    </row>
    <row r="107" spans="1:12">
      <c r="A107" s="21" t="s">
        <v>240</v>
      </c>
      <c r="B107" s="21" t="s">
        <v>237</v>
      </c>
      <c r="C107" s="21" t="s">
        <v>265</v>
      </c>
      <c r="D107" s="21" t="s">
        <v>572</v>
      </c>
      <c r="E107" s="21" t="s">
        <v>579</v>
      </c>
      <c r="F107" s="16">
        <v>174</v>
      </c>
      <c r="G107" s="16">
        <v>42</v>
      </c>
      <c r="H107" s="16">
        <v>84</v>
      </c>
      <c r="I107" s="16">
        <v>108</v>
      </c>
      <c r="J107" s="16">
        <v>122</v>
      </c>
      <c r="K107" s="16">
        <v>130</v>
      </c>
      <c r="L107" s="16">
        <v>174</v>
      </c>
    </row>
    <row r="108" spans="1:12">
      <c r="A108" s="21" t="s">
        <v>240</v>
      </c>
      <c r="B108" s="21" t="s">
        <v>237</v>
      </c>
      <c r="C108" s="21" t="s">
        <v>265</v>
      </c>
      <c r="D108" s="21" t="s">
        <v>572</v>
      </c>
      <c r="E108" s="21" t="s">
        <v>580</v>
      </c>
      <c r="F108" s="16">
        <v>49</v>
      </c>
      <c r="G108" s="16">
        <v>20</v>
      </c>
      <c r="H108" s="16">
        <v>31</v>
      </c>
      <c r="I108" s="16">
        <v>38</v>
      </c>
      <c r="J108" s="16">
        <v>42</v>
      </c>
      <c r="K108" s="16">
        <v>43</v>
      </c>
      <c r="L108" s="16">
        <v>49</v>
      </c>
    </row>
    <row r="109" spans="1:12">
      <c r="A109" s="21" t="s">
        <v>240</v>
      </c>
      <c r="B109" s="21" t="s">
        <v>237</v>
      </c>
      <c r="C109" s="21" t="s">
        <v>265</v>
      </c>
      <c r="D109" s="21" t="s">
        <v>476</v>
      </c>
      <c r="E109" s="21" t="s">
        <v>581</v>
      </c>
      <c r="F109" s="16">
        <v>406</v>
      </c>
      <c r="G109" s="16">
        <v>61</v>
      </c>
      <c r="H109" s="16">
        <v>135</v>
      </c>
      <c r="I109" s="16">
        <v>173</v>
      </c>
      <c r="J109" s="16">
        <v>206</v>
      </c>
      <c r="K109" s="16">
        <v>229</v>
      </c>
      <c r="L109" s="16">
        <v>406</v>
      </c>
    </row>
    <row r="110" spans="1:12">
      <c r="A110" s="21" t="s">
        <v>240</v>
      </c>
      <c r="B110" s="21" t="s">
        <v>237</v>
      </c>
      <c r="C110" s="21" t="s">
        <v>265</v>
      </c>
      <c r="D110" s="21" t="s">
        <v>572</v>
      </c>
      <c r="E110" s="21" t="s">
        <v>582</v>
      </c>
      <c r="F110" s="16">
        <v>292</v>
      </c>
      <c r="G110" s="16">
        <v>38</v>
      </c>
      <c r="H110" s="16">
        <v>87</v>
      </c>
      <c r="I110" s="16">
        <v>113</v>
      </c>
      <c r="J110" s="16">
        <v>136</v>
      </c>
      <c r="K110" s="16">
        <v>153</v>
      </c>
      <c r="L110" s="16">
        <v>292</v>
      </c>
    </row>
    <row r="111" spans="1:12">
      <c r="A111" s="21" t="s">
        <v>240</v>
      </c>
      <c r="B111" s="21" t="s">
        <v>237</v>
      </c>
      <c r="C111" s="21" t="s">
        <v>265</v>
      </c>
      <c r="D111" s="21" t="s">
        <v>572</v>
      </c>
      <c r="E111" s="21" t="s">
        <v>583</v>
      </c>
      <c r="F111" s="16">
        <v>114</v>
      </c>
      <c r="G111" s="16">
        <v>23</v>
      </c>
      <c r="H111" s="16">
        <v>48</v>
      </c>
      <c r="I111" s="16">
        <v>60</v>
      </c>
      <c r="J111" s="16">
        <v>70</v>
      </c>
      <c r="K111" s="16">
        <v>76</v>
      </c>
      <c r="L111" s="16">
        <v>114</v>
      </c>
    </row>
    <row r="112" spans="1:12">
      <c r="A112" s="21" t="s">
        <v>240</v>
      </c>
      <c r="B112" s="21" t="s">
        <v>237</v>
      </c>
      <c r="C112" s="21" t="s">
        <v>265</v>
      </c>
      <c r="D112" s="21" t="s">
        <v>476</v>
      </c>
      <c r="E112" s="21" t="s">
        <v>584</v>
      </c>
      <c r="F112" s="16">
        <v>72</v>
      </c>
      <c r="G112" s="16">
        <v>7</v>
      </c>
      <c r="H112" s="16">
        <v>10</v>
      </c>
      <c r="I112" s="16">
        <v>17</v>
      </c>
      <c r="J112" s="16">
        <v>19</v>
      </c>
      <c r="K112" s="16">
        <v>24</v>
      </c>
      <c r="L112" s="22" t="s">
        <v>268</v>
      </c>
    </row>
    <row r="113" spans="1:12">
      <c r="A113" s="21" t="s">
        <v>240</v>
      </c>
      <c r="B113" s="21" t="s">
        <v>237</v>
      </c>
      <c r="C113" s="21" t="s">
        <v>265</v>
      </c>
      <c r="D113" s="21" t="s">
        <v>476</v>
      </c>
      <c r="E113" s="21" t="s">
        <v>585</v>
      </c>
      <c r="F113" s="16">
        <v>225</v>
      </c>
      <c r="G113" s="16">
        <v>53</v>
      </c>
      <c r="H113" s="16">
        <v>110</v>
      </c>
      <c r="I113" s="16">
        <v>140</v>
      </c>
      <c r="J113" s="16">
        <v>161</v>
      </c>
      <c r="K113" s="16">
        <v>172</v>
      </c>
      <c r="L113" s="16">
        <v>205</v>
      </c>
    </row>
    <row r="114" spans="1:12">
      <c r="A114" s="21" t="s">
        <v>240</v>
      </c>
      <c r="B114" s="21" t="s">
        <v>237</v>
      </c>
      <c r="C114" s="21" t="s">
        <v>265</v>
      </c>
      <c r="D114" s="21" t="s">
        <v>476</v>
      </c>
      <c r="E114" s="21" t="s">
        <v>586</v>
      </c>
      <c r="F114" s="16">
        <v>34</v>
      </c>
      <c r="G114" s="16">
        <v>9</v>
      </c>
      <c r="H114" s="16">
        <v>11</v>
      </c>
      <c r="I114" s="16">
        <v>11</v>
      </c>
      <c r="J114" s="16">
        <v>13</v>
      </c>
      <c r="K114" s="16">
        <v>13</v>
      </c>
      <c r="L114" s="16">
        <v>14</v>
      </c>
    </row>
    <row r="115" spans="1:12">
      <c r="A115" s="21" t="s">
        <v>240</v>
      </c>
      <c r="B115" s="21" t="s">
        <v>237</v>
      </c>
      <c r="C115" s="21" t="s">
        <v>265</v>
      </c>
      <c r="D115" s="21" t="s">
        <v>572</v>
      </c>
      <c r="E115" s="21" t="s">
        <v>587</v>
      </c>
      <c r="F115" s="16">
        <v>13</v>
      </c>
      <c r="G115" s="22" t="s">
        <v>268</v>
      </c>
      <c r="H115" s="22" t="s">
        <v>268</v>
      </c>
      <c r="I115" s="22" t="s">
        <v>268</v>
      </c>
      <c r="J115" s="16">
        <v>2</v>
      </c>
      <c r="K115" s="16">
        <v>2</v>
      </c>
      <c r="L115" s="16">
        <v>1</v>
      </c>
    </row>
    <row r="116" spans="1:12">
      <c r="A116" s="21" t="s">
        <v>240</v>
      </c>
      <c r="B116" s="21" t="s">
        <v>237</v>
      </c>
      <c r="C116" s="21" t="s">
        <v>265</v>
      </c>
      <c r="D116" s="21" t="s">
        <v>572</v>
      </c>
      <c r="E116" s="21" t="s">
        <v>588</v>
      </c>
      <c r="F116" s="16">
        <v>8</v>
      </c>
      <c r="G116" s="16">
        <v>1</v>
      </c>
      <c r="H116" s="16">
        <v>1</v>
      </c>
      <c r="I116" s="16">
        <v>1</v>
      </c>
      <c r="J116" s="16">
        <v>1</v>
      </c>
      <c r="K116" s="16">
        <v>1</v>
      </c>
      <c r="L116" s="16">
        <v>1</v>
      </c>
    </row>
    <row r="117" spans="1:12">
      <c r="A117" s="21" t="s">
        <v>240</v>
      </c>
      <c r="B117" s="21" t="s">
        <v>237</v>
      </c>
      <c r="C117" s="21" t="s">
        <v>265</v>
      </c>
      <c r="D117" s="21" t="s">
        <v>476</v>
      </c>
      <c r="E117" s="21" t="s">
        <v>589</v>
      </c>
      <c r="F117" s="16">
        <v>93</v>
      </c>
      <c r="G117" s="16">
        <v>44</v>
      </c>
      <c r="H117" s="16">
        <v>65</v>
      </c>
      <c r="I117" s="16">
        <v>75</v>
      </c>
      <c r="J117" s="16">
        <v>78</v>
      </c>
      <c r="K117" s="16">
        <v>82</v>
      </c>
      <c r="L117" s="16">
        <v>93</v>
      </c>
    </row>
    <row r="118" spans="1:12">
      <c r="A118" s="21" t="s">
        <v>240</v>
      </c>
      <c r="B118" s="21" t="s">
        <v>237</v>
      </c>
      <c r="C118" s="21" t="s">
        <v>265</v>
      </c>
      <c r="D118" s="21" t="s">
        <v>572</v>
      </c>
      <c r="E118" s="21" t="s">
        <v>590</v>
      </c>
      <c r="F118" s="16">
        <v>64</v>
      </c>
      <c r="G118" s="16">
        <v>29</v>
      </c>
      <c r="H118" s="16">
        <v>43</v>
      </c>
      <c r="I118" s="16">
        <v>51</v>
      </c>
      <c r="J118" s="16">
        <v>53</v>
      </c>
      <c r="K118" s="16">
        <v>57</v>
      </c>
      <c r="L118" s="16">
        <v>64</v>
      </c>
    </row>
    <row r="119" spans="1:12">
      <c r="A119" s="21" t="s">
        <v>240</v>
      </c>
      <c r="B119" s="21" t="s">
        <v>237</v>
      </c>
      <c r="C119" s="21" t="s">
        <v>265</v>
      </c>
      <c r="D119" s="21" t="s">
        <v>572</v>
      </c>
      <c r="E119" s="21" t="s">
        <v>591</v>
      </c>
      <c r="F119" s="16">
        <v>28</v>
      </c>
      <c r="G119" s="16">
        <v>15</v>
      </c>
      <c r="H119" s="16">
        <v>22</v>
      </c>
      <c r="I119" s="16">
        <v>24</v>
      </c>
      <c r="J119" s="16">
        <v>25</v>
      </c>
      <c r="K119" s="16">
        <v>25</v>
      </c>
      <c r="L119" s="16">
        <v>28</v>
      </c>
    </row>
    <row r="120" spans="1:12">
      <c r="A120" s="21" t="s">
        <v>240</v>
      </c>
      <c r="B120" s="21" t="s">
        <v>237</v>
      </c>
      <c r="C120" s="21" t="s">
        <v>265</v>
      </c>
      <c r="D120" s="21" t="s">
        <v>476</v>
      </c>
      <c r="E120" s="21" t="s">
        <v>592</v>
      </c>
      <c r="F120" s="16">
        <v>167</v>
      </c>
      <c r="G120" s="22" t="s">
        <v>268</v>
      </c>
      <c r="H120" s="22" t="s">
        <v>268</v>
      </c>
      <c r="I120" s="16">
        <v>1</v>
      </c>
      <c r="J120" s="16">
        <v>2</v>
      </c>
      <c r="K120" s="16">
        <v>4</v>
      </c>
      <c r="L120" s="22" t="s">
        <v>268</v>
      </c>
    </row>
    <row r="121" spans="1:12">
      <c r="A121" s="21" t="s">
        <v>240</v>
      </c>
      <c r="B121" s="21" t="s">
        <v>237</v>
      </c>
      <c r="C121" s="21" t="s">
        <v>265</v>
      </c>
      <c r="D121" s="21" t="s">
        <v>476</v>
      </c>
      <c r="E121" s="21" t="s">
        <v>593</v>
      </c>
      <c r="F121" s="16">
        <v>359</v>
      </c>
      <c r="G121" s="16">
        <v>33</v>
      </c>
      <c r="H121" s="16">
        <v>92</v>
      </c>
      <c r="I121" s="16">
        <v>126</v>
      </c>
      <c r="J121" s="16">
        <v>156</v>
      </c>
      <c r="K121" s="16">
        <v>183</v>
      </c>
      <c r="L121" s="16">
        <v>262</v>
      </c>
    </row>
    <row r="122" spans="1:12">
      <c r="A122" s="21" t="s">
        <v>240</v>
      </c>
      <c r="B122" s="21" t="s">
        <v>237</v>
      </c>
      <c r="C122" s="21" t="s">
        <v>265</v>
      </c>
      <c r="D122" s="21" t="s">
        <v>474</v>
      </c>
      <c r="E122" s="21" t="s">
        <v>594</v>
      </c>
      <c r="F122" s="16">
        <v>170</v>
      </c>
      <c r="G122" s="16">
        <v>8</v>
      </c>
      <c r="H122" s="16">
        <v>13</v>
      </c>
      <c r="I122" s="16">
        <v>17</v>
      </c>
      <c r="J122" s="16">
        <v>24</v>
      </c>
      <c r="K122" s="16">
        <v>25</v>
      </c>
      <c r="L122" s="16">
        <v>9</v>
      </c>
    </row>
    <row r="123" spans="1:12">
      <c r="A123" s="21" t="s">
        <v>240</v>
      </c>
      <c r="B123" s="21" t="s">
        <v>237</v>
      </c>
      <c r="C123" s="21" t="s">
        <v>265</v>
      </c>
      <c r="D123" s="21" t="s">
        <v>474</v>
      </c>
      <c r="E123" s="21" t="s">
        <v>595</v>
      </c>
      <c r="F123" s="16">
        <v>8121</v>
      </c>
      <c r="G123" s="22" t="s">
        <v>268</v>
      </c>
      <c r="H123" s="22" t="s">
        <v>268</v>
      </c>
      <c r="I123" s="22" t="s">
        <v>268</v>
      </c>
      <c r="J123" s="16">
        <v>1</v>
      </c>
      <c r="K123" s="16">
        <v>48</v>
      </c>
      <c r="L123" s="22" t="s">
        <v>268</v>
      </c>
    </row>
    <row r="124" spans="1:12">
      <c r="A124" s="21" t="s">
        <v>240</v>
      </c>
      <c r="B124" s="21" t="s">
        <v>237</v>
      </c>
      <c r="C124" s="21" t="s">
        <v>265</v>
      </c>
      <c r="D124" s="21" t="s">
        <v>474</v>
      </c>
      <c r="E124" s="21" t="s">
        <v>596</v>
      </c>
      <c r="F124" s="16">
        <v>34</v>
      </c>
      <c r="G124" s="22" t="s">
        <v>268</v>
      </c>
      <c r="H124" s="22" t="s">
        <v>268</v>
      </c>
      <c r="I124" s="22" t="s">
        <v>268</v>
      </c>
      <c r="J124" s="22" t="s">
        <v>268</v>
      </c>
      <c r="K124" s="22" t="s">
        <v>268</v>
      </c>
      <c r="L124" s="22" t="s">
        <v>268</v>
      </c>
    </row>
    <row r="125" spans="1:12">
      <c r="A125" s="21" t="s">
        <v>240</v>
      </c>
      <c r="B125" s="21" t="s">
        <v>237</v>
      </c>
      <c r="C125" s="21" t="s">
        <v>265</v>
      </c>
      <c r="D125" s="21" t="s">
        <v>474</v>
      </c>
      <c r="E125" s="21" t="s">
        <v>597</v>
      </c>
      <c r="F125" s="16">
        <v>1212</v>
      </c>
      <c r="G125" s="16">
        <v>261</v>
      </c>
      <c r="H125" s="16">
        <v>518</v>
      </c>
      <c r="I125" s="16">
        <v>655</v>
      </c>
      <c r="J125" s="16">
        <v>758</v>
      </c>
      <c r="K125" s="16">
        <v>825</v>
      </c>
      <c r="L125" s="16">
        <v>1212</v>
      </c>
    </row>
    <row r="126" spans="1:12">
      <c r="A126" s="21" t="s">
        <v>240</v>
      </c>
      <c r="B126" s="21" t="s">
        <v>237</v>
      </c>
      <c r="C126" s="21" t="s">
        <v>265</v>
      </c>
      <c r="D126" s="21" t="s">
        <v>474</v>
      </c>
      <c r="E126" s="21" t="s">
        <v>598</v>
      </c>
      <c r="F126" s="16">
        <v>516</v>
      </c>
      <c r="G126" s="16">
        <v>79</v>
      </c>
      <c r="H126" s="16">
        <v>268</v>
      </c>
      <c r="I126" s="16">
        <v>370</v>
      </c>
      <c r="J126" s="16">
        <v>464</v>
      </c>
      <c r="K126" s="16">
        <v>516</v>
      </c>
      <c r="L126" s="22" t="s">
        <v>268</v>
      </c>
    </row>
    <row r="127" spans="1:12">
      <c r="A127" s="21" t="s">
        <v>240</v>
      </c>
      <c r="B127" s="21" t="s">
        <v>237</v>
      </c>
      <c r="C127" s="21" t="s">
        <v>265</v>
      </c>
      <c r="D127" s="21" t="s">
        <v>474</v>
      </c>
      <c r="E127" s="21" t="s">
        <v>599</v>
      </c>
      <c r="F127" s="16">
        <v>731</v>
      </c>
      <c r="G127" s="16">
        <v>126</v>
      </c>
      <c r="H127" s="16">
        <v>396</v>
      </c>
      <c r="I127" s="16">
        <v>538</v>
      </c>
      <c r="J127" s="16">
        <v>668</v>
      </c>
      <c r="K127" s="16">
        <v>731</v>
      </c>
      <c r="L127" s="16">
        <v>206</v>
      </c>
    </row>
    <row r="128" spans="1:12">
      <c r="A128" s="21" t="s">
        <v>240</v>
      </c>
      <c r="B128" s="21" t="s">
        <v>237</v>
      </c>
      <c r="C128" s="21" t="s">
        <v>265</v>
      </c>
      <c r="D128" s="21" t="s">
        <v>474</v>
      </c>
      <c r="E128" s="21" t="s">
        <v>600</v>
      </c>
      <c r="F128" s="16">
        <v>48</v>
      </c>
      <c r="G128" s="16">
        <v>8</v>
      </c>
      <c r="H128" s="16">
        <v>21</v>
      </c>
      <c r="I128" s="16">
        <v>30</v>
      </c>
      <c r="J128" s="16">
        <v>45</v>
      </c>
      <c r="K128" s="16">
        <v>48</v>
      </c>
      <c r="L128" s="22" t="s">
        <v>268</v>
      </c>
    </row>
    <row r="129" spans="1:12">
      <c r="A129" s="21" t="s">
        <v>240</v>
      </c>
      <c r="B129" s="21" t="s">
        <v>237</v>
      </c>
      <c r="C129" s="21" t="s">
        <v>265</v>
      </c>
      <c r="D129" s="21" t="s">
        <v>474</v>
      </c>
      <c r="E129" s="21" t="s">
        <v>601</v>
      </c>
      <c r="F129" s="16">
        <v>96</v>
      </c>
      <c r="G129" s="16">
        <v>15</v>
      </c>
      <c r="H129" s="16">
        <v>46</v>
      </c>
      <c r="I129" s="16">
        <v>64</v>
      </c>
      <c r="J129" s="16">
        <v>84</v>
      </c>
      <c r="K129" s="16">
        <v>96</v>
      </c>
      <c r="L129" s="16">
        <v>44</v>
      </c>
    </row>
    <row r="130" spans="1:12">
      <c r="A130" s="21" t="s">
        <v>240</v>
      </c>
      <c r="B130" s="21" t="s">
        <v>237</v>
      </c>
      <c r="C130" s="21" t="s">
        <v>265</v>
      </c>
      <c r="D130" s="21" t="s">
        <v>474</v>
      </c>
      <c r="E130" s="21" t="s">
        <v>602</v>
      </c>
      <c r="F130" s="16">
        <v>2967</v>
      </c>
      <c r="G130" s="22" t="s">
        <v>268</v>
      </c>
      <c r="H130" s="22" t="s">
        <v>268</v>
      </c>
      <c r="I130" s="22" t="s">
        <v>268</v>
      </c>
      <c r="J130" s="22" t="s">
        <v>268</v>
      </c>
      <c r="K130" s="22" t="s">
        <v>268</v>
      </c>
      <c r="L130" s="22" t="s">
        <v>268</v>
      </c>
    </row>
    <row r="131" spans="1:12">
      <c r="A131" s="21" t="s">
        <v>240</v>
      </c>
      <c r="B131" s="21" t="s">
        <v>237</v>
      </c>
      <c r="C131" s="21" t="s">
        <v>265</v>
      </c>
      <c r="D131" s="21" t="s">
        <v>474</v>
      </c>
      <c r="E131" s="21" t="s">
        <v>603</v>
      </c>
      <c r="F131" s="16">
        <v>3343</v>
      </c>
      <c r="G131" s="22" t="s">
        <v>268</v>
      </c>
      <c r="H131" s="22" t="s">
        <v>268</v>
      </c>
      <c r="I131" s="22" t="s">
        <v>268</v>
      </c>
      <c r="J131" s="22" t="s">
        <v>268</v>
      </c>
      <c r="K131" s="22" t="s">
        <v>268</v>
      </c>
      <c r="L131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3" orientation="portrait" r:id="rId1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C70C6F7-E9BF-4070-8855-BE25A3A2012C}">
  <sheetPr>
    <pageSetUpPr fitToPage="1"/>
  </sheetPr>
  <dimension ref="A1:L131"/>
  <sheetViews>
    <sheetView zoomScaleNormal="100" workbookViewId="0">
      <pane xSplit="5" ySplit="11" topLeftCell="F12" activePane="bottomRight" state="frozen"/>
      <selection pane="topRight" activeCell="T1" sqref="T1"/>
      <selection pane="bottomLeft" activeCell="A21" sqref="A21"/>
      <selection pane="bottomRight" activeCell="B9" sqref="B9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2.375" style="20" bestFit="1" customWidth="1"/>
    <col min="5" max="5" width="52" style="20" bestFit="1" customWidth="1"/>
    <col min="6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613</v>
      </c>
    </row>
    <row r="3" spans="1:12" s="11" customFormat="1"/>
    <row r="4" spans="1:12" s="11" customFormat="1" outlineLevel="1">
      <c r="A4" s="11" t="s">
        <v>556</v>
      </c>
    </row>
    <row r="5" spans="1:12" s="11" customFormat="1" outlineLevel="1">
      <c r="A5" s="11" t="s">
        <v>612</v>
      </c>
    </row>
    <row r="6" spans="1:12" s="11" customFormat="1">
      <c r="F6" s="12" t="s">
        <v>495</v>
      </c>
      <c r="G6" s="12" t="s">
        <v>495</v>
      </c>
      <c r="H6" s="12" t="s">
        <v>495</v>
      </c>
      <c r="I6" s="12" t="s">
        <v>495</v>
      </c>
      <c r="J6" s="12" t="s">
        <v>495</v>
      </c>
      <c r="K6" s="12" t="s">
        <v>495</v>
      </c>
      <c r="L6" s="12" t="s">
        <v>605</v>
      </c>
    </row>
    <row r="7" spans="1:12" s="11" customFormat="1" ht="36">
      <c r="F7" s="12" t="s">
        <v>547</v>
      </c>
      <c r="G7" s="12" t="s">
        <v>547</v>
      </c>
      <c r="H7" s="12" t="s">
        <v>547</v>
      </c>
      <c r="I7" s="12" t="s">
        <v>547</v>
      </c>
      <c r="J7" s="12" t="s">
        <v>547</v>
      </c>
      <c r="K7" s="12" t="s">
        <v>547</v>
      </c>
      <c r="L7" s="12"/>
    </row>
    <row r="8" spans="1:12" s="11" customFormat="1">
      <c r="F8" s="12">
        <v>1</v>
      </c>
      <c r="G8" s="12">
        <v>1</v>
      </c>
      <c r="H8" s="12">
        <v>1</v>
      </c>
      <c r="I8" s="12">
        <v>1</v>
      </c>
      <c r="J8" s="12">
        <v>1</v>
      </c>
      <c r="K8" s="12">
        <v>1</v>
      </c>
      <c r="L8" s="12"/>
    </row>
    <row r="9" spans="1:12" s="11" customFormat="1" ht="36">
      <c r="F9" s="12" t="s">
        <v>214</v>
      </c>
      <c r="G9" s="12" t="s">
        <v>548</v>
      </c>
      <c r="H9" s="12" t="s">
        <v>558</v>
      </c>
      <c r="I9" s="12" t="s">
        <v>559</v>
      </c>
      <c r="J9" s="12" t="s">
        <v>560</v>
      </c>
      <c r="K9" s="12" t="s">
        <v>561</v>
      </c>
      <c r="L9" s="12"/>
    </row>
    <row r="10" spans="1:12" s="11" customFormat="1">
      <c r="F10" s="13" t="s">
        <v>219</v>
      </c>
      <c r="G10" s="13" t="s">
        <v>219</v>
      </c>
      <c r="H10" s="13" t="s">
        <v>219</v>
      </c>
      <c r="I10" s="13" t="s">
        <v>219</v>
      </c>
      <c r="J10" s="13" t="s">
        <v>219</v>
      </c>
      <c r="K10" s="13" t="s">
        <v>219</v>
      </c>
      <c r="L10" s="13" t="s">
        <v>219</v>
      </c>
    </row>
    <row r="11" spans="1:12" s="11" customFormat="1">
      <c r="A11" s="14" t="s">
        <v>224</v>
      </c>
      <c r="B11" s="14" t="s">
        <v>259</v>
      </c>
      <c r="C11" s="14" t="s">
        <v>260</v>
      </c>
      <c r="D11" s="14" t="s">
        <v>562</v>
      </c>
      <c r="E11" s="14" t="s">
        <v>563</v>
      </c>
      <c r="F11" s="14" t="s">
        <v>231</v>
      </c>
      <c r="G11" s="14"/>
      <c r="H11" s="14"/>
      <c r="I11" s="14"/>
      <c r="J11" s="14"/>
      <c r="K11" s="14"/>
      <c r="L11" s="14"/>
    </row>
    <row r="12" spans="1:12">
      <c r="A12" s="15" t="s">
        <v>232</v>
      </c>
      <c r="B12" s="15" t="s">
        <v>233</v>
      </c>
      <c r="C12" s="15" t="s">
        <v>262</v>
      </c>
      <c r="D12" s="15" t="s">
        <v>474</v>
      </c>
      <c r="E12" s="15" t="s">
        <v>214</v>
      </c>
      <c r="F12" s="16">
        <v>86801073</v>
      </c>
      <c r="G12" s="16">
        <v>11944983</v>
      </c>
      <c r="H12" s="16">
        <v>21090715</v>
      </c>
      <c r="I12" s="16">
        <v>25411844</v>
      </c>
      <c r="J12" s="16">
        <v>29531905</v>
      </c>
      <c r="K12" s="16">
        <v>32297219</v>
      </c>
      <c r="L12" s="16">
        <v>5032910</v>
      </c>
    </row>
    <row r="13" spans="1:12">
      <c r="A13" s="21" t="s">
        <v>232</v>
      </c>
      <c r="B13" s="21" t="s">
        <v>233</v>
      </c>
      <c r="C13" s="21" t="s">
        <v>262</v>
      </c>
      <c r="D13" s="21" t="s">
        <v>474</v>
      </c>
      <c r="E13" s="21" t="s">
        <v>564</v>
      </c>
      <c r="F13" s="16">
        <v>68397284</v>
      </c>
      <c r="G13" s="16">
        <v>11892014</v>
      </c>
      <c r="H13" s="16">
        <v>20994567</v>
      </c>
      <c r="I13" s="16">
        <v>25293016</v>
      </c>
      <c r="J13" s="16">
        <v>29382764</v>
      </c>
      <c r="K13" s="16">
        <v>31887381</v>
      </c>
      <c r="L13" s="16">
        <v>5005193</v>
      </c>
    </row>
    <row r="14" spans="1:12">
      <c r="A14" s="21" t="s">
        <v>232</v>
      </c>
      <c r="B14" s="21" t="s">
        <v>233</v>
      </c>
      <c r="C14" s="21" t="s">
        <v>262</v>
      </c>
      <c r="D14" s="21" t="s">
        <v>240</v>
      </c>
      <c r="E14" s="21" t="s">
        <v>565</v>
      </c>
      <c r="F14" s="16">
        <v>61163518</v>
      </c>
      <c r="G14" s="16">
        <v>10845025</v>
      </c>
      <c r="H14" s="16">
        <v>18947813</v>
      </c>
      <c r="I14" s="16">
        <v>22705101</v>
      </c>
      <c r="J14" s="16">
        <v>26227711</v>
      </c>
      <c r="K14" s="16">
        <v>28338106</v>
      </c>
      <c r="L14" s="22" t="s">
        <v>268</v>
      </c>
    </row>
    <row r="15" spans="1:12">
      <c r="A15" s="21" t="s">
        <v>232</v>
      </c>
      <c r="B15" s="21" t="s">
        <v>233</v>
      </c>
      <c r="C15" s="21" t="s">
        <v>262</v>
      </c>
      <c r="D15" s="21" t="s">
        <v>476</v>
      </c>
      <c r="E15" s="21" t="s">
        <v>566</v>
      </c>
      <c r="F15" s="16">
        <v>15705434</v>
      </c>
      <c r="G15" s="22" t="s">
        <v>268</v>
      </c>
      <c r="H15" s="22" t="s">
        <v>268</v>
      </c>
      <c r="I15" s="22" t="s">
        <v>268</v>
      </c>
      <c r="J15" s="16">
        <v>270</v>
      </c>
      <c r="K15" s="16">
        <v>3682</v>
      </c>
      <c r="L15" s="22" t="s">
        <v>268</v>
      </c>
    </row>
    <row r="16" spans="1:12">
      <c r="A16" s="21" t="s">
        <v>232</v>
      </c>
      <c r="B16" s="21" t="s">
        <v>233</v>
      </c>
      <c r="C16" s="21" t="s">
        <v>262</v>
      </c>
      <c r="D16" s="21" t="s">
        <v>476</v>
      </c>
      <c r="E16" s="21" t="s">
        <v>567</v>
      </c>
      <c r="F16" s="16">
        <v>37029579</v>
      </c>
      <c r="G16" s="16">
        <v>10356615</v>
      </c>
      <c r="H16" s="16">
        <v>17588725</v>
      </c>
      <c r="I16" s="16">
        <v>20791701</v>
      </c>
      <c r="J16" s="16">
        <v>23692689</v>
      </c>
      <c r="K16" s="16">
        <v>25385364</v>
      </c>
      <c r="L16" s="22" t="s">
        <v>268</v>
      </c>
    </row>
    <row r="17" spans="1:12">
      <c r="A17" s="21" t="s">
        <v>232</v>
      </c>
      <c r="B17" s="21" t="s">
        <v>233</v>
      </c>
      <c r="C17" s="21" t="s">
        <v>262</v>
      </c>
      <c r="D17" s="21" t="s">
        <v>476</v>
      </c>
      <c r="E17" s="21" t="s">
        <v>568</v>
      </c>
      <c r="F17" s="16">
        <v>1127625</v>
      </c>
      <c r="G17" s="16">
        <v>24688</v>
      </c>
      <c r="H17" s="16">
        <v>89423</v>
      </c>
      <c r="I17" s="16">
        <v>140713</v>
      </c>
      <c r="J17" s="16">
        <v>207756</v>
      </c>
      <c r="K17" s="16">
        <v>262022</v>
      </c>
      <c r="L17" s="22" t="s">
        <v>268</v>
      </c>
    </row>
    <row r="18" spans="1:12">
      <c r="A18" s="21" t="s">
        <v>232</v>
      </c>
      <c r="B18" s="21" t="s">
        <v>233</v>
      </c>
      <c r="C18" s="21" t="s">
        <v>262</v>
      </c>
      <c r="D18" s="21" t="s">
        <v>476</v>
      </c>
      <c r="E18" s="21" t="s">
        <v>569</v>
      </c>
      <c r="F18" s="16">
        <v>7300880</v>
      </c>
      <c r="G18" s="16">
        <v>463722</v>
      </c>
      <c r="H18" s="16">
        <v>1269665</v>
      </c>
      <c r="I18" s="16">
        <v>1772687</v>
      </c>
      <c r="J18" s="16">
        <v>2326996</v>
      </c>
      <c r="K18" s="16">
        <v>2687038</v>
      </c>
      <c r="L18" s="22" t="s">
        <v>268</v>
      </c>
    </row>
    <row r="19" spans="1:12">
      <c r="A19" s="21" t="s">
        <v>232</v>
      </c>
      <c r="B19" s="21" t="s">
        <v>233</v>
      </c>
      <c r="C19" s="21" t="s">
        <v>262</v>
      </c>
      <c r="D19" s="21" t="s">
        <v>240</v>
      </c>
      <c r="E19" s="21" t="s">
        <v>570</v>
      </c>
      <c r="F19" s="16">
        <v>7233766</v>
      </c>
      <c r="G19" s="16">
        <v>1046989</v>
      </c>
      <c r="H19" s="16">
        <v>2046754</v>
      </c>
      <c r="I19" s="16">
        <v>2587915</v>
      </c>
      <c r="J19" s="16">
        <v>3155053</v>
      </c>
      <c r="K19" s="16">
        <v>3549275</v>
      </c>
      <c r="L19" s="16">
        <v>5005193</v>
      </c>
    </row>
    <row r="20" spans="1:12">
      <c r="A20" s="21" t="s">
        <v>232</v>
      </c>
      <c r="B20" s="21" t="s">
        <v>233</v>
      </c>
      <c r="C20" s="21" t="s">
        <v>262</v>
      </c>
      <c r="D20" s="21" t="s">
        <v>476</v>
      </c>
      <c r="E20" s="21" t="s">
        <v>571</v>
      </c>
      <c r="F20" s="16">
        <v>224216</v>
      </c>
      <c r="G20" s="22" t="s">
        <v>268</v>
      </c>
      <c r="H20" s="22" t="s">
        <v>268</v>
      </c>
      <c r="I20" s="22" t="s">
        <v>268</v>
      </c>
      <c r="J20" s="16">
        <v>80</v>
      </c>
      <c r="K20" s="16">
        <v>376</v>
      </c>
      <c r="L20" s="22" t="s">
        <v>268</v>
      </c>
    </row>
    <row r="21" spans="1:12">
      <c r="A21" s="21" t="s">
        <v>232</v>
      </c>
      <c r="B21" s="21" t="s">
        <v>233</v>
      </c>
      <c r="C21" s="21" t="s">
        <v>262</v>
      </c>
      <c r="D21" s="21" t="s">
        <v>572</v>
      </c>
      <c r="E21" s="21" t="s">
        <v>573</v>
      </c>
      <c r="F21" s="16">
        <v>166384</v>
      </c>
      <c r="G21" s="22" t="s">
        <v>268</v>
      </c>
      <c r="H21" s="22" t="s">
        <v>268</v>
      </c>
      <c r="I21" s="22" t="s">
        <v>268</v>
      </c>
      <c r="J21" s="16">
        <v>56</v>
      </c>
      <c r="K21" s="16">
        <v>224</v>
      </c>
      <c r="L21" s="22" t="s">
        <v>268</v>
      </c>
    </row>
    <row r="22" spans="1:12">
      <c r="A22" s="21" t="s">
        <v>232</v>
      </c>
      <c r="B22" s="21" t="s">
        <v>233</v>
      </c>
      <c r="C22" s="21" t="s">
        <v>262</v>
      </c>
      <c r="D22" s="21" t="s">
        <v>572</v>
      </c>
      <c r="E22" s="21" t="s">
        <v>574</v>
      </c>
      <c r="F22" s="16">
        <v>57832</v>
      </c>
      <c r="G22" s="22" t="s">
        <v>268</v>
      </c>
      <c r="H22" s="22" t="s">
        <v>268</v>
      </c>
      <c r="I22" s="22" t="s">
        <v>268</v>
      </c>
      <c r="J22" s="16">
        <v>24</v>
      </c>
      <c r="K22" s="16">
        <v>152</v>
      </c>
      <c r="L22" s="22" t="s">
        <v>268</v>
      </c>
    </row>
    <row r="23" spans="1:12">
      <c r="A23" s="21" t="s">
        <v>232</v>
      </c>
      <c r="B23" s="21" t="s">
        <v>233</v>
      </c>
      <c r="C23" s="21" t="s">
        <v>262</v>
      </c>
      <c r="D23" s="21" t="s">
        <v>476</v>
      </c>
      <c r="E23" s="21" t="s">
        <v>575</v>
      </c>
      <c r="F23" s="16">
        <v>834594</v>
      </c>
      <c r="G23" s="22" t="s">
        <v>268</v>
      </c>
      <c r="H23" s="22" t="s">
        <v>268</v>
      </c>
      <c r="I23" s="22" t="s">
        <v>268</v>
      </c>
      <c r="J23" s="16">
        <v>54</v>
      </c>
      <c r="K23" s="16">
        <v>246</v>
      </c>
      <c r="L23" s="22" t="s">
        <v>268</v>
      </c>
    </row>
    <row r="24" spans="1:12">
      <c r="A24" s="21" t="s">
        <v>232</v>
      </c>
      <c r="B24" s="21" t="s">
        <v>233</v>
      </c>
      <c r="C24" s="21" t="s">
        <v>262</v>
      </c>
      <c r="D24" s="21" t="s">
        <v>572</v>
      </c>
      <c r="E24" s="21" t="s">
        <v>576</v>
      </c>
      <c r="F24" s="16">
        <v>547242</v>
      </c>
      <c r="G24" s="22" t="s">
        <v>268</v>
      </c>
      <c r="H24" s="22" t="s">
        <v>268</v>
      </c>
      <c r="I24" s="22" t="s">
        <v>268</v>
      </c>
      <c r="J24" s="16">
        <v>36</v>
      </c>
      <c r="K24" s="16">
        <v>144</v>
      </c>
      <c r="L24" s="22" t="s">
        <v>268</v>
      </c>
    </row>
    <row r="25" spans="1:12">
      <c r="A25" s="21" t="s">
        <v>232</v>
      </c>
      <c r="B25" s="21" t="s">
        <v>233</v>
      </c>
      <c r="C25" s="21" t="s">
        <v>262</v>
      </c>
      <c r="D25" s="21" t="s">
        <v>572</v>
      </c>
      <c r="E25" s="21" t="s">
        <v>577</v>
      </c>
      <c r="F25" s="16">
        <v>287352</v>
      </c>
      <c r="G25" s="22" t="s">
        <v>268</v>
      </c>
      <c r="H25" s="22" t="s">
        <v>268</v>
      </c>
      <c r="I25" s="22" t="s">
        <v>268</v>
      </c>
      <c r="J25" s="16">
        <v>18</v>
      </c>
      <c r="K25" s="16">
        <v>102</v>
      </c>
      <c r="L25" s="22" t="s">
        <v>268</v>
      </c>
    </row>
    <row r="26" spans="1:12">
      <c r="A26" s="21" t="s">
        <v>232</v>
      </c>
      <c r="B26" s="21" t="s">
        <v>233</v>
      </c>
      <c r="C26" s="21" t="s">
        <v>262</v>
      </c>
      <c r="D26" s="21" t="s">
        <v>476</v>
      </c>
      <c r="E26" s="21" t="s">
        <v>578</v>
      </c>
      <c r="F26" s="16">
        <v>1006819</v>
      </c>
      <c r="G26" s="16">
        <v>247285</v>
      </c>
      <c r="H26" s="16">
        <v>488207</v>
      </c>
      <c r="I26" s="16">
        <v>612289</v>
      </c>
      <c r="J26" s="16">
        <v>728900</v>
      </c>
      <c r="K26" s="16">
        <v>794271</v>
      </c>
      <c r="L26" s="16">
        <v>1006819</v>
      </c>
    </row>
    <row r="27" spans="1:12">
      <c r="A27" s="21" t="s">
        <v>232</v>
      </c>
      <c r="B27" s="21" t="s">
        <v>233</v>
      </c>
      <c r="C27" s="21" t="s">
        <v>262</v>
      </c>
      <c r="D27" s="21" t="s">
        <v>572</v>
      </c>
      <c r="E27" s="21" t="s">
        <v>579</v>
      </c>
      <c r="F27" s="16">
        <v>772232</v>
      </c>
      <c r="G27" s="16">
        <v>179758</v>
      </c>
      <c r="H27" s="16">
        <v>364822</v>
      </c>
      <c r="I27" s="16">
        <v>461819</v>
      </c>
      <c r="J27" s="16">
        <v>553720</v>
      </c>
      <c r="K27" s="16">
        <v>605504</v>
      </c>
      <c r="L27" s="16">
        <v>772232</v>
      </c>
    </row>
    <row r="28" spans="1:12">
      <c r="A28" s="21" t="s">
        <v>232</v>
      </c>
      <c r="B28" s="21" t="s">
        <v>233</v>
      </c>
      <c r="C28" s="21" t="s">
        <v>262</v>
      </c>
      <c r="D28" s="21" t="s">
        <v>572</v>
      </c>
      <c r="E28" s="21" t="s">
        <v>580</v>
      </c>
      <c r="F28" s="16">
        <v>234467</v>
      </c>
      <c r="G28" s="16">
        <v>67527</v>
      </c>
      <c r="H28" s="16">
        <v>123385</v>
      </c>
      <c r="I28" s="16">
        <v>150470</v>
      </c>
      <c r="J28" s="16">
        <v>175174</v>
      </c>
      <c r="K28" s="16">
        <v>188755</v>
      </c>
      <c r="L28" s="16">
        <v>234467</v>
      </c>
    </row>
    <row r="29" spans="1:12">
      <c r="A29" s="21" t="s">
        <v>232</v>
      </c>
      <c r="B29" s="21" t="s">
        <v>233</v>
      </c>
      <c r="C29" s="21" t="s">
        <v>262</v>
      </c>
      <c r="D29" s="21" t="s">
        <v>476</v>
      </c>
      <c r="E29" s="21" t="s">
        <v>581</v>
      </c>
      <c r="F29" s="16">
        <v>2033174</v>
      </c>
      <c r="G29" s="16">
        <v>283199</v>
      </c>
      <c r="H29" s="16">
        <v>608354</v>
      </c>
      <c r="I29" s="16">
        <v>799091</v>
      </c>
      <c r="J29" s="16">
        <v>1005421</v>
      </c>
      <c r="K29" s="16">
        <v>1145324</v>
      </c>
      <c r="L29" s="16">
        <v>2033174</v>
      </c>
    </row>
    <row r="30" spans="1:12">
      <c r="A30" s="21" t="s">
        <v>232</v>
      </c>
      <c r="B30" s="21" t="s">
        <v>233</v>
      </c>
      <c r="C30" s="21" t="s">
        <v>262</v>
      </c>
      <c r="D30" s="21" t="s">
        <v>572</v>
      </c>
      <c r="E30" s="21" t="s">
        <v>582</v>
      </c>
      <c r="F30" s="16">
        <v>1383834</v>
      </c>
      <c r="G30" s="16">
        <v>178128</v>
      </c>
      <c r="H30" s="16">
        <v>392224</v>
      </c>
      <c r="I30" s="16">
        <v>522360</v>
      </c>
      <c r="J30" s="16">
        <v>666059</v>
      </c>
      <c r="K30" s="16">
        <v>764642</v>
      </c>
      <c r="L30" s="16">
        <v>1383834</v>
      </c>
    </row>
    <row r="31" spans="1:12">
      <c r="A31" s="21" t="s">
        <v>232</v>
      </c>
      <c r="B31" s="21" t="s">
        <v>233</v>
      </c>
      <c r="C31" s="21" t="s">
        <v>262</v>
      </c>
      <c r="D31" s="21" t="s">
        <v>572</v>
      </c>
      <c r="E31" s="21" t="s">
        <v>583</v>
      </c>
      <c r="F31" s="16">
        <v>647586</v>
      </c>
      <c r="G31" s="16">
        <v>105071</v>
      </c>
      <c r="H31" s="16">
        <v>216117</v>
      </c>
      <c r="I31" s="16">
        <v>276718</v>
      </c>
      <c r="J31" s="16">
        <v>339343</v>
      </c>
      <c r="K31" s="16">
        <v>380658</v>
      </c>
      <c r="L31" s="16">
        <v>647586</v>
      </c>
    </row>
    <row r="32" spans="1:12">
      <c r="A32" s="21" t="s">
        <v>232</v>
      </c>
      <c r="B32" s="21" t="s">
        <v>233</v>
      </c>
      <c r="C32" s="21" t="s">
        <v>262</v>
      </c>
      <c r="D32" s="21" t="s">
        <v>476</v>
      </c>
      <c r="E32" s="21" t="s">
        <v>584</v>
      </c>
      <c r="F32" s="16">
        <v>200731</v>
      </c>
      <c r="G32" s="16">
        <v>8400</v>
      </c>
      <c r="H32" s="16">
        <v>18020</v>
      </c>
      <c r="I32" s="16">
        <v>26364</v>
      </c>
      <c r="J32" s="16">
        <v>38913</v>
      </c>
      <c r="K32" s="16">
        <v>54378</v>
      </c>
      <c r="L32" s="16">
        <v>330</v>
      </c>
    </row>
    <row r="33" spans="1:12">
      <c r="A33" s="21" t="s">
        <v>232</v>
      </c>
      <c r="B33" s="21" t="s">
        <v>233</v>
      </c>
      <c r="C33" s="21" t="s">
        <v>262</v>
      </c>
      <c r="D33" s="21" t="s">
        <v>476</v>
      </c>
      <c r="E33" s="21" t="s">
        <v>585</v>
      </c>
      <c r="F33" s="16">
        <v>874197</v>
      </c>
      <c r="G33" s="16">
        <v>200981</v>
      </c>
      <c r="H33" s="16">
        <v>397237</v>
      </c>
      <c r="I33" s="16">
        <v>496479</v>
      </c>
      <c r="J33" s="16">
        <v>596275</v>
      </c>
      <c r="K33" s="16">
        <v>658201</v>
      </c>
      <c r="L33" s="16">
        <v>756684</v>
      </c>
    </row>
    <row r="34" spans="1:12">
      <c r="A34" s="21" t="s">
        <v>232</v>
      </c>
      <c r="B34" s="21" t="s">
        <v>233</v>
      </c>
      <c r="C34" s="21" t="s">
        <v>262</v>
      </c>
      <c r="D34" s="21" t="s">
        <v>476</v>
      </c>
      <c r="E34" s="21" t="s">
        <v>586</v>
      </c>
      <c r="F34" s="16">
        <v>111605</v>
      </c>
      <c r="G34" s="16">
        <v>15550</v>
      </c>
      <c r="H34" s="16">
        <v>20297</v>
      </c>
      <c r="I34" s="16">
        <v>22265</v>
      </c>
      <c r="J34" s="16">
        <v>25064</v>
      </c>
      <c r="K34" s="16">
        <v>27610</v>
      </c>
      <c r="L34" s="16">
        <v>37217</v>
      </c>
    </row>
    <row r="35" spans="1:12">
      <c r="A35" s="21" t="s">
        <v>232</v>
      </c>
      <c r="B35" s="21" t="s">
        <v>233</v>
      </c>
      <c r="C35" s="21" t="s">
        <v>262</v>
      </c>
      <c r="D35" s="21" t="s">
        <v>572</v>
      </c>
      <c r="E35" s="21" t="s">
        <v>587</v>
      </c>
      <c r="F35" s="16">
        <v>58740</v>
      </c>
      <c r="G35" s="16">
        <v>826</v>
      </c>
      <c r="H35" s="16">
        <v>1813</v>
      </c>
      <c r="I35" s="16">
        <v>2661</v>
      </c>
      <c r="J35" s="16">
        <v>4025</v>
      </c>
      <c r="K35" s="16">
        <v>5522</v>
      </c>
      <c r="L35" s="16">
        <v>10384</v>
      </c>
    </row>
    <row r="36" spans="1:12">
      <c r="A36" s="21" t="s">
        <v>232</v>
      </c>
      <c r="B36" s="21" t="s">
        <v>233</v>
      </c>
      <c r="C36" s="21" t="s">
        <v>262</v>
      </c>
      <c r="D36" s="21" t="s">
        <v>572</v>
      </c>
      <c r="E36" s="21" t="s">
        <v>588</v>
      </c>
      <c r="F36" s="16">
        <v>24796</v>
      </c>
      <c r="G36" s="16">
        <v>384</v>
      </c>
      <c r="H36" s="16">
        <v>997</v>
      </c>
      <c r="I36" s="16">
        <v>1379</v>
      </c>
      <c r="J36" s="16">
        <v>2197</v>
      </c>
      <c r="K36" s="16">
        <v>2903</v>
      </c>
      <c r="L36" s="16">
        <v>4371</v>
      </c>
    </row>
    <row r="37" spans="1:12">
      <c r="A37" s="21" t="s">
        <v>232</v>
      </c>
      <c r="B37" s="21" t="s">
        <v>233</v>
      </c>
      <c r="C37" s="21" t="s">
        <v>262</v>
      </c>
      <c r="D37" s="21" t="s">
        <v>476</v>
      </c>
      <c r="E37" s="21" t="s">
        <v>589</v>
      </c>
      <c r="F37" s="16">
        <v>369897</v>
      </c>
      <c r="G37" s="16">
        <v>172836</v>
      </c>
      <c r="H37" s="16">
        <v>256533</v>
      </c>
      <c r="I37" s="16">
        <v>287367</v>
      </c>
      <c r="J37" s="16">
        <v>312139</v>
      </c>
      <c r="K37" s="16">
        <v>324914</v>
      </c>
      <c r="L37" s="16">
        <v>369897</v>
      </c>
    </row>
    <row r="38" spans="1:12">
      <c r="A38" s="21" t="s">
        <v>232</v>
      </c>
      <c r="B38" s="21" t="s">
        <v>233</v>
      </c>
      <c r="C38" s="21" t="s">
        <v>262</v>
      </c>
      <c r="D38" s="21" t="s">
        <v>572</v>
      </c>
      <c r="E38" s="21" t="s">
        <v>590</v>
      </c>
      <c r="F38" s="16">
        <v>258787</v>
      </c>
      <c r="G38" s="16">
        <v>118286</v>
      </c>
      <c r="H38" s="16">
        <v>177656</v>
      </c>
      <c r="I38" s="16">
        <v>199977</v>
      </c>
      <c r="J38" s="16">
        <v>217933</v>
      </c>
      <c r="K38" s="16">
        <v>227245</v>
      </c>
      <c r="L38" s="16">
        <v>258787</v>
      </c>
    </row>
    <row r="39" spans="1:12">
      <c r="A39" s="21" t="s">
        <v>232</v>
      </c>
      <c r="B39" s="21" t="s">
        <v>233</v>
      </c>
      <c r="C39" s="21" t="s">
        <v>262</v>
      </c>
      <c r="D39" s="21" t="s">
        <v>572</v>
      </c>
      <c r="E39" s="21" t="s">
        <v>591</v>
      </c>
      <c r="F39" s="16">
        <v>103464</v>
      </c>
      <c r="G39" s="16">
        <v>53474</v>
      </c>
      <c r="H39" s="16">
        <v>76396</v>
      </c>
      <c r="I39" s="16">
        <v>84011</v>
      </c>
      <c r="J39" s="16">
        <v>90149</v>
      </c>
      <c r="K39" s="16">
        <v>93046</v>
      </c>
      <c r="L39" s="16">
        <v>103464</v>
      </c>
    </row>
    <row r="40" spans="1:12">
      <c r="A40" s="21" t="s">
        <v>232</v>
      </c>
      <c r="B40" s="21" t="s">
        <v>233</v>
      </c>
      <c r="C40" s="21" t="s">
        <v>262</v>
      </c>
      <c r="D40" s="21" t="s">
        <v>476</v>
      </c>
      <c r="E40" s="21" t="s">
        <v>592</v>
      </c>
      <c r="F40" s="16">
        <v>521417</v>
      </c>
      <c r="G40" s="16">
        <v>46</v>
      </c>
      <c r="H40" s="16">
        <v>403</v>
      </c>
      <c r="I40" s="16">
        <v>1019</v>
      </c>
      <c r="J40" s="16">
        <v>4184</v>
      </c>
      <c r="K40" s="16">
        <v>21847</v>
      </c>
      <c r="L40" s="22" t="s">
        <v>268</v>
      </c>
    </row>
    <row r="41" spans="1:12">
      <c r="A41" s="21" t="s">
        <v>232</v>
      </c>
      <c r="B41" s="21" t="s">
        <v>233</v>
      </c>
      <c r="C41" s="21" t="s">
        <v>262</v>
      </c>
      <c r="D41" s="21" t="s">
        <v>476</v>
      </c>
      <c r="E41" s="21" t="s">
        <v>593</v>
      </c>
      <c r="F41" s="16">
        <v>1057116</v>
      </c>
      <c r="G41" s="16">
        <v>118692</v>
      </c>
      <c r="H41" s="16">
        <v>257703</v>
      </c>
      <c r="I41" s="16">
        <v>343041</v>
      </c>
      <c r="J41" s="16">
        <v>444023</v>
      </c>
      <c r="K41" s="16">
        <v>522108</v>
      </c>
      <c r="L41" s="16">
        <v>801072</v>
      </c>
    </row>
    <row r="42" spans="1:12">
      <c r="A42" s="21" t="s">
        <v>232</v>
      </c>
      <c r="B42" s="21" t="s">
        <v>233</v>
      </c>
      <c r="C42" s="21" t="s">
        <v>262</v>
      </c>
      <c r="D42" s="21" t="s">
        <v>474</v>
      </c>
      <c r="E42" s="21" t="s">
        <v>594</v>
      </c>
      <c r="F42" s="16">
        <v>960364</v>
      </c>
      <c r="G42" s="16">
        <v>52969</v>
      </c>
      <c r="H42" s="16">
        <v>96141</v>
      </c>
      <c r="I42" s="16">
        <v>118726</v>
      </c>
      <c r="J42" s="16">
        <v>142754</v>
      </c>
      <c r="K42" s="16">
        <v>165440</v>
      </c>
      <c r="L42" s="16">
        <v>27717</v>
      </c>
    </row>
    <row r="43" spans="1:12">
      <c r="A43" s="21" t="s">
        <v>232</v>
      </c>
      <c r="B43" s="21" t="s">
        <v>233</v>
      </c>
      <c r="C43" s="21" t="s">
        <v>262</v>
      </c>
      <c r="D43" s="21" t="s">
        <v>474</v>
      </c>
      <c r="E43" s="21" t="s">
        <v>595</v>
      </c>
      <c r="F43" s="16">
        <v>17087609</v>
      </c>
      <c r="G43" s="22" t="s">
        <v>268</v>
      </c>
      <c r="H43" s="16">
        <v>7</v>
      </c>
      <c r="I43" s="16">
        <v>102</v>
      </c>
      <c r="J43" s="16">
        <v>6387</v>
      </c>
      <c r="K43" s="16">
        <v>244398</v>
      </c>
      <c r="L43" s="22" t="s">
        <v>268</v>
      </c>
    </row>
    <row r="44" spans="1:12">
      <c r="A44" s="21" t="s">
        <v>232</v>
      </c>
      <c r="B44" s="21" t="s">
        <v>233</v>
      </c>
      <c r="C44" s="21" t="s">
        <v>262</v>
      </c>
      <c r="D44" s="21" t="s">
        <v>474</v>
      </c>
      <c r="E44" s="21" t="s">
        <v>596</v>
      </c>
      <c r="F44" s="16">
        <v>355816</v>
      </c>
      <c r="G44" s="22" t="s">
        <v>268</v>
      </c>
      <c r="H44" s="22" t="s">
        <v>268</v>
      </c>
      <c r="I44" s="22" t="s">
        <v>268</v>
      </c>
      <c r="J44" s="22" t="s">
        <v>268</v>
      </c>
      <c r="K44" s="22" t="s">
        <v>268</v>
      </c>
      <c r="L44" s="22" t="s">
        <v>268</v>
      </c>
    </row>
    <row r="45" spans="1:12">
      <c r="A45" s="21" t="s">
        <v>232</v>
      </c>
      <c r="B45" s="21" t="s">
        <v>233</v>
      </c>
      <c r="C45" s="21" t="s">
        <v>262</v>
      </c>
      <c r="D45" s="21" t="s">
        <v>474</v>
      </c>
      <c r="E45" s="21" t="s">
        <v>597</v>
      </c>
      <c r="F45" s="16">
        <v>5032910</v>
      </c>
      <c r="G45" s="16">
        <v>1008482</v>
      </c>
      <c r="H45" s="16">
        <v>1972276</v>
      </c>
      <c r="I45" s="16">
        <v>2488749</v>
      </c>
      <c r="J45" s="16">
        <v>3019536</v>
      </c>
      <c r="K45" s="16">
        <v>3359752</v>
      </c>
      <c r="L45" s="16">
        <v>5032910</v>
      </c>
    </row>
    <row r="46" spans="1:12">
      <c r="A46" s="21" t="s">
        <v>232</v>
      </c>
      <c r="B46" s="21" t="s">
        <v>233</v>
      </c>
      <c r="C46" s="21" t="s">
        <v>262</v>
      </c>
      <c r="D46" s="21" t="s">
        <v>474</v>
      </c>
      <c r="E46" s="21" t="s">
        <v>598</v>
      </c>
      <c r="F46" s="16">
        <v>1228062</v>
      </c>
      <c r="G46" s="16">
        <v>222895</v>
      </c>
      <c r="H46" s="16">
        <v>648253</v>
      </c>
      <c r="I46" s="16">
        <v>893063</v>
      </c>
      <c r="J46" s="16">
        <v>1119606</v>
      </c>
      <c r="K46" s="16">
        <v>1228062</v>
      </c>
      <c r="L46" s="22" t="s">
        <v>268</v>
      </c>
    </row>
    <row r="47" spans="1:12">
      <c r="A47" s="21" t="s">
        <v>232</v>
      </c>
      <c r="B47" s="21" t="s">
        <v>233</v>
      </c>
      <c r="C47" s="21" t="s">
        <v>262</v>
      </c>
      <c r="D47" s="21" t="s">
        <v>474</v>
      </c>
      <c r="E47" s="21" t="s">
        <v>599</v>
      </c>
      <c r="F47" s="16">
        <v>1842244</v>
      </c>
      <c r="G47" s="16">
        <v>385303</v>
      </c>
      <c r="H47" s="16">
        <v>1011589</v>
      </c>
      <c r="I47" s="16">
        <v>1359010</v>
      </c>
      <c r="J47" s="16">
        <v>1682540</v>
      </c>
      <c r="K47" s="16">
        <v>1842244</v>
      </c>
      <c r="L47" s="16">
        <v>588501</v>
      </c>
    </row>
    <row r="48" spans="1:12">
      <c r="A48" s="21" t="s">
        <v>232</v>
      </c>
      <c r="B48" s="21" t="s">
        <v>233</v>
      </c>
      <c r="C48" s="21" t="s">
        <v>262</v>
      </c>
      <c r="D48" s="21" t="s">
        <v>474</v>
      </c>
      <c r="E48" s="21" t="s">
        <v>600</v>
      </c>
      <c r="F48" s="16">
        <v>125730</v>
      </c>
      <c r="G48" s="16">
        <v>10417</v>
      </c>
      <c r="H48" s="16">
        <v>48876</v>
      </c>
      <c r="I48" s="16">
        <v>77880</v>
      </c>
      <c r="J48" s="16">
        <v>108596</v>
      </c>
      <c r="K48" s="16">
        <v>125730</v>
      </c>
      <c r="L48" s="22" t="s">
        <v>268</v>
      </c>
    </row>
    <row r="49" spans="1:12">
      <c r="A49" s="21" t="s">
        <v>232</v>
      </c>
      <c r="B49" s="21" t="s">
        <v>233</v>
      </c>
      <c r="C49" s="21" t="s">
        <v>262</v>
      </c>
      <c r="D49" s="21" t="s">
        <v>474</v>
      </c>
      <c r="E49" s="21" t="s">
        <v>601</v>
      </c>
      <c r="F49" s="16">
        <v>282797</v>
      </c>
      <c r="G49" s="16">
        <v>41107</v>
      </c>
      <c r="H49" s="16">
        <v>127894</v>
      </c>
      <c r="I49" s="16">
        <v>186160</v>
      </c>
      <c r="J49" s="16">
        <v>247153</v>
      </c>
      <c r="K49" s="16">
        <v>282797</v>
      </c>
      <c r="L49" s="16">
        <v>139771</v>
      </c>
    </row>
    <row r="50" spans="1:12">
      <c r="A50" s="21" t="s">
        <v>232</v>
      </c>
      <c r="B50" s="21" t="s">
        <v>233</v>
      </c>
      <c r="C50" s="21" t="s">
        <v>262</v>
      </c>
      <c r="D50" s="21" t="s">
        <v>474</v>
      </c>
      <c r="E50" s="21" t="s">
        <v>602</v>
      </c>
      <c r="F50" s="16">
        <v>8660414</v>
      </c>
      <c r="G50" s="22" t="s">
        <v>268</v>
      </c>
      <c r="H50" s="22" t="s">
        <v>268</v>
      </c>
      <c r="I50" s="22" t="s">
        <v>268</v>
      </c>
      <c r="J50" s="22" t="s">
        <v>268</v>
      </c>
      <c r="K50" s="22" t="s">
        <v>268</v>
      </c>
      <c r="L50" s="22" t="s">
        <v>268</v>
      </c>
    </row>
    <row r="51" spans="1:12">
      <c r="A51" s="21" t="s">
        <v>232</v>
      </c>
      <c r="B51" s="21" t="s">
        <v>233</v>
      </c>
      <c r="C51" s="21" t="s">
        <v>262</v>
      </c>
      <c r="D51" s="21" t="s">
        <v>474</v>
      </c>
      <c r="E51" s="21" t="s">
        <v>603</v>
      </c>
      <c r="F51" s="16">
        <v>4813209</v>
      </c>
      <c r="G51" s="22" t="s">
        <v>268</v>
      </c>
      <c r="H51" s="22" t="s">
        <v>268</v>
      </c>
      <c r="I51" s="22" t="s">
        <v>268</v>
      </c>
      <c r="J51" s="22" t="s">
        <v>268</v>
      </c>
      <c r="K51" s="22" t="s">
        <v>268</v>
      </c>
      <c r="L51" s="22" t="s">
        <v>268</v>
      </c>
    </row>
    <row r="52" spans="1:12">
      <c r="A52" s="21" t="s">
        <v>232</v>
      </c>
      <c r="B52" s="21" t="s">
        <v>237</v>
      </c>
      <c r="C52" s="21" t="s">
        <v>264</v>
      </c>
      <c r="D52" s="21" t="s">
        <v>474</v>
      </c>
      <c r="E52" s="21" t="s">
        <v>214</v>
      </c>
      <c r="F52" s="16">
        <v>841987</v>
      </c>
      <c r="G52" s="16">
        <v>133836</v>
      </c>
      <c r="H52" s="16">
        <v>231113</v>
      </c>
      <c r="I52" s="16">
        <v>276168</v>
      </c>
      <c r="J52" s="16">
        <v>318493</v>
      </c>
      <c r="K52" s="16">
        <v>344114</v>
      </c>
      <c r="L52" s="16">
        <v>59845</v>
      </c>
    </row>
    <row r="53" spans="1:12">
      <c r="A53" s="21" t="s">
        <v>232</v>
      </c>
      <c r="B53" s="21" t="s">
        <v>237</v>
      </c>
      <c r="C53" s="21" t="s">
        <v>264</v>
      </c>
      <c r="D53" s="21" t="s">
        <v>474</v>
      </c>
      <c r="E53" s="21" t="s">
        <v>564</v>
      </c>
      <c r="F53" s="16">
        <v>678182</v>
      </c>
      <c r="G53" s="16">
        <v>133376</v>
      </c>
      <c r="H53" s="16">
        <v>230290</v>
      </c>
      <c r="I53" s="16">
        <v>275145</v>
      </c>
      <c r="J53" s="16">
        <v>317156</v>
      </c>
      <c r="K53" s="16">
        <v>339402</v>
      </c>
      <c r="L53" s="16">
        <v>59469</v>
      </c>
    </row>
    <row r="54" spans="1:12">
      <c r="A54" s="21" t="s">
        <v>232</v>
      </c>
      <c r="B54" s="21" t="s">
        <v>237</v>
      </c>
      <c r="C54" s="21" t="s">
        <v>264</v>
      </c>
      <c r="D54" s="21" t="s">
        <v>240</v>
      </c>
      <c r="E54" s="21" t="s">
        <v>565</v>
      </c>
      <c r="F54" s="16">
        <v>593810</v>
      </c>
      <c r="G54" s="16">
        <v>118570</v>
      </c>
      <c r="H54" s="16">
        <v>202599</v>
      </c>
      <c r="I54" s="16">
        <v>240912</v>
      </c>
      <c r="J54" s="16">
        <v>276081</v>
      </c>
      <c r="K54" s="16">
        <v>294024</v>
      </c>
      <c r="L54" s="22" t="s">
        <v>268</v>
      </c>
    </row>
    <row r="55" spans="1:12">
      <c r="A55" s="21" t="s">
        <v>232</v>
      </c>
      <c r="B55" s="21" t="s">
        <v>237</v>
      </c>
      <c r="C55" s="21" t="s">
        <v>264</v>
      </c>
      <c r="D55" s="21" t="s">
        <v>476</v>
      </c>
      <c r="E55" s="21" t="s">
        <v>566</v>
      </c>
      <c r="F55" s="16">
        <v>147706</v>
      </c>
      <c r="G55" s="22" t="s">
        <v>268</v>
      </c>
      <c r="H55" s="22" t="s">
        <v>268</v>
      </c>
      <c r="I55" s="22" t="s">
        <v>268</v>
      </c>
      <c r="J55" s="16">
        <v>4</v>
      </c>
      <c r="K55" s="16">
        <v>52</v>
      </c>
      <c r="L55" s="22" t="s">
        <v>268</v>
      </c>
    </row>
    <row r="56" spans="1:12">
      <c r="A56" s="21" t="s">
        <v>232</v>
      </c>
      <c r="B56" s="21" t="s">
        <v>237</v>
      </c>
      <c r="C56" s="21" t="s">
        <v>264</v>
      </c>
      <c r="D56" s="21" t="s">
        <v>476</v>
      </c>
      <c r="E56" s="21" t="s">
        <v>567</v>
      </c>
      <c r="F56" s="16">
        <v>356268</v>
      </c>
      <c r="G56" s="16">
        <v>111705</v>
      </c>
      <c r="H56" s="16">
        <v>184039</v>
      </c>
      <c r="I56" s="16">
        <v>215245</v>
      </c>
      <c r="J56" s="16">
        <v>242646</v>
      </c>
      <c r="K56" s="16">
        <v>256197</v>
      </c>
      <c r="L56" s="22" t="s">
        <v>268</v>
      </c>
    </row>
    <row r="57" spans="1:12">
      <c r="A57" s="21" t="s">
        <v>232</v>
      </c>
      <c r="B57" s="21" t="s">
        <v>237</v>
      </c>
      <c r="C57" s="21" t="s">
        <v>264</v>
      </c>
      <c r="D57" s="21" t="s">
        <v>476</v>
      </c>
      <c r="E57" s="21" t="s">
        <v>568</v>
      </c>
      <c r="F57" s="16">
        <v>10158</v>
      </c>
      <c r="G57" s="16">
        <v>292</v>
      </c>
      <c r="H57" s="16">
        <v>1082</v>
      </c>
      <c r="I57" s="16">
        <v>1649</v>
      </c>
      <c r="J57" s="16">
        <v>2381</v>
      </c>
      <c r="K57" s="16">
        <v>2811</v>
      </c>
      <c r="L57" s="22" t="s">
        <v>268</v>
      </c>
    </row>
    <row r="58" spans="1:12">
      <c r="A58" s="21" t="s">
        <v>232</v>
      </c>
      <c r="B58" s="21" t="s">
        <v>237</v>
      </c>
      <c r="C58" s="21" t="s">
        <v>264</v>
      </c>
      <c r="D58" s="21" t="s">
        <v>476</v>
      </c>
      <c r="E58" s="21" t="s">
        <v>569</v>
      </c>
      <c r="F58" s="16">
        <v>79678</v>
      </c>
      <c r="G58" s="16">
        <v>6573</v>
      </c>
      <c r="H58" s="16">
        <v>17478</v>
      </c>
      <c r="I58" s="16">
        <v>24018</v>
      </c>
      <c r="J58" s="16">
        <v>31050</v>
      </c>
      <c r="K58" s="16">
        <v>34964</v>
      </c>
      <c r="L58" s="22" t="s">
        <v>268</v>
      </c>
    </row>
    <row r="59" spans="1:12">
      <c r="A59" s="21" t="s">
        <v>232</v>
      </c>
      <c r="B59" s="21" t="s">
        <v>237</v>
      </c>
      <c r="C59" s="21" t="s">
        <v>264</v>
      </c>
      <c r="D59" s="21" t="s">
        <v>240</v>
      </c>
      <c r="E59" s="21" t="s">
        <v>570</v>
      </c>
      <c r="F59" s="16">
        <v>84372</v>
      </c>
      <c r="G59" s="16">
        <v>14806</v>
      </c>
      <c r="H59" s="16">
        <v>27691</v>
      </c>
      <c r="I59" s="16">
        <v>34233</v>
      </c>
      <c r="J59" s="16">
        <v>41075</v>
      </c>
      <c r="K59" s="16">
        <v>45378</v>
      </c>
      <c r="L59" s="16">
        <v>59469</v>
      </c>
    </row>
    <row r="60" spans="1:12">
      <c r="A60" s="21" t="s">
        <v>232</v>
      </c>
      <c r="B60" s="21" t="s">
        <v>237</v>
      </c>
      <c r="C60" s="21" t="s">
        <v>264</v>
      </c>
      <c r="D60" s="21" t="s">
        <v>476</v>
      </c>
      <c r="E60" s="21" t="s">
        <v>571</v>
      </c>
      <c r="F60" s="16">
        <v>2612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22" t="s">
        <v>268</v>
      </c>
      <c r="L60" s="22" t="s">
        <v>268</v>
      </c>
    </row>
    <row r="61" spans="1:12">
      <c r="A61" s="21" t="s">
        <v>232</v>
      </c>
      <c r="B61" s="21" t="s">
        <v>237</v>
      </c>
      <c r="C61" s="21" t="s">
        <v>264</v>
      </c>
      <c r="D61" s="21" t="s">
        <v>572</v>
      </c>
      <c r="E61" s="21" t="s">
        <v>573</v>
      </c>
      <c r="F61" s="16">
        <v>1960</v>
      </c>
      <c r="G61" s="22" t="s">
        <v>268</v>
      </c>
      <c r="H61" s="22" t="s">
        <v>268</v>
      </c>
      <c r="I61" s="22" t="s">
        <v>268</v>
      </c>
      <c r="J61" s="22" t="s">
        <v>268</v>
      </c>
      <c r="K61" s="22" t="s">
        <v>268</v>
      </c>
      <c r="L61" s="22" t="s">
        <v>268</v>
      </c>
    </row>
    <row r="62" spans="1:12">
      <c r="A62" s="21" t="s">
        <v>232</v>
      </c>
      <c r="B62" s="21" t="s">
        <v>237</v>
      </c>
      <c r="C62" s="21" t="s">
        <v>264</v>
      </c>
      <c r="D62" s="21" t="s">
        <v>572</v>
      </c>
      <c r="E62" s="21" t="s">
        <v>574</v>
      </c>
      <c r="F62" s="16">
        <v>652</v>
      </c>
      <c r="G62" s="22" t="s">
        <v>268</v>
      </c>
      <c r="H62" s="22" t="s">
        <v>268</v>
      </c>
      <c r="I62" s="22" t="s">
        <v>268</v>
      </c>
      <c r="J62" s="22" t="s">
        <v>268</v>
      </c>
      <c r="K62" s="22" t="s">
        <v>268</v>
      </c>
      <c r="L62" s="22" t="s">
        <v>268</v>
      </c>
    </row>
    <row r="63" spans="1:12">
      <c r="A63" s="21" t="s">
        <v>232</v>
      </c>
      <c r="B63" s="21" t="s">
        <v>237</v>
      </c>
      <c r="C63" s="21" t="s">
        <v>264</v>
      </c>
      <c r="D63" s="21" t="s">
        <v>476</v>
      </c>
      <c r="E63" s="21" t="s">
        <v>575</v>
      </c>
      <c r="F63" s="16">
        <v>9048</v>
      </c>
      <c r="G63" s="22" t="s">
        <v>268</v>
      </c>
      <c r="H63" s="22" t="s">
        <v>268</v>
      </c>
      <c r="I63" s="22" t="s">
        <v>268</v>
      </c>
      <c r="J63" s="22" t="s">
        <v>268</v>
      </c>
      <c r="K63" s="16">
        <v>3</v>
      </c>
      <c r="L63" s="22" t="s">
        <v>268</v>
      </c>
    </row>
    <row r="64" spans="1:12">
      <c r="A64" s="21" t="s">
        <v>232</v>
      </c>
      <c r="B64" s="21" t="s">
        <v>237</v>
      </c>
      <c r="C64" s="21" t="s">
        <v>264</v>
      </c>
      <c r="D64" s="21" t="s">
        <v>572</v>
      </c>
      <c r="E64" s="21" t="s">
        <v>576</v>
      </c>
      <c r="F64" s="16">
        <v>6009</v>
      </c>
      <c r="G64" s="22" t="s">
        <v>268</v>
      </c>
      <c r="H64" s="22" t="s">
        <v>268</v>
      </c>
      <c r="I64" s="22" t="s">
        <v>268</v>
      </c>
      <c r="J64" s="22" t="s">
        <v>268</v>
      </c>
      <c r="K64" s="16">
        <v>3</v>
      </c>
      <c r="L64" s="22" t="s">
        <v>268</v>
      </c>
    </row>
    <row r="65" spans="1:12">
      <c r="A65" s="21" t="s">
        <v>232</v>
      </c>
      <c r="B65" s="21" t="s">
        <v>237</v>
      </c>
      <c r="C65" s="21" t="s">
        <v>264</v>
      </c>
      <c r="D65" s="21" t="s">
        <v>572</v>
      </c>
      <c r="E65" s="21" t="s">
        <v>577</v>
      </c>
      <c r="F65" s="16">
        <v>3039</v>
      </c>
      <c r="G65" s="22" t="s">
        <v>268</v>
      </c>
      <c r="H65" s="22" t="s">
        <v>268</v>
      </c>
      <c r="I65" s="22" t="s">
        <v>268</v>
      </c>
      <c r="J65" s="22" t="s">
        <v>268</v>
      </c>
      <c r="K65" s="22" t="s">
        <v>268</v>
      </c>
      <c r="L65" s="22" t="s">
        <v>268</v>
      </c>
    </row>
    <row r="66" spans="1:12">
      <c r="A66" s="21" t="s">
        <v>232</v>
      </c>
      <c r="B66" s="21" t="s">
        <v>237</v>
      </c>
      <c r="C66" s="21" t="s">
        <v>264</v>
      </c>
      <c r="D66" s="21" t="s">
        <v>476</v>
      </c>
      <c r="E66" s="21" t="s">
        <v>578</v>
      </c>
      <c r="F66" s="16">
        <v>11670</v>
      </c>
      <c r="G66" s="16">
        <v>3475</v>
      </c>
      <c r="H66" s="16">
        <v>6310</v>
      </c>
      <c r="I66" s="16">
        <v>7756</v>
      </c>
      <c r="J66" s="16">
        <v>8942</v>
      </c>
      <c r="K66" s="16">
        <v>9572</v>
      </c>
      <c r="L66" s="16">
        <v>11670</v>
      </c>
    </row>
    <row r="67" spans="1:12">
      <c r="A67" s="21" t="s">
        <v>232</v>
      </c>
      <c r="B67" s="21" t="s">
        <v>237</v>
      </c>
      <c r="C67" s="21" t="s">
        <v>264</v>
      </c>
      <c r="D67" s="21" t="s">
        <v>572</v>
      </c>
      <c r="E67" s="21" t="s">
        <v>579</v>
      </c>
      <c r="F67" s="16">
        <v>8841</v>
      </c>
      <c r="G67" s="16">
        <v>2520</v>
      </c>
      <c r="H67" s="16">
        <v>4605</v>
      </c>
      <c r="I67" s="16">
        <v>5742</v>
      </c>
      <c r="J67" s="16">
        <v>6613</v>
      </c>
      <c r="K67" s="16">
        <v>7110</v>
      </c>
      <c r="L67" s="16">
        <v>8841</v>
      </c>
    </row>
    <row r="68" spans="1:12">
      <c r="A68" s="21" t="s">
        <v>232</v>
      </c>
      <c r="B68" s="21" t="s">
        <v>237</v>
      </c>
      <c r="C68" s="21" t="s">
        <v>264</v>
      </c>
      <c r="D68" s="21" t="s">
        <v>572</v>
      </c>
      <c r="E68" s="21" t="s">
        <v>580</v>
      </c>
      <c r="F68" s="16">
        <v>2819</v>
      </c>
      <c r="G68" s="16">
        <v>955</v>
      </c>
      <c r="H68" s="16">
        <v>1705</v>
      </c>
      <c r="I68" s="16">
        <v>2014</v>
      </c>
      <c r="J68" s="16">
        <v>2329</v>
      </c>
      <c r="K68" s="16">
        <v>2462</v>
      </c>
      <c r="L68" s="16">
        <v>2819</v>
      </c>
    </row>
    <row r="69" spans="1:12">
      <c r="A69" s="21" t="s">
        <v>232</v>
      </c>
      <c r="B69" s="21" t="s">
        <v>237</v>
      </c>
      <c r="C69" s="21" t="s">
        <v>264</v>
      </c>
      <c r="D69" s="21" t="s">
        <v>476</v>
      </c>
      <c r="E69" s="21" t="s">
        <v>581</v>
      </c>
      <c r="F69" s="16">
        <v>20939</v>
      </c>
      <c r="G69" s="16">
        <v>3571</v>
      </c>
      <c r="H69" s="16">
        <v>7393</v>
      </c>
      <c r="I69" s="16">
        <v>9363</v>
      </c>
      <c r="J69" s="16">
        <v>11564</v>
      </c>
      <c r="K69" s="16">
        <v>12813</v>
      </c>
      <c r="L69" s="16">
        <v>20939</v>
      </c>
    </row>
    <row r="70" spans="1:12">
      <c r="A70" s="21" t="s">
        <v>232</v>
      </c>
      <c r="B70" s="21" t="s">
        <v>237</v>
      </c>
      <c r="C70" s="21" t="s">
        <v>264</v>
      </c>
      <c r="D70" s="21" t="s">
        <v>572</v>
      </c>
      <c r="E70" s="21" t="s">
        <v>582</v>
      </c>
      <c r="F70" s="16">
        <v>13725</v>
      </c>
      <c r="G70" s="16">
        <v>2103</v>
      </c>
      <c r="H70" s="16">
        <v>4463</v>
      </c>
      <c r="I70" s="16">
        <v>5739</v>
      </c>
      <c r="J70" s="16">
        <v>7210</v>
      </c>
      <c r="K70" s="16">
        <v>8066</v>
      </c>
      <c r="L70" s="16">
        <v>13725</v>
      </c>
    </row>
    <row r="71" spans="1:12">
      <c r="A71" s="21" t="s">
        <v>232</v>
      </c>
      <c r="B71" s="21" t="s">
        <v>237</v>
      </c>
      <c r="C71" s="21" t="s">
        <v>264</v>
      </c>
      <c r="D71" s="21" t="s">
        <v>572</v>
      </c>
      <c r="E71" s="21" t="s">
        <v>583</v>
      </c>
      <c r="F71" s="16">
        <v>7205</v>
      </c>
      <c r="G71" s="16">
        <v>1468</v>
      </c>
      <c r="H71" s="16">
        <v>2930</v>
      </c>
      <c r="I71" s="16">
        <v>3624</v>
      </c>
      <c r="J71" s="16">
        <v>4354</v>
      </c>
      <c r="K71" s="16">
        <v>4747</v>
      </c>
      <c r="L71" s="16">
        <v>7205</v>
      </c>
    </row>
    <row r="72" spans="1:12">
      <c r="A72" s="21" t="s">
        <v>232</v>
      </c>
      <c r="B72" s="21" t="s">
        <v>237</v>
      </c>
      <c r="C72" s="21" t="s">
        <v>264</v>
      </c>
      <c r="D72" s="21" t="s">
        <v>476</v>
      </c>
      <c r="E72" s="21" t="s">
        <v>584</v>
      </c>
      <c r="F72" s="16">
        <v>2408</v>
      </c>
      <c r="G72" s="16">
        <v>141</v>
      </c>
      <c r="H72" s="16">
        <v>252</v>
      </c>
      <c r="I72" s="16">
        <v>355</v>
      </c>
      <c r="J72" s="16">
        <v>581</v>
      </c>
      <c r="K72" s="16">
        <v>782</v>
      </c>
      <c r="L72" s="16">
        <v>4</v>
      </c>
    </row>
    <row r="73" spans="1:12">
      <c r="A73" s="21" t="s">
        <v>232</v>
      </c>
      <c r="B73" s="21" t="s">
        <v>237</v>
      </c>
      <c r="C73" s="21" t="s">
        <v>264</v>
      </c>
      <c r="D73" s="21" t="s">
        <v>476</v>
      </c>
      <c r="E73" s="21" t="s">
        <v>585</v>
      </c>
      <c r="F73" s="16">
        <v>11857</v>
      </c>
      <c r="G73" s="16">
        <v>2937</v>
      </c>
      <c r="H73" s="16">
        <v>5816</v>
      </c>
      <c r="I73" s="16">
        <v>7115</v>
      </c>
      <c r="J73" s="16">
        <v>8489</v>
      </c>
      <c r="K73" s="16">
        <v>9277</v>
      </c>
      <c r="L73" s="16">
        <v>10544</v>
      </c>
    </row>
    <row r="74" spans="1:12">
      <c r="A74" s="21" t="s">
        <v>232</v>
      </c>
      <c r="B74" s="21" t="s">
        <v>237</v>
      </c>
      <c r="C74" s="21" t="s">
        <v>264</v>
      </c>
      <c r="D74" s="21" t="s">
        <v>476</v>
      </c>
      <c r="E74" s="21" t="s">
        <v>586</v>
      </c>
      <c r="F74" s="16">
        <v>1513</v>
      </c>
      <c r="G74" s="16">
        <v>273</v>
      </c>
      <c r="H74" s="16">
        <v>351</v>
      </c>
      <c r="I74" s="16">
        <v>359</v>
      </c>
      <c r="J74" s="16">
        <v>395</v>
      </c>
      <c r="K74" s="16">
        <v>412</v>
      </c>
      <c r="L74" s="16">
        <v>484</v>
      </c>
    </row>
    <row r="75" spans="1:12">
      <c r="A75" s="21" t="s">
        <v>232</v>
      </c>
      <c r="B75" s="21" t="s">
        <v>237</v>
      </c>
      <c r="C75" s="21" t="s">
        <v>264</v>
      </c>
      <c r="D75" s="21" t="s">
        <v>572</v>
      </c>
      <c r="E75" s="21" t="s">
        <v>587</v>
      </c>
      <c r="F75" s="16">
        <v>753</v>
      </c>
      <c r="G75" s="16">
        <v>12</v>
      </c>
      <c r="H75" s="16">
        <v>18</v>
      </c>
      <c r="I75" s="16">
        <v>18</v>
      </c>
      <c r="J75" s="16">
        <v>31</v>
      </c>
      <c r="K75" s="16">
        <v>41</v>
      </c>
      <c r="L75" s="16">
        <v>102</v>
      </c>
    </row>
    <row r="76" spans="1:12">
      <c r="A76" s="21" t="s">
        <v>232</v>
      </c>
      <c r="B76" s="21" t="s">
        <v>237</v>
      </c>
      <c r="C76" s="21" t="s">
        <v>264</v>
      </c>
      <c r="D76" s="21" t="s">
        <v>572</v>
      </c>
      <c r="E76" s="21" t="s">
        <v>588</v>
      </c>
      <c r="F76" s="16">
        <v>327</v>
      </c>
      <c r="G76" s="16">
        <v>19</v>
      </c>
      <c r="H76" s="16">
        <v>44</v>
      </c>
      <c r="I76" s="16">
        <v>44</v>
      </c>
      <c r="J76" s="16">
        <v>54</v>
      </c>
      <c r="K76" s="16">
        <v>54</v>
      </c>
      <c r="L76" s="16">
        <v>41</v>
      </c>
    </row>
    <row r="77" spans="1:12">
      <c r="A77" s="21" t="s">
        <v>232</v>
      </c>
      <c r="B77" s="21" t="s">
        <v>237</v>
      </c>
      <c r="C77" s="21" t="s">
        <v>264</v>
      </c>
      <c r="D77" s="21" t="s">
        <v>476</v>
      </c>
      <c r="E77" s="21" t="s">
        <v>589</v>
      </c>
      <c r="F77" s="16">
        <v>5248</v>
      </c>
      <c r="G77" s="16">
        <v>2646</v>
      </c>
      <c r="H77" s="16">
        <v>3736</v>
      </c>
      <c r="I77" s="16">
        <v>4145</v>
      </c>
      <c r="J77" s="16">
        <v>4439</v>
      </c>
      <c r="K77" s="16">
        <v>4653</v>
      </c>
      <c r="L77" s="16">
        <v>5248</v>
      </c>
    </row>
    <row r="78" spans="1:12">
      <c r="A78" s="21" t="s">
        <v>232</v>
      </c>
      <c r="B78" s="21" t="s">
        <v>237</v>
      </c>
      <c r="C78" s="21" t="s">
        <v>264</v>
      </c>
      <c r="D78" s="21" t="s">
        <v>572</v>
      </c>
      <c r="E78" s="21" t="s">
        <v>590</v>
      </c>
      <c r="F78" s="16">
        <v>3545</v>
      </c>
      <c r="G78" s="16">
        <v>1725</v>
      </c>
      <c r="H78" s="16">
        <v>2425</v>
      </c>
      <c r="I78" s="16">
        <v>2703</v>
      </c>
      <c r="J78" s="16">
        <v>2939</v>
      </c>
      <c r="K78" s="16">
        <v>3118</v>
      </c>
      <c r="L78" s="16">
        <v>3545</v>
      </c>
    </row>
    <row r="79" spans="1:12">
      <c r="A79" s="21" t="s">
        <v>232</v>
      </c>
      <c r="B79" s="21" t="s">
        <v>237</v>
      </c>
      <c r="C79" s="21" t="s">
        <v>264</v>
      </c>
      <c r="D79" s="21" t="s">
        <v>572</v>
      </c>
      <c r="E79" s="21" t="s">
        <v>591</v>
      </c>
      <c r="F79" s="16">
        <v>1600</v>
      </c>
      <c r="G79" s="16">
        <v>900</v>
      </c>
      <c r="H79" s="16">
        <v>1272</v>
      </c>
      <c r="I79" s="16">
        <v>1397</v>
      </c>
      <c r="J79" s="16">
        <v>1444</v>
      </c>
      <c r="K79" s="16">
        <v>1474</v>
      </c>
      <c r="L79" s="16">
        <v>1600</v>
      </c>
    </row>
    <row r="80" spans="1:12">
      <c r="A80" s="21" t="s">
        <v>232</v>
      </c>
      <c r="B80" s="21" t="s">
        <v>237</v>
      </c>
      <c r="C80" s="21" t="s">
        <v>264</v>
      </c>
      <c r="D80" s="21" t="s">
        <v>476</v>
      </c>
      <c r="E80" s="21" t="s">
        <v>592</v>
      </c>
      <c r="F80" s="16">
        <v>5462</v>
      </c>
      <c r="G80" s="22" t="s">
        <v>268</v>
      </c>
      <c r="H80" s="16">
        <v>5</v>
      </c>
      <c r="I80" s="16">
        <v>13</v>
      </c>
      <c r="J80" s="16">
        <v>136</v>
      </c>
      <c r="K80" s="16">
        <v>379</v>
      </c>
      <c r="L80" s="22" t="s">
        <v>268</v>
      </c>
    </row>
    <row r="81" spans="1:12">
      <c r="A81" s="21" t="s">
        <v>232</v>
      </c>
      <c r="B81" s="21" t="s">
        <v>237</v>
      </c>
      <c r="C81" s="21" t="s">
        <v>264</v>
      </c>
      <c r="D81" s="21" t="s">
        <v>476</v>
      </c>
      <c r="E81" s="21" t="s">
        <v>593</v>
      </c>
      <c r="F81" s="16">
        <v>13615</v>
      </c>
      <c r="G81" s="16">
        <v>1763</v>
      </c>
      <c r="H81" s="16">
        <v>3828</v>
      </c>
      <c r="I81" s="16">
        <v>5127</v>
      </c>
      <c r="J81" s="16">
        <v>6529</v>
      </c>
      <c r="K81" s="16">
        <v>7487</v>
      </c>
      <c r="L81" s="16">
        <v>10580</v>
      </c>
    </row>
    <row r="82" spans="1:12">
      <c r="A82" s="21" t="s">
        <v>232</v>
      </c>
      <c r="B82" s="21" t="s">
        <v>237</v>
      </c>
      <c r="C82" s="21" t="s">
        <v>264</v>
      </c>
      <c r="D82" s="21" t="s">
        <v>474</v>
      </c>
      <c r="E82" s="21" t="s">
        <v>594</v>
      </c>
      <c r="F82" s="16">
        <v>7832</v>
      </c>
      <c r="G82" s="16">
        <v>460</v>
      </c>
      <c r="H82" s="16">
        <v>823</v>
      </c>
      <c r="I82" s="16">
        <v>1022</v>
      </c>
      <c r="J82" s="16">
        <v>1208</v>
      </c>
      <c r="K82" s="16">
        <v>1350</v>
      </c>
      <c r="L82" s="16">
        <v>376</v>
      </c>
    </row>
    <row r="83" spans="1:12">
      <c r="A83" s="21" t="s">
        <v>232</v>
      </c>
      <c r="B83" s="21" t="s">
        <v>237</v>
      </c>
      <c r="C83" s="21" t="s">
        <v>264</v>
      </c>
      <c r="D83" s="21" t="s">
        <v>474</v>
      </c>
      <c r="E83" s="21" t="s">
        <v>595</v>
      </c>
      <c r="F83" s="16">
        <v>153663</v>
      </c>
      <c r="G83" s="22" t="s">
        <v>268</v>
      </c>
      <c r="H83" s="22" t="s">
        <v>268</v>
      </c>
      <c r="I83" s="16">
        <v>1</v>
      </c>
      <c r="J83" s="16">
        <v>129</v>
      </c>
      <c r="K83" s="16">
        <v>3362</v>
      </c>
      <c r="L83" s="22" t="s">
        <v>268</v>
      </c>
    </row>
    <row r="84" spans="1:12">
      <c r="A84" s="21" t="s">
        <v>232</v>
      </c>
      <c r="B84" s="21" t="s">
        <v>237</v>
      </c>
      <c r="C84" s="21" t="s">
        <v>264</v>
      </c>
      <c r="D84" s="21" t="s">
        <v>474</v>
      </c>
      <c r="E84" s="21" t="s">
        <v>596</v>
      </c>
      <c r="F84" s="16">
        <v>2310</v>
      </c>
      <c r="G84" s="22" t="s">
        <v>268</v>
      </c>
      <c r="H84" s="22" t="s">
        <v>268</v>
      </c>
      <c r="I84" s="22" t="s">
        <v>268</v>
      </c>
      <c r="J84" s="22" t="s">
        <v>268</v>
      </c>
      <c r="K84" s="22" t="s">
        <v>268</v>
      </c>
      <c r="L84" s="22" t="s">
        <v>268</v>
      </c>
    </row>
    <row r="85" spans="1:12">
      <c r="A85" s="21" t="s">
        <v>232</v>
      </c>
      <c r="B85" s="21" t="s">
        <v>237</v>
      </c>
      <c r="C85" s="21" t="s">
        <v>264</v>
      </c>
      <c r="D85" s="21" t="s">
        <v>474</v>
      </c>
      <c r="E85" s="21" t="s">
        <v>597</v>
      </c>
      <c r="F85" s="16">
        <v>59845</v>
      </c>
      <c r="G85" s="16">
        <v>14401</v>
      </c>
      <c r="H85" s="16">
        <v>26889</v>
      </c>
      <c r="I85" s="16">
        <v>33136</v>
      </c>
      <c r="J85" s="16">
        <v>39332</v>
      </c>
      <c r="K85" s="16">
        <v>42939</v>
      </c>
      <c r="L85" s="16">
        <v>59845</v>
      </c>
    </row>
    <row r="86" spans="1:12">
      <c r="A86" s="21" t="s">
        <v>232</v>
      </c>
      <c r="B86" s="21" t="s">
        <v>237</v>
      </c>
      <c r="C86" s="21" t="s">
        <v>264</v>
      </c>
      <c r="D86" s="21" t="s">
        <v>474</v>
      </c>
      <c r="E86" s="21" t="s">
        <v>598</v>
      </c>
      <c r="F86" s="16">
        <v>17815</v>
      </c>
      <c r="G86" s="16">
        <v>3453</v>
      </c>
      <c r="H86" s="16">
        <v>9638</v>
      </c>
      <c r="I86" s="16">
        <v>13317</v>
      </c>
      <c r="J86" s="16">
        <v>16409</v>
      </c>
      <c r="K86" s="16">
        <v>17815</v>
      </c>
      <c r="L86" s="22" t="s">
        <v>268</v>
      </c>
    </row>
    <row r="87" spans="1:12">
      <c r="A87" s="21" t="s">
        <v>232</v>
      </c>
      <c r="B87" s="21" t="s">
        <v>237</v>
      </c>
      <c r="C87" s="21" t="s">
        <v>264</v>
      </c>
      <c r="D87" s="21" t="s">
        <v>474</v>
      </c>
      <c r="E87" s="21" t="s">
        <v>599</v>
      </c>
      <c r="F87" s="16">
        <v>27069</v>
      </c>
      <c r="G87" s="16">
        <v>6052</v>
      </c>
      <c r="H87" s="16">
        <v>15256</v>
      </c>
      <c r="I87" s="16">
        <v>20504</v>
      </c>
      <c r="J87" s="16">
        <v>25011</v>
      </c>
      <c r="K87" s="16">
        <v>27069</v>
      </c>
      <c r="L87" s="16">
        <v>8889</v>
      </c>
    </row>
    <row r="88" spans="1:12">
      <c r="A88" s="21" t="s">
        <v>232</v>
      </c>
      <c r="B88" s="21" t="s">
        <v>237</v>
      </c>
      <c r="C88" s="21" t="s">
        <v>264</v>
      </c>
      <c r="D88" s="21" t="s">
        <v>474</v>
      </c>
      <c r="E88" s="21" t="s">
        <v>600</v>
      </c>
      <c r="F88" s="16">
        <v>1484</v>
      </c>
      <c r="G88" s="16">
        <v>158</v>
      </c>
      <c r="H88" s="16">
        <v>668</v>
      </c>
      <c r="I88" s="16">
        <v>992</v>
      </c>
      <c r="J88" s="16">
        <v>1330</v>
      </c>
      <c r="K88" s="16">
        <v>1484</v>
      </c>
      <c r="L88" s="22" t="s">
        <v>268</v>
      </c>
    </row>
    <row r="89" spans="1:12">
      <c r="A89" s="21" t="s">
        <v>232</v>
      </c>
      <c r="B89" s="21" t="s">
        <v>237</v>
      </c>
      <c r="C89" s="21" t="s">
        <v>264</v>
      </c>
      <c r="D89" s="21" t="s">
        <v>474</v>
      </c>
      <c r="E89" s="21" t="s">
        <v>601</v>
      </c>
      <c r="F89" s="16">
        <v>3431</v>
      </c>
      <c r="G89" s="16">
        <v>489</v>
      </c>
      <c r="H89" s="16">
        <v>1645</v>
      </c>
      <c r="I89" s="16">
        <v>2324</v>
      </c>
      <c r="J89" s="16">
        <v>3040</v>
      </c>
      <c r="K89" s="16">
        <v>3431</v>
      </c>
      <c r="L89" s="16">
        <v>1821</v>
      </c>
    </row>
    <row r="90" spans="1:12">
      <c r="A90" s="21" t="s">
        <v>232</v>
      </c>
      <c r="B90" s="21" t="s">
        <v>237</v>
      </c>
      <c r="C90" s="21" t="s">
        <v>264</v>
      </c>
      <c r="D90" s="21" t="s">
        <v>474</v>
      </c>
      <c r="E90" s="21" t="s">
        <v>602</v>
      </c>
      <c r="F90" s="16">
        <v>83468</v>
      </c>
      <c r="G90" s="22" t="s">
        <v>268</v>
      </c>
      <c r="H90" s="22" t="s">
        <v>268</v>
      </c>
      <c r="I90" s="22" t="s">
        <v>268</v>
      </c>
      <c r="J90" s="22" t="s">
        <v>268</v>
      </c>
      <c r="K90" s="22" t="s">
        <v>268</v>
      </c>
      <c r="L90" s="22" t="s">
        <v>268</v>
      </c>
    </row>
    <row r="91" spans="1:12">
      <c r="A91" s="21" t="s">
        <v>232</v>
      </c>
      <c r="B91" s="21" t="s">
        <v>237</v>
      </c>
      <c r="C91" s="21" t="s">
        <v>264</v>
      </c>
      <c r="D91" s="21" t="s">
        <v>474</v>
      </c>
      <c r="E91" s="21" t="s">
        <v>603</v>
      </c>
      <c r="F91" s="16">
        <v>45140</v>
      </c>
      <c r="G91" s="22" t="s">
        <v>268</v>
      </c>
      <c r="H91" s="22" t="s">
        <v>268</v>
      </c>
      <c r="I91" s="22" t="s">
        <v>268</v>
      </c>
      <c r="J91" s="22" t="s">
        <v>268</v>
      </c>
      <c r="K91" s="22" t="s">
        <v>268</v>
      </c>
      <c r="L91" s="22" t="s">
        <v>268</v>
      </c>
    </row>
    <row r="92" spans="1:12">
      <c r="A92" s="21" t="s">
        <v>240</v>
      </c>
      <c r="B92" s="21" t="s">
        <v>237</v>
      </c>
      <c r="C92" s="21" t="s">
        <v>265</v>
      </c>
      <c r="D92" s="21" t="s">
        <v>474</v>
      </c>
      <c r="E92" s="21" t="s">
        <v>214</v>
      </c>
      <c r="F92" s="16">
        <v>52523</v>
      </c>
      <c r="G92" s="16">
        <v>7736</v>
      </c>
      <c r="H92" s="16">
        <v>13831</v>
      </c>
      <c r="I92" s="16">
        <v>16833</v>
      </c>
      <c r="J92" s="16">
        <v>19175</v>
      </c>
      <c r="K92" s="16">
        <v>20581</v>
      </c>
      <c r="L92" s="16">
        <v>5858</v>
      </c>
    </row>
    <row r="93" spans="1:12">
      <c r="A93" s="21" t="s">
        <v>240</v>
      </c>
      <c r="B93" s="21" t="s">
        <v>237</v>
      </c>
      <c r="C93" s="21" t="s">
        <v>265</v>
      </c>
      <c r="D93" s="21" t="s">
        <v>474</v>
      </c>
      <c r="E93" s="21" t="s">
        <v>564</v>
      </c>
      <c r="F93" s="16">
        <v>43881</v>
      </c>
      <c r="G93" s="16">
        <v>7696</v>
      </c>
      <c r="H93" s="16">
        <v>13772</v>
      </c>
      <c r="I93" s="16">
        <v>16760</v>
      </c>
      <c r="J93" s="16">
        <v>19074</v>
      </c>
      <c r="K93" s="16">
        <v>20429</v>
      </c>
      <c r="L93" s="16">
        <v>5809</v>
      </c>
    </row>
    <row r="94" spans="1:12">
      <c r="A94" s="21" t="s">
        <v>240</v>
      </c>
      <c r="B94" s="21" t="s">
        <v>237</v>
      </c>
      <c r="C94" s="21" t="s">
        <v>265</v>
      </c>
      <c r="D94" s="21" t="s">
        <v>240</v>
      </c>
      <c r="E94" s="21" t="s">
        <v>565</v>
      </c>
      <c r="F94" s="16">
        <v>35810</v>
      </c>
      <c r="G94" s="16">
        <v>6204</v>
      </c>
      <c r="H94" s="16">
        <v>10915</v>
      </c>
      <c r="I94" s="16">
        <v>13179</v>
      </c>
      <c r="J94" s="16">
        <v>15007</v>
      </c>
      <c r="K94" s="16">
        <v>16024</v>
      </c>
      <c r="L94" s="22" t="s">
        <v>268</v>
      </c>
    </row>
    <row r="95" spans="1:12">
      <c r="A95" s="21" t="s">
        <v>240</v>
      </c>
      <c r="B95" s="21" t="s">
        <v>237</v>
      </c>
      <c r="C95" s="21" t="s">
        <v>265</v>
      </c>
      <c r="D95" s="21" t="s">
        <v>476</v>
      </c>
      <c r="E95" s="21" t="s">
        <v>566</v>
      </c>
      <c r="F95" s="16">
        <v>9614</v>
      </c>
      <c r="G95" s="22" t="s">
        <v>268</v>
      </c>
      <c r="H95" s="22" t="s">
        <v>268</v>
      </c>
      <c r="I95" s="22" t="s">
        <v>268</v>
      </c>
      <c r="J95" s="22" t="s">
        <v>268</v>
      </c>
      <c r="K95" s="16">
        <v>4</v>
      </c>
      <c r="L95" s="22" t="s">
        <v>268</v>
      </c>
    </row>
    <row r="96" spans="1:12">
      <c r="A96" s="21" t="s">
        <v>240</v>
      </c>
      <c r="B96" s="21" t="s">
        <v>237</v>
      </c>
      <c r="C96" s="21" t="s">
        <v>265</v>
      </c>
      <c r="D96" s="21" t="s">
        <v>476</v>
      </c>
      <c r="E96" s="21" t="s">
        <v>567</v>
      </c>
      <c r="F96" s="16">
        <v>19951</v>
      </c>
      <c r="G96" s="16">
        <v>5802</v>
      </c>
      <c r="H96" s="16">
        <v>9650</v>
      </c>
      <c r="I96" s="16">
        <v>11460</v>
      </c>
      <c r="J96" s="16">
        <v>12818</v>
      </c>
      <c r="K96" s="16">
        <v>13565</v>
      </c>
      <c r="L96" s="22" t="s">
        <v>268</v>
      </c>
    </row>
    <row r="97" spans="1:12">
      <c r="A97" s="21" t="s">
        <v>240</v>
      </c>
      <c r="B97" s="21" t="s">
        <v>237</v>
      </c>
      <c r="C97" s="21" t="s">
        <v>265</v>
      </c>
      <c r="D97" s="21" t="s">
        <v>476</v>
      </c>
      <c r="E97" s="21" t="s">
        <v>568</v>
      </c>
      <c r="F97" s="16">
        <v>772</v>
      </c>
      <c r="G97" s="16">
        <v>27</v>
      </c>
      <c r="H97" s="16">
        <v>78</v>
      </c>
      <c r="I97" s="16">
        <v>122</v>
      </c>
      <c r="J97" s="16">
        <v>181</v>
      </c>
      <c r="K97" s="16">
        <v>198</v>
      </c>
      <c r="L97" s="22" t="s">
        <v>268</v>
      </c>
    </row>
    <row r="98" spans="1:12">
      <c r="A98" s="21" t="s">
        <v>240</v>
      </c>
      <c r="B98" s="21" t="s">
        <v>237</v>
      </c>
      <c r="C98" s="21" t="s">
        <v>265</v>
      </c>
      <c r="D98" s="21" t="s">
        <v>476</v>
      </c>
      <c r="E98" s="21" t="s">
        <v>569</v>
      </c>
      <c r="F98" s="16">
        <v>5473</v>
      </c>
      <c r="G98" s="16">
        <v>375</v>
      </c>
      <c r="H98" s="16">
        <v>1187</v>
      </c>
      <c r="I98" s="16">
        <v>1597</v>
      </c>
      <c r="J98" s="16">
        <v>2008</v>
      </c>
      <c r="K98" s="16">
        <v>2257</v>
      </c>
      <c r="L98" s="22" t="s">
        <v>268</v>
      </c>
    </row>
    <row r="99" spans="1:12">
      <c r="A99" s="21" t="s">
        <v>240</v>
      </c>
      <c r="B99" s="21" t="s">
        <v>237</v>
      </c>
      <c r="C99" s="21" t="s">
        <v>265</v>
      </c>
      <c r="D99" s="21" t="s">
        <v>240</v>
      </c>
      <c r="E99" s="21" t="s">
        <v>570</v>
      </c>
      <c r="F99" s="16">
        <v>8071</v>
      </c>
      <c r="G99" s="16">
        <v>1492</v>
      </c>
      <c r="H99" s="16">
        <v>2857</v>
      </c>
      <c r="I99" s="16">
        <v>3581</v>
      </c>
      <c r="J99" s="16">
        <v>4067</v>
      </c>
      <c r="K99" s="16">
        <v>4405</v>
      </c>
      <c r="L99" s="16">
        <v>5809</v>
      </c>
    </row>
    <row r="100" spans="1:12">
      <c r="A100" s="21" t="s">
        <v>240</v>
      </c>
      <c r="B100" s="21" t="s">
        <v>237</v>
      </c>
      <c r="C100" s="21" t="s">
        <v>265</v>
      </c>
      <c r="D100" s="21" t="s">
        <v>476</v>
      </c>
      <c r="E100" s="21" t="s">
        <v>571</v>
      </c>
      <c r="F100" s="16">
        <v>384</v>
      </c>
      <c r="G100" s="22" t="s">
        <v>268</v>
      </c>
      <c r="H100" s="22" t="s">
        <v>268</v>
      </c>
      <c r="I100" s="22" t="s">
        <v>268</v>
      </c>
      <c r="J100" s="22" t="s">
        <v>268</v>
      </c>
      <c r="K100" s="22" t="s">
        <v>268</v>
      </c>
      <c r="L100" s="22" t="s">
        <v>268</v>
      </c>
    </row>
    <row r="101" spans="1:12">
      <c r="A101" s="21" t="s">
        <v>240</v>
      </c>
      <c r="B101" s="21" t="s">
        <v>237</v>
      </c>
      <c r="C101" s="21" t="s">
        <v>265</v>
      </c>
      <c r="D101" s="21" t="s">
        <v>572</v>
      </c>
      <c r="E101" s="21" t="s">
        <v>573</v>
      </c>
      <c r="F101" s="16">
        <v>296</v>
      </c>
      <c r="G101" s="22" t="s">
        <v>268</v>
      </c>
      <c r="H101" s="22" t="s">
        <v>268</v>
      </c>
      <c r="I101" s="22" t="s">
        <v>268</v>
      </c>
      <c r="J101" s="22" t="s">
        <v>268</v>
      </c>
      <c r="K101" s="22" t="s">
        <v>268</v>
      </c>
      <c r="L101" s="22" t="s">
        <v>268</v>
      </c>
    </row>
    <row r="102" spans="1:12">
      <c r="A102" s="21" t="s">
        <v>240</v>
      </c>
      <c r="B102" s="21" t="s">
        <v>237</v>
      </c>
      <c r="C102" s="21" t="s">
        <v>265</v>
      </c>
      <c r="D102" s="21" t="s">
        <v>572</v>
      </c>
      <c r="E102" s="21" t="s">
        <v>574</v>
      </c>
      <c r="F102" s="16">
        <v>88</v>
      </c>
      <c r="G102" s="22" t="s">
        <v>268</v>
      </c>
      <c r="H102" s="22" t="s">
        <v>268</v>
      </c>
      <c r="I102" s="22" t="s">
        <v>268</v>
      </c>
      <c r="J102" s="22" t="s">
        <v>268</v>
      </c>
      <c r="K102" s="22" t="s">
        <v>268</v>
      </c>
      <c r="L102" s="22" t="s">
        <v>268</v>
      </c>
    </row>
    <row r="103" spans="1:12">
      <c r="A103" s="21" t="s">
        <v>240</v>
      </c>
      <c r="B103" s="21" t="s">
        <v>237</v>
      </c>
      <c r="C103" s="21" t="s">
        <v>265</v>
      </c>
      <c r="D103" s="21" t="s">
        <v>476</v>
      </c>
      <c r="E103" s="21" t="s">
        <v>575</v>
      </c>
      <c r="F103" s="16">
        <v>849</v>
      </c>
      <c r="G103" s="22" t="s">
        <v>268</v>
      </c>
      <c r="H103" s="22" t="s">
        <v>268</v>
      </c>
      <c r="I103" s="22" t="s">
        <v>268</v>
      </c>
      <c r="J103" s="22" t="s">
        <v>268</v>
      </c>
      <c r="K103" s="22" t="s">
        <v>268</v>
      </c>
      <c r="L103" s="22" t="s">
        <v>268</v>
      </c>
    </row>
    <row r="104" spans="1:12">
      <c r="A104" s="21" t="s">
        <v>240</v>
      </c>
      <c r="B104" s="21" t="s">
        <v>237</v>
      </c>
      <c r="C104" s="21" t="s">
        <v>265</v>
      </c>
      <c r="D104" s="21" t="s">
        <v>572</v>
      </c>
      <c r="E104" s="21" t="s">
        <v>576</v>
      </c>
      <c r="F104" s="16">
        <v>651</v>
      </c>
      <c r="G104" s="22" t="s">
        <v>268</v>
      </c>
      <c r="H104" s="22" t="s">
        <v>268</v>
      </c>
      <c r="I104" s="22" t="s">
        <v>268</v>
      </c>
      <c r="J104" s="22" t="s">
        <v>268</v>
      </c>
      <c r="K104" s="22" t="s">
        <v>268</v>
      </c>
      <c r="L104" s="22" t="s">
        <v>268</v>
      </c>
    </row>
    <row r="105" spans="1:12">
      <c r="A105" s="21" t="s">
        <v>240</v>
      </c>
      <c r="B105" s="21" t="s">
        <v>237</v>
      </c>
      <c r="C105" s="21" t="s">
        <v>265</v>
      </c>
      <c r="D105" s="21" t="s">
        <v>572</v>
      </c>
      <c r="E105" s="21" t="s">
        <v>577</v>
      </c>
      <c r="F105" s="16">
        <v>198</v>
      </c>
      <c r="G105" s="22" t="s">
        <v>268</v>
      </c>
      <c r="H105" s="22" t="s">
        <v>268</v>
      </c>
      <c r="I105" s="22" t="s">
        <v>268</v>
      </c>
      <c r="J105" s="22" t="s">
        <v>268</v>
      </c>
      <c r="K105" s="22" t="s">
        <v>268</v>
      </c>
      <c r="L105" s="22" t="s">
        <v>268</v>
      </c>
    </row>
    <row r="106" spans="1:12">
      <c r="A106" s="21" t="s">
        <v>240</v>
      </c>
      <c r="B106" s="21" t="s">
        <v>237</v>
      </c>
      <c r="C106" s="21" t="s">
        <v>265</v>
      </c>
      <c r="D106" s="21" t="s">
        <v>476</v>
      </c>
      <c r="E106" s="21" t="s">
        <v>578</v>
      </c>
      <c r="F106" s="16">
        <v>1324</v>
      </c>
      <c r="G106" s="16">
        <v>379</v>
      </c>
      <c r="H106" s="16">
        <v>708</v>
      </c>
      <c r="I106" s="16">
        <v>899</v>
      </c>
      <c r="J106" s="16">
        <v>1002</v>
      </c>
      <c r="K106" s="16">
        <v>1053</v>
      </c>
      <c r="L106" s="16">
        <v>1324</v>
      </c>
    </row>
    <row r="107" spans="1:12">
      <c r="A107" s="21" t="s">
        <v>240</v>
      </c>
      <c r="B107" s="21" t="s">
        <v>237</v>
      </c>
      <c r="C107" s="21" t="s">
        <v>265</v>
      </c>
      <c r="D107" s="21" t="s">
        <v>572</v>
      </c>
      <c r="E107" s="21" t="s">
        <v>579</v>
      </c>
      <c r="F107" s="16">
        <v>1035</v>
      </c>
      <c r="G107" s="16">
        <v>259</v>
      </c>
      <c r="H107" s="16">
        <v>521</v>
      </c>
      <c r="I107" s="16">
        <v>671</v>
      </c>
      <c r="J107" s="16">
        <v>751</v>
      </c>
      <c r="K107" s="16">
        <v>794</v>
      </c>
      <c r="L107" s="16">
        <v>1035</v>
      </c>
    </row>
    <row r="108" spans="1:12">
      <c r="A108" s="21" t="s">
        <v>240</v>
      </c>
      <c r="B108" s="21" t="s">
        <v>237</v>
      </c>
      <c r="C108" s="21" t="s">
        <v>265</v>
      </c>
      <c r="D108" s="21" t="s">
        <v>572</v>
      </c>
      <c r="E108" s="21" t="s">
        <v>580</v>
      </c>
      <c r="F108" s="16">
        <v>289</v>
      </c>
      <c r="G108" s="16">
        <v>120</v>
      </c>
      <c r="H108" s="16">
        <v>187</v>
      </c>
      <c r="I108" s="16">
        <v>228</v>
      </c>
      <c r="J108" s="16">
        <v>251</v>
      </c>
      <c r="K108" s="16">
        <v>259</v>
      </c>
      <c r="L108" s="16">
        <v>289</v>
      </c>
    </row>
    <row r="109" spans="1:12">
      <c r="A109" s="21" t="s">
        <v>240</v>
      </c>
      <c r="B109" s="21" t="s">
        <v>237</v>
      </c>
      <c r="C109" s="21" t="s">
        <v>265</v>
      </c>
      <c r="D109" s="21" t="s">
        <v>476</v>
      </c>
      <c r="E109" s="21" t="s">
        <v>581</v>
      </c>
      <c r="F109" s="16">
        <v>1912</v>
      </c>
      <c r="G109" s="16">
        <v>319</v>
      </c>
      <c r="H109" s="16">
        <v>699</v>
      </c>
      <c r="I109" s="16">
        <v>884</v>
      </c>
      <c r="J109" s="16">
        <v>1033</v>
      </c>
      <c r="K109" s="16">
        <v>1142</v>
      </c>
      <c r="L109" s="16">
        <v>1912</v>
      </c>
    </row>
    <row r="110" spans="1:12">
      <c r="A110" s="21" t="s">
        <v>240</v>
      </c>
      <c r="B110" s="21" t="s">
        <v>237</v>
      </c>
      <c r="C110" s="21" t="s">
        <v>265</v>
      </c>
      <c r="D110" s="21" t="s">
        <v>572</v>
      </c>
      <c r="E110" s="21" t="s">
        <v>582</v>
      </c>
      <c r="F110" s="16">
        <v>1366</v>
      </c>
      <c r="G110" s="16">
        <v>197</v>
      </c>
      <c r="H110" s="16">
        <v>450</v>
      </c>
      <c r="I110" s="16">
        <v>578</v>
      </c>
      <c r="J110" s="16">
        <v>682</v>
      </c>
      <c r="K110" s="16">
        <v>765</v>
      </c>
      <c r="L110" s="16">
        <v>1366</v>
      </c>
    </row>
    <row r="111" spans="1:12">
      <c r="A111" s="21" t="s">
        <v>240</v>
      </c>
      <c r="B111" s="21" t="s">
        <v>237</v>
      </c>
      <c r="C111" s="21" t="s">
        <v>265</v>
      </c>
      <c r="D111" s="21" t="s">
        <v>572</v>
      </c>
      <c r="E111" s="21" t="s">
        <v>583</v>
      </c>
      <c r="F111" s="16">
        <v>546</v>
      </c>
      <c r="G111" s="16">
        <v>122</v>
      </c>
      <c r="H111" s="16">
        <v>249</v>
      </c>
      <c r="I111" s="16">
        <v>306</v>
      </c>
      <c r="J111" s="16">
        <v>351</v>
      </c>
      <c r="K111" s="16">
        <v>377</v>
      </c>
      <c r="L111" s="16">
        <v>546</v>
      </c>
    </row>
    <row r="112" spans="1:12">
      <c r="A112" s="21" t="s">
        <v>240</v>
      </c>
      <c r="B112" s="21" t="s">
        <v>237</v>
      </c>
      <c r="C112" s="21" t="s">
        <v>265</v>
      </c>
      <c r="D112" s="21" t="s">
        <v>476</v>
      </c>
      <c r="E112" s="21" t="s">
        <v>584</v>
      </c>
      <c r="F112" s="16">
        <v>240</v>
      </c>
      <c r="G112" s="16">
        <v>35</v>
      </c>
      <c r="H112" s="16">
        <v>48</v>
      </c>
      <c r="I112" s="16">
        <v>69</v>
      </c>
      <c r="J112" s="16">
        <v>75</v>
      </c>
      <c r="K112" s="16">
        <v>91</v>
      </c>
      <c r="L112" s="22" t="s">
        <v>268</v>
      </c>
    </row>
    <row r="113" spans="1:12">
      <c r="A113" s="21" t="s">
        <v>240</v>
      </c>
      <c r="B113" s="21" t="s">
        <v>237</v>
      </c>
      <c r="C113" s="21" t="s">
        <v>265</v>
      </c>
      <c r="D113" s="21" t="s">
        <v>476</v>
      </c>
      <c r="E113" s="21" t="s">
        <v>585</v>
      </c>
      <c r="F113" s="16">
        <v>1035</v>
      </c>
      <c r="G113" s="16">
        <v>258</v>
      </c>
      <c r="H113" s="16">
        <v>520</v>
      </c>
      <c r="I113" s="16">
        <v>664</v>
      </c>
      <c r="J113" s="16">
        <v>758</v>
      </c>
      <c r="K113" s="16">
        <v>805</v>
      </c>
      <c r="L113" s="16">
        <v>944</v>
      </c>
    </row>
    <row r="114" spans="1:12">
      <c r="A114" s="21" t="s">
        <v>240</v>
      </c>
      <c r="B114" s="21" t="s">
        <v>237</v>
      </c>
      <c r="C114" s="21" t="s">
        <v>265</v>
      </c>
      <c r="D114" s="21" t="s">
        <v>476</v>
      </c>
      <c r="E114" s="21" t="s">
        <v>586</v>
      </c>
      <c r="F114" s="16">
        <v>181</v>
      </c>
      <c r="G114" s="16">
        <v>65</v>
      </c>
      <c r="H114" s="16">
        <v>79</v>
      </c>
      <c r="I114" s="16">
        <v>79</v>
      </c>
      <c r="J114" s="16">
        <v>88</v>
      </c>
      <c r="K114" s="16">
        <v>88</v>
      </c>
      <c r="L114" s="16">
        <v>92</v>
      </c>
    </row>
    <row r="115" spans="1:12">
      <c r="A115" s="21" t="s">
        <v>240</v>
      </c>
      <c r="B115" s="21" t="s">
        <v>237</v>
      </c>
      <c r="C115" s="21" t="s">
        <v>265</v>
      </c>
      <c r="D115" s="21" t="s">
        <v>572</v>
      </c>
      <c r="E115" s="21" t="s">
        <v>587</v>
      </c>
      <c r="F115" s="16">
        <v>57</v>
      </c>
      <c r="G115" s="22" t="s">
        <v>268</v>
      </c>
      <c r="H115" s="22" t="s">
        <v>268</v>
      </c>
      <c r="I115" s="22" t="s">
        <v>268</v>
      </c>
      <c r="J115" s="16">
        <v>9</v>
      </c>
      <c r="K115" s="16">
        <v>9</v>
      </c>
      <c r="L115" s="16">
        <v>4</v>
      </c>
    </row>
    <row r="116" spans="1:12">
      <c r="A116" s="21" t="s">
        <v>240</v>
      </c>
      <c r="B116" s="21" t="s">
        <v>237</v>
      </c>
      <c r="C116" s="21" t="s">
        <v>265</v>
      </c>
      <c r="D116" s="21" t="s">
        <v>572</v>
      </c>
      <c r="E116" s="21" t="s">
        <v>588</v>
      </c>
      <c r="F116" s="16">
        <v>37</v>
      </c>
      <c r="G116" s="16">
        <v>6</v>
      </c>
      <c r="H116" s="16">
        <v>6</v>
      </c>
      <c r="I116" s="16">
        <v>6</v>
      </c>
      <c r="J116" s="16">
        <v>6</v>
      </c>
      <c r="K116" s="16">
        <v>6</v>
      </c>
      <c r="L116" s="16">
        <v>5</v>
      </c>
    </row>
    <row r="117" spans="1:12">
      <c r="A117" s="21" t="s">
        <v>240</v>
      </c>
      <c r="B117" s="21" t="s">
        <v>237</v>
      </c>
      <c r="C117" s="21" t="s">
        <v>265</v>
      </c>
      <c r="D117" s="21" t="s">
        <v>476</v>
      </c>
      <c r="E117" s="21" t="s">
        <v>589</v>
      </c>
      <c r="F117" s="16">
        <v>601</v>
      </c>
      <c r="G117" s="16">
        <v>302</v>
      </c>
      <c r="H117" s="16">
        <v>441</v>
      </c>
      <c r="I117" s="16">
        <v>496</v>
      </c>
      <c r="J117" s="16">
        <v>515</v>
      </c>
      <c r="K117" s="16">
        <v>539</v>
      </c>
      <c r="L117" s="16">
        <v>601</v>
      </c>
    </row>
    <row r="118" spans="1:12">
      <c r="A118" s="21" t="s">
        <v>240</v>
      </c>
      <c r="B118" s="21" t="s">
        <v>237</v>
      </c>
      <c r="C118" s="21" t="s">
        <v>265</v>
      </c>
      <c r="D118" s="21" t="s">
        <v>572</v>
      </c>
      <c r="E118" s="21" t="s">
        <v>590</v>
      </c>
      <c r="F118" s="16">
        <v>416</v>
      </c>
      <c r="G118" s="16">
        <v>201</v>
      </c>
      <c r="H118" s="16">
        <v>296</v>
      </c>
      <c r="I118" s="16">
        <v>340</v>
      </c>
      <c r="J118" s="16">
        <v>353</v>
      </c>
      <c r="K118" s="16">
        <v>377</v>
      </c>
      <c r="L118" s="16">
        <v>416</v>
      </c>
    </row>
    <row r="119" spans="1:12">
      <c r="A119" s="21" t="s">
        <v>240</v>
      </c>
      <c r="B119" s="21" t="s">
        <v>237</v>
      </c>
      <c r="C119" s="21" t="s">
        <v>265</v>
      </c>
      <c r="D119" s="21" t="s">
        <v>572</v>
      </c>
      <c r="E119" s="21" t="s">
        <v>591</v>
      </c>
      <c r="F119" s="16">
        <v>180</v>
      </c>
      <c r="G119" s="16">
        <v>101</v>
      </c>
      <c r="H119" s="16">
        <v>145</v>
      </c>
      <c r="I119" s="16">
        <v>156</v>
      </c>
      <c r="J119" s="16">
        <v>162</v>
      </c>
      <c r="K119" s="16">
        <v>162</v>
      </c>
      <c r="L119" s="16">
        <v>180</v>
      </c>
    </row>
    <row r="120" spans="1:12">
      <c r="A120" s="21" t="s">
        <v>240</v>
      </c>
      <c r="B120" s="21" t="s">
        <v>237</v>
      </c>
      <c r="C120" s="21" t="s">
        <v>265</v>
      </c>
      <c r="D120" s="21" t="s">
        <v>476</v>
      </c>
      <c r="E120" s="21" t="s">
        <v>592</v>
      </c>
      <c r="F120" s="16">
        <v>348</v>
      </c>
      <c r="G120" s="22" t="s">
        <v>268</v>
      </c>
      <c r="H120" s="22" t="s">
        <v>268</v>
      </c>
      <c r="I120" s="16">
        <v>2</v>
      </c>
      <c r="J120" s="16">
        <v>4</v>
      </c>
      <c r="K120" s="16">
        <v>8</v>
      </c>
      <c r="L120" s="22" t="s">
        <v>268</v>
      </c>
    </row>
    <row r="121" spans="1:12">
      <c r="A121" s="21" t="s">
        <v>240</v>
      </c>
      <c r="B121" s="21" t="s">
        <v>237</v>
      </c>
      <c r="C121" s="21" t="s">
        <v>265</v>
      </c>
      <c r="D121" s="21" t="s">
        <v>476</v>
      </c>
      <c r="E121" s="21" t="s">
        <v>593</v>
      </c>
      <c r="F121" s="16">
        <v>1197</v>
      </c>
      <c r="G121" s="16">
        <v>134</v>
      </c>
      <c r="H121" s="16">
        <v>362</v>
      </c>
      <c r="I121" s="16">
        <v>488</v>
      </c>
      <c r="J121" s="16">
        <v>592</v>
      </c>
      <c r="K121" s="16">
        <v>679</v>
      </c>
      <c r="L121" s="16">
        <v>936</v>
      </c>
    </row>
    <row r="122" spans="1:12">
      <c r="A122" s="21" t="s">
        <v>240</v>
      </c>
      <c r="B122" s="21" t="s">
        <v>237</v>
      </c>
      <c r="C122" s="21" t="s">
        <v>265</v>
      </c>
      <c r="D122" s="21" t="s">
        <v>474</v>
      </c>
      <c r="E122" s="21" t="s">
        <v>594</v>
      </c>
      <c r="F122" s="16">
        <v>428</v>
      </c>
      <c r="G122" s="16">
        <v>40</v>
      </c>
      <c r="H122" s="16">
        <v>59</v>
      </c>
      <c r="I122" s="16">
        <v>73</v>
      </c>
      <c r="J122" s="16">
        <v>100</v>
      </c>
      <c r="K122" s="16">
        <v>104</v>
      </c>
      <c r="L122" s="16">
        <v>49</v>
      </c>
    </row>
    <row r="123" spans="1:12">
      <c r="A123" s="21" t="s">
        <v>240</v>
      </c>
      <c r="B123" s="21" t="s">
        <v>237</v>
      </c>
      <c r="C123" s="21" t="s">
        <v>265</v>
      </c>
      <c r="D123" s="21" t="s">
        <v>474</v>
      </c>
      <c r="E123" s="21" t="s">
        <v>595</v>
      </c>
      <c r="F123" s="16">
        <v>8121</v>
      </c>
      <c r="G123" s="22" t="s">
        <v>268</v>
      </c>
      <c r="H123" s="22" t="s">
        <v>268</v>
      </c>
      <c r="I123" s="22" t="s">
        <v>268</v>
      </c>
      <c r="J123" s="16">
        <v>1</v>
      </c>
      <c r="K123" s="16">
        <v>48</v>
      </c>
      <c r="L123" s="22" t="s">
        <v>268</v>
      </c>
    </row>
    <row r="124" spans="1:12">
      <c r="A124" s="21" t="s">
        <v>240</v>
      </c>
      <c r="B124" s="21" t="s">
        <v>237</v>
      </c>
      <c r="C124" s="21" t="s">
        <v>265</v>
      </c>
      <c r="D124" s="21" t="s">
        <v>474</v>
      </c>
      <c r="E124" s="21" t="s">
        <v>596</v>
      </c>
      <c r="F124" s="16">
        <v>93</v>
      </c>
      <c r="G124" s="22" t="s">
        <v>268</v>
      </c>
      <c r="H124" s="22" t="s">
        <v>268</v>
      </c>
      <c r="I124" s="22" t="s">
        <v>268</v>
      </c>
      <c r="J124" s="22" t="s">
        <v>268</v>
      </c>
      <c r="K124" s="22" t="s">
        <v>268</v>
      </c>
      <c r="L124" s="22" t="s">
        <v>268</v>
      </c>
    </row>
    <row r="125" spans="1:12">
      <c r="A125" s="21" t="s">
        <v>240</v>
      </c>
      <c r="B125" s="21" t="s">
        <v>237</v>
      </c>
      <c r="C125" s="21" t="s">
        <v>265</v>
      </c>
      <c r="D125" s="21" t="s">
        <v>474</v>
      </c>
      <c r="E125" s="21" t="s">
        <v>597</v>
      </c>
      <c r="F125" s="16">
        <v>5858</v>
      </c>
      <c r="G125" s="16">
        <v>1454</v>
      </c>
      <c r="H125" s="16">
        <v>2774</v>
      </c>
      <c r="I125" s="16">
        <v>3455</v>
      </c>
      <c r="J125" s="16">
        <v>3919</v>
      </c>
      <c r="K125" s="16">
        <v>4223</v>
      </c>
      <c r="L125" s="16">
        <v>5858</v>
      </c>
    </row>
    <row r="126" spans="1:12">
      <c r="A126" s="21" t="s">
        <v>240</v>
      </c>
      <c r="B126" s="21" t="s">
        <v>237</v>
      </c>
      <c r="C126" s="21" t="s">
        <v>265</v>
      </c>
      <c r="D126" s="21" t="s">
        <v>474</v>
      </c>
      <c r="E126" s="21" t="s">
        <v>598</v>
      </c>
      <c r="F126" s="16">
        <v>1366</v>
      </c>
      <c r="G126" s="16">
        <v>236</v>
      </c>
      <c r="H126" s="16">
        <v>768</v>
      </c>
      <c r="I126" s="16">
        <v>1042</v>
      </c>
      <c r="J126" s="16">
        <v>1259</v>
      </c>
      <c r="K126" s="16">
        <v>1366</v>
      </c>
      <c r="L126" s="22" t="s">
        <v>268</v>
      </c>
    </row>
    <row r="127" spans="1:12">
      <c r="A127" s="21" t="s">
        <v>240</v>
      </c>
      <c r="B127" s="21" t="s">
        <v>237</v>
      </c>
      <c r="C127" s="21" t="s">
        <v>265</v>
      </c>
      <c r="D127" s="21" t="s">
        <v>474</v>
      </c>
      <c r="E127" s="21" t="s">
        <v>599</v>
      </c>
      <c r="F127" s="16">
        <v>2250</v>
      </c>
      <c r="G127" s="16">
        <v>441</v>
      </c>
      <c r="H127" s="16">
        <v>1308</v>
      </c>
      <c r="I127" s="16">
        <v>1747</v>
      </c>
      <c r="J127" s="16">
        <v>2104</v>
      </c>
      <c r="K127" s="16">
        <v>2250</v>
      </c>
      <c r="L127" s="16">
        <v>854</v>
      </c>
    </row>
    <row r="128" spans="1:12">
      <c r="A128" s="21" t="s">
        <v>240</v>
      </c>
      <c r="B128" s="21" t="s">
        <v>237</v>
      </c>
      <c r="C128" s="21" t="s">
        <v>265</v>
      </c>
      <c r="D128" s="21" t="s">
        <v>474</v>
      </c>
      <c r="E128" s="21" t="s">
        <v>600</v>
      </c>
      <c r="F128" s="16">
        <v>129</v>
      </c>
      <c r="G128" s="16">
        <v>27</v>
      </c>
      <c r="H128" s="16">
        <v>66</v>
      </c>
      <c r="I128" s="16">
        <v>91</v>
      </c>
      <c r="J128" s="16">
        <v>123</v>
      </c>
      <c r="K128" s="16">
        <v>129</v>
      </c>
      <c r="L128" s="22" t="s">
        <v>268</v>
      </c>
    </row>
    <row r="129" spans="1:12">
      <c r="A129" s="21" t="s">
        <v>240</v>
      </c>
      <c r="B129" s="21" t="s">
        <v>237</v>
      </c>
      <c r="C129" s="21" t="s">
        <v>265</v>
      </c>
      <c r="D129" s="21" t="s">
        <v>474</v>
      </c>
      <c r="E129" s="21" t="s">
        <v>601</v>
      </c>
      <c r="F129" s="16">
        <v>340</v>
      </c>
      <c r="G129" s="16">
        <v>60</v>
      </c>
      <c r="H129" s="16">
        <v>183</v>
      </c>
      <c r="I129" s="16">
        <v>251</v>
      </c>
      <c r="J129" s="16">
        <v>299</v>
      </c>
      <c r="K129" s="16">
        <v>340</v>
      </c>
      <c r="L129" s="16">
        <v>196</v>
      </c>
    </row>
    <row r="130" spans="1:12">
      <c r="A130" s="21" t="s">
        <v>240</v>
      </c>
      <c r="B130" s="21" t="s">
        <v>237</v>
      </c>
      <c r="C130" s="21" t="s">
        <v>265</v>
      </c>
      <c r="D130" s="21" t="s">
        <v>474</v>
      </c>
      <c r="E130" s="21" t="s">
        <v>602</v>
      </c>
      <c r="F130" s="16">
        <v>5934</v>
      </c>
      <c r="G130" s="22" t="s">
        <v>268</v>
      </c>
      <c r="H130" s="22" t="s">
        <v>268</v>
      </c>
      <c r="I130" s="22" t="s">
        <v>268</v>
      </c>
      <c r="J130" s="22" t="s">
        <v>268</v>
      </c>
      <c r="K130" s="22" t="s">
        <v>268</v>
      </c>
      <c r="L130" s="22" t="s">
        <v>268</v>
      </c>
    </row>
    <row r="131" spans="1:12">
      <c r="A131" s="21" t="s">
        <v>240</v>
      </c>
      <c r="B131" s="21" t="s">
        <v>237</v>
      </c>
      <c r="C131" s="21" t="s">
        <v>265</v>
      </c>
      <c r="D131" s="21" t="s">
        <v>474</v>
      </c>
      <c r="E131" s="21" t="s">
        <v>603</v>
      </c>
      <c r="F131" s="16">
        <v>3343</v>
      </c>
      <c r="G131" s="22" t="s">
        <v>268</v>
      </c>
      <c r="H131" s="22" t="s">
        <v>268</v>
      </c>
      <c r="I131" s="22" t="s">
        <v>268</v>
      </c>
      <c r="J131" s="22" t="s">
        <v>268</v>
      </c>
      <c r="K131" s="22" t="s">
        <v>268</v>
      </c>
      <c r="L131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3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C7ADE4D-348A-408B-AF71-542F6C664721}">
  <sheetPr>
    <pageSetUpPr fitToPage="1"/>
  </sheetPr>
  <dimension ref="A1:V27"/>
  <sheetViews>
    <sheetView zoomScaleNormal="100" workbookViewId="0">
      <pane xSplit="4" ySplit="15" topLeftCell="E16" activePane="bottomRight" state="frozen"/>
      <selection pane="topRight" activeCell="R1" sqref="R1"/>
      <selection pane="bottomLeft" activeCell="A29" sqref="A29"/>
      <selection pane="bottomRight" activeCell="B10" sqref="B10"/>
    </sheetView>
  </sheetViews>
  <sheetFormatPr defaultColWidth="12.625" defaultRowHeight="12" outlineLevelRow="1"/>
  <cols>
    <col min="1" max="1" width="2.375" style="20" customWidth="1"/>
    <col min="2" max="2" width="11.25" style="20" bestFit="1" customWidth="1"/>
    <col min="3" max="3" width="21.875" style="20" bestFit="1" customWidth="1"/>
    <col min="4" max="4" width="16.125" style="20" bestFit="1" customWidth="1"/>
    <col min="5" max="16384" width="12.625" style="20"/>
  </cols>
  <sheetData>
    <row r="1" spans="1:22" s="11" customFormat="1">
      <c r="A1" s="11" t="s">
        <v>192</v>
      </c>
    </row>
    <row r="2" spans="1:22" s="11" customFormat="1">
      <c r="A2" s="11" t="s">
        <v>255</v>
      </c>
    </row>
    <row r="3" spans="1:22" s="11" customFormat="1"/>
    <row r="4" spans="1:22" s="11" customFormat="1" outlineLevel="1">
      <c r="A4" s="11" t="s">
        <v>194</v>
      </c>
    </row>
    <row r="5" spans="1:22" s="11" customFormat="1" outlineLevel="1">
      <c r="A5" s="11" t="s">
        <v>195</v>
      </c>
    </row>
    <row r="6" spans="1:22" s="11" customFormat="1" outlineLevel="1">
      <c r="A6" s="11" t="s">
        <v>196</v>
      </c>
    </row>
    <row r="7" spans="1:22" s="11" customFormat="1" outlineLevel="1">
      <c r="A7" s="11" t="s">
        <v>256</v>
      </c>
    </row>
    <row r="8" spans="1:22" s="11" customFormat="1" outlineLevel="1">
      <c r="A8" s="11" t="s">
        <v>257</v>
      </c>
    </row>
    <row r="9" spans="1:22" s="11" customFormat="1" outlineLevel="1">
      <c r="A9" s="11" t="s">
        <v>258</v>
      </c>
    </row>
    <row r="10" spans="1:22" s="11" customFormat="1" ht="36">
      <c r="E10" s="12" t="s">
        <v>200</v>
      </c>
      <c r="F10" s="12" t="s">
        <v>200</v>
      </c>
      <c r="G10" s="12" t="s">
        <v>200</v>
      </c>
      <c r="H10" s="12" t="s">
        <v>201</v>
      </c>
      <c r="I10" s="12" t="s">
        <v>202</v>
      </c>
      <c r="J10" s="12" t="s">
        <v>203</v>
      </c>
      <c r="K10" s="12" t="s">
        <v>204</v>
      </c>
      <c r="L10" s="12" t="s">
        <v>205</v>
      </c>
      <c r="M10" s="12" t="s">
        <v>206</v>
      </c>
      <c r="N10" s="12" t="s">
        <v>207</v>
      </c>
      <c r="O10" s="12" t="s">
        <v>207</v>
      </c>
      <c r="P10" s="12" t="s">
        <v>207</v>
      </c>
      <c r="Q10" s="12" t="s">
        <v>208</v>
      </c>
      <c r="R10" s="12" t="s">
        <v>209</v>
      </c>
      <c r="S10" s="12" t="s">
        <v>210</v>
      </c>
      <c r="T10" s="12" t="s">
        <v>211</v>
      </c>
      <c r="U10" s="12" t="s">
        <v>211</v>
      </c>
      <c r="V10" s="12" t="s">
        <v>211</v>
      </c>
    </row>
    <row r="11" spans="1:22" s="11" customFormat="1">
      <c r="E11" s="12" t="s">
        <v>212</v>
      </c>
      <c r="F11" s="12" t="s">
        <v>212</v>
      </c>
      <c r="G11" s="12" t="s">
        <v>212</v>
      </c>
      <c r="H11" s="12"/>
      <c r="I11" s="12"/>
      <c r="J11" s="12"/>
      <c r="K11" s="12"/>
      <c r="L11" s="12"/>
      <c r="M11" s="12"/>
      <c r="N11" s="12" t="s">
        <v>213</v>
      </c>
      <c r="O11" s="12" t="s">
        <v>213</v>
      </c>
      <c r="P11" s="12" t="s">
        <v>213</v>
      </c>
      <c r="Q11" s="12"/>
      <c r="R11" s="12"/>
      <c r="S11" s="12"/>
      <c r="T11" s="12" t="s">
        <v>213</v>
      </c>
      <c r="U11" s="12" t="s">
        <v>213</v>
      </c>
      <c r="V11" s="12" t="s">
        <v>213</v>
      </c>
    </row>
    <row r="12" spans="1:22" s="11" customFormat="1">
      <c r="E12" s="12">
        <v>1</v>
      </c>
      <c r="F12" s="12">
        <v>1</v>
      </c>
      <c r="G12" s="12">
        <v>1</v>
      </c>
      <c r="H12" s="12"/>
      <c r="I12" s="12"/>
      <c r="J12" s="12"/>
      <c r="K12" s="12"/>
      <c r="L12" s="12"/>
      <c r="M12" s="12"/>
      <c r="N12" s="12">
        <v>1</v>
      </c>
      <c r="O12" s="12">
        <v>1</v>
      </c>
      <c r="P12" s="12">
        <v>1</v>
      </c>
      <c r="Q12" s="12"/>
      <c r="R12" s="12"/>
      <c r="S12" s="12"/>
      <c r="T12" s="12">
        <v>1</v>
      </c>
      <c r="U12" s="12">
        <v>1</v>
      </c>
      <c r="V12" s="12">
        <v>1</v>
      </c>
    </row>
    <row r="13" spans="1:22" s="11" customFormat="1" ht="24">
      <c r="E13" s="12" t="s">
        <v>214</v>
      </c>
      <c r="F13" s="12" t="s">
        <v>215</v>
      </c>
      <c r="G13" s="12" t="s">
        <v>216</v>
      </c>
      <c r="H13" s="12"/>
      <c r="I13" s="12"/>
      <c r="J13" s="12"/>
      <c r="K13" s="12"/>
      <c r="L13" s="12"/>
      <c r="M13" s="12"/>
      <c r="N13" s="12" t="s">
        <v>214</v>
      </c>
      <c r="O13" s="12" t="s">
        <v>217</v>
      </c>
      <c r="P13" s="12" t="s">
        <v>218</v>
      </c>
      <c r="Q13" s="12"/>
      <c r="R13" s="12"/>
      <c r="S13" s="12"/>
      <c r="T13" s="12" t="s">
        <v>214</v>
      </c>
      <c r="U13" s="12" t="s">
        <v>217</v>
      </c>
      <c r="V13" s="12" t="s">
        <v>218</v>
      </c>
    </row>
    <row r="14" spans="1:22" s="11" customFormat="1">
      <c r="E14" s="13" t="s">
        <v>219</v>
      </c>
      <c r="F14" s="13" t="s">
        <v>219</v>
      </c>
      <c r="G14" s="13" t="s">
        <v>219</v>
      </c>
      <c r="H14" s="13" t="s">
        <v>219</v>
      </c>
      <c r="I14" s="13" t="s">
        <v>219</v>
      </c>
      <c r="J14" s="13" t="s">
        <v>220</v>
      </c>
      <c r="K14" s="13"/>
      <c r="L14" s="13" t="s">
        <v>221</v>
      </c>
      <c r="M14" s="13" t="s">
        <v>222</v>
      </c>
      <c r="N14" s="13" t="s">
        <v>223</v>
      </c>
      <c r="O14" s="13" t="s">
        <v>223</v>
      </c>
      <c r="P14" s="13" t="s">
        <v>223</v>
      </c>
      <c r="Q14" s="13" t="s">
        <v>223</v>
      </c>
      <c r="R14" s="13" t="s">
        <v>223</v>
      </c>
      <c r="S14" s="13" t="s">
        <v>220</v>
      </c>
      <c r="T14" s="13" t="s">
        <v>219</v>
      </c>
      <c r="U14" s="13" t="s">
        <v>219</v>
      </c>
      <c r="V14" s="13" t="s">
        <v>219</v>
      </c>
    </row>
    <row r="15" spans="1:22" s="11" customFormat="1">
      <c r="A15" s="14" t="s">
        <v>224</v>
      </c>
      <c r="B15" s="14" t="s">
        <v>259</v>
      </c>
      <c r="C15" s="14" t="s">
        <v>260</v>
      </c>
      <c r="D15" s="14" t="s">
        <v>261</v>
      </c>
      <c r="E15" s="14" t="s">
        <v>231</v>
      </c>
      <c r="F15" s="14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4"/>
      <c r="V15" s="14"/>
    </row>
    <row r="16" spans="1:22">
      <c r="A16" s="15" t="s">
        <v>232</v>
      </c>
      <c r="B16" s="15" t="s">
        <v>233</v>
      </c>
      <c r="C16" s="15" t="s">
        <v>262</v>
      </c>
      <c r="D16" s="15" t="s">
        <v>263</v>
      </c>
      <c r="E16" s="16">
        <v>88285927</v>
      </c>
      <c r="F16" s="16">
        <v>42973052</v>
      </c>
      <c r="G16" s="16">
        <v>45312875</v>
      </c>
      <c r="H16" s="16">
        <v>86868176</v>
      </c>
      <c r="I16" s="16">
        <v>1417751</v>
      </c>
      <c r="J16" s="17">
        <v>1.6320699999999999</v>
      </c>
      <c r="K16" s="17">
        <v>94.836299999999994</v>
      </c>
      <c r="L16" s="18">
        <v>13250.4</v>
      </c>
      <c r="M16" s="19">
        <v>6662.9</v>
      </c>
      <c r="N16" s="16">
        <v>41205385</v>
      </c>
      <c r="O16" s="16">
        <v>41133578</v>
      </c>
      <c r="P16" s="16">
        <v>71807</v>
      </c>
      <c r="Q16" s="16">
        <v>38815350</v>
      </c>
      <c r="R16" s="16">
        <v>2390035</v>
      </c>
      <c r="S16" s="17">
        <v>6.1574499999999999</v>
      </c>
      <c r="T16" s="16">
        <v>88285927</v>
      </c>
      <c r="U16" s="16">
        <v>86801073</v>
      </c>
      <c r="V16" s="16">
        <v>1484854</v>
      </c>
    </row>
    <row r="17" spans="1:22">
      <c r="A17" s="21" t="s">
        <v>232</v>
      </c>
      <c r="B17" s="21" t="s">
        <v>237</v>
      </c>
      <c r="C17" s="21" t="s">
        <v>264</v>
      </c>
      <c r="D17" s="21" t="s">
        <v>263</v>
      </c>
      <c r="E17" s="16">
        <v>865846</v>
      </c>
      <c r="F17" s="16">
        <v>409254</v>
      </c>
      <c r="G17" s="16">
        <v>456592</v>
      </c>
      <c r="H17" s="16">
        <v>853906</v>
      </c>
      <c r="I17" s="16">
        <v>11940</v>
      </c>
      <c r="J17" s="17">
        <v>1.39828</v>
      </c>
      <c r="K17" s="17">
        <v>89.632320000000007</v>
      </c>
      <c r="L17" s="18">
        <v>165.97</v>
      </c>
      <c r="M17" s="19">
        <v>5216.8999999999996</v>
      </c>
      <c r="N17" s="16">
        <v>387821</v>
      </c>
      <c r="O17" s="16">
        <v>386942</v>
      </c>
      <c r="P17" s="16">
        <v>879</v>
      </c>
      <c r="Q17" s="16">
        <v>369335</v>
      </c>
      <c r="R17" s="16">
        <v>18486</v>
      </c>
      <c r="S17" s="17">
        <v>5.0052099999999999</v>
      </c>
      <c r="T17" s="16">
        <v>865846</v>
      </c>
      <c r="U17" s="16">
        <v>841987</v>
      </c>
      <c r="V17" s="16">
        <v>23859</v>
      </c>
    </row>
    <row r="18" spans="1:22">
      <c r="A18" s="21" t="s">
        <v>240</v>
      </c>
      <c r="B18" s="21" t="s">
        <v>237</v>
      </c>
      <c r="C18" s="21" t="s">
        <v>265</v>
      </c>
      <c r="D18" s="21" t="s">
        <v>263</v>
      </c>
      <c r="E18" s="16">
        <v>54592</v>
      </c>
      <c r="F18" s="16">
        <v>25564</v>
      </c>
      <c r="G18" s="16">
        <v>29028</v>
      </c>
      <c r="H18" s="16">
        <v>55162</v>
      </c>
      <c r="I18" s="16">
        <v>-570</v>
      </c>
      <c r="J18" s="17">
        <v>-1.03332</v>
      </c>
      <c r="K18" s="17">
        <v>88.066689999999994</v>
      </c>
      <c r="L18" s="18">
        <v>17.59</v>
      </c>
      <c r="M18" s="19">
        <v>3103.6</v>
      </c>
      <c r="N18" s="16">
        <v>23224</v>
      </c>
      <c r="O18" s="16">
        <v>23147</v>
      </c>
      <c r="P18" s="16">
        <v>77</v>
      </c>
      <c r="Q18" s="16">
        <v>22563</v>
      </c>
      <c r="R18" s="16">
        <v>661</v>
      </c>
      <c r="S18" s="17">
        <v>2.92957</v>
      </c>
      <c r="T18" s="16">
        <v>54592</v>
      </c>
      <c r="U18" s="16">
        <v>52523</v>
      </c>
      <c r="V18" s="16">
        <v>2069</v>
      </c>
    </row>
    <row r="19" spans="1:22">
      <c r="A19" s="21" t="s">
        <v>240</v>
      </c>
      <c r="B19" s="21" t="s">
        <v>237</v>
      </c>
      <c r="C19" s="21" t="s">
        <v>265</v>
      </c>
      <c r="D19" s="21" t="s">
        <v>266</v>
      </c>
      <c r="E19" s="16">
        <v>54592</v>
      </c>
      <c r="F19" s="16">
        <v>25564</v>
      </c>
      <c r="G19" s="16">
        <v>29028</v>
      </c>
      <c r="H19" s="16">
        <v>55162</v>
      </c>
      <c r="I19" s="16">
        <v>-570</v>
      </c>
      <c r="J19" s="17">
        <v>-1.03332</v>
      </c>
      <c r="K19" s="17">
        <v>88.066689999999994</v>
      </c>
      <c r="L19" s="18">
        <v>17.59</v>
      </c>
      <c r="M19" s="19">
        <v>3103.6</v>
      </c>
      <c r="N19" s="16">
        <v>23224</v>
      </c>
      <c r="O19" s="16">
        <v>23147</v>
      </c>
      <c r="P19" s="16">
        <v>77</v>
      </c>
      <c r="Q19" s="16">
        <v>22563</v>
      </c>
      <c r="R19" s="16">
        <v>661</v>
      </c>
      <c r="S19" s="17">
        <v>2.92957</v>
      </c>
      <c r="T19" s="16">
        <v>54592</v>
      </c>
      <c r="U19" s="16">
        <v>52523</v>
      </c>
      <c r="V19" s="16">
        <v>2069</v>
      </c>
    </row>
    <row r="20" spans="1:22">
      <c r="A20" s="21" t="s">
        <v>240</v>
      </c>
      <c r="B20" s="21" t="s">
        <v>237</v>
      </c>
      <c r="C20" s="21" t="s">
        <v>265</v>
      </c>
      <c r="D20" s="21" t="s">
        <v>267</v>
      </c>
      <c r="E20" s="22" t="s">
        <v>268</v>
      </c>
      <c r="F20" s="22" t="s">
        <v>268</v>
      </c>
      <c r="G20" s="22" t="s">
        <v>268</v>
      </c>
      <c r="H20" s="22" t="s">
        <v>268</v>
      </c>
      <c r="I20" s="22" t="s">
        <v>268</v>
      </c>
      <c r="J20" s="23" t="s">
        <v>268</v>
      </c>
      <c r="K20" s="23" t="s">
        <v>268</v>
      </c>
      <c r="L20" s="24" t="s">
        <v>268</v>
      </c>
      <c r="M20" s="25" t="s">
        <v>268</v>
      </c>
      <c r="N20" s="22" t="s">
        <v>268</v>
      </c>
      <c r="O20" s="22" t="s">
        <v>268</v>
      </c>
      <c r="P20" s="22" t="s">
        <v>268</v>
      </c>
      <c r="Q20" s="22" t="s">
        <v>268</v>
      </c>
      <c r="R20" s="22" t="s">
        <v>268</v>
      </c>
      <c r="S20" s="23" t="s">
        <v>268</v>
      </c>
      <c r="T20" s="22" t="s">
        <v>268</v>
      </c>
      <c r="U20" s="22" t="s">
        <v>268</v>
      </c>
      <c r="V20" s="22" t="s">
        <v>268</v>
      </c>
    </row>
    <row r="21" spans="1:22">
      <c r="A21" s="21" t="s">
        <v>240</v>
      </c>
      <c r="B21" s="21" t="s">
        <v>237</v>
      </c>
      <c r="C21" s="21" t="s">
        <v>265</v>
      </c>
      <c r="D21" s="21" t="s">
        <v>269</v>
      </c>
      <c r="E21" s="22" t="s">
        <v>268</v>
      </c>
      <c r="F21" s="22" t="s">
        <v>268</v>
      </c>
      <c r="G21" s="22" t="s">
        <v>268</v>
      </c>
      <c r="H21" s="22" t="s">
        <v>268</v>
      </c>
      <c r="I21" s="22" t="s">
        <v>268</v>
      </c>
      <c r="J21" s="23" t="s">
        <v>268</v>
      </c>
      <c r="K21" s="23" t="s">
        <v>268</v>
      </c>
      <c r="L21" s="24" t="s">
        <v>268</v>
      </c>
      <c r="M21" s="25" t="s">
        <v>268</v>
      </c>
      <c r="N21" s="22" t="s">
        <v>268</v>
      </c>
      <c r="O21" s="22" t="s">
        <v>268</v>
      </c>
      <c r="P21" s="22" t="s">
        <v>268</v>
      </c>
      <c r="Q21" s="22" t="s">
        <v>268</v>
      </c>
      <c r="R21" s="22" t="s">
        <v>268</v>
      </c>
      <c r="S21" s="23" t="s">
        <v>268</v>
      </c>
      <c r="T21" s="22" t="s">
        <v>268</v>
      </c>
      <c r="U21" s="22" t="s">
        <v>268</v>
      </c>
      <c r="V21" s="22" t="s">
        <v>268</v>
      </c>
    </row>
    <row r="22" spans="1:22">
      <c r="A22" s="21" t="s">
        <v>240</v>
      </c>
      <c r="B22" s="21" t="s">
        <v>237</v>
      </c>
      <c r="C22" s="21" t="s">
        <v>265</v>
      </c>
      <c r="D22" s="21" t="s">
        <v>270</v>
      </c>
      <c r="E22" s="22" t="s">
        <v>268</v>
      </c>
      <c r="F22" s="22" t="s">
        <v>268</v>
      </c>
      <c r="G22" s="22" t="s">
        <v>268</v>
      </c>
      <c r="H22" s="22" t="s">
        <v>268</v>
      </c>
      <c r="I22" s="22" t="s">
        <v>268</v>
      </c>
      <c r="J22" s="23" t="s">
        <v>268</v>
      </c>
      <c r="K22" s="23" t="s">
        <v>268</v>
      </c>
      <c r="L22" s="24" t="s">
        <v>268</v>
      </c>
      <c r="M22" s="25" t="s">
        <v>268</v>
      </c>
      <c r="N22" s="22" t="s">
        <v>268</v>
      </c>
      <c r="O22" s="22" t="s">
        <v>268</v>
      </c>
      <c r="P22" s="22" t="s">
        <v>268</v>
      </c>
      <c r="Q22" s="22" t="s">
        <v>268</v>
      </c>
      <c r="R22" s="22" t="s">
        <v>268</v>
      </c>
      <c r="S22" s="23" t="s">
        <v>268</v>
      </c>
      <c r="T22" s="22" t="s">
        <v>268</v>
      </c>
      <c r="U22" s="22" t="s">
        <v>268</v>
      </c>
      <c r="V22" s="22" t="s">
        <v>268</v>
      </c>
    </row>
    <row r="23" spans="1:22">
      <c r="A23" s="21" t="s">
        <v>240</v>
      </c>
      <c r="B23" s="21" t="s">
        <v>237</v>
      </c>
      <c r="C23" s="21" t="s">
        <v>265</v>
      </c>
      <c r="D23" s="21" t="s">
        <v>271</v>
      </c>
      <c r="E23" s="22" t="s">
        <v>268</v>
      </c>
      <c r="F23" s="22" t="s">
        <v>268</v>
      </c>
      <c r="G23" s="22" t="s">
        <v>268</v>
      </c>
      <c r="H23" s="22" t="s">
        <v>268</v>
      </c>
      <c r="I23" s="22" t="s">
        <v>268</v>
      </c>
      <c r="J23" s="23" t="s">
        <v>268</v>
      </c>
      <c r="K23" s="23" t="s">
        <v>268</v>
      </c>
      <c r="L23" s="24" t="s">
        <v>268</v>
      </c>
      <c r="M23" s="25" t="s">
        <v>268</v>
      </c>
      <c r="N23" s="22" t="s">
        <v>268</v>
      </c>
      <c r="O23" s="22" t="s">
        <v>268</v>
      </c>
      <c r="P23" s="22" t="s">
        <v>268</v>
      </c>
      <c r="Q23" s="22" t="s">
        <v>268</v>
      </c>
      <c r="R23" s="22" t="s">
        <v>268</v>
      </c>
      <c r="S23" s="23" t="s">
        <v>268</v>
      </c>
      <c r="T23" s="22" t="s">
        <v>268</v>
      </c>
      <c r="U23" s="22" t="s">
        <v>268</v>
      </c>
      <c r="V23" s="22" t="s">
        <v>268</v>
      </c>
    </row>
    <row r="24" spans="1:22">
      <c r="A24" s="21" t="s">
        <v>240</v>
      </c>
      <c r="B24" s="21" t="s">
        <v>237</v>
      </c>
      <c r="C24" s="21" t="s">
        <v>265</v>
      </c>
      <c r="D24" s="21" t="s">
        <v>272</v>
      </c>
      <c r="E24" s="22" t="s">
        <v>268</v>
      </c>
      <c r="F24" s="22" t="s">
        <v>268</v>
      </c>
      <c r="G24" s="22" t="s">
        <v>268</v>
      </c>
      <c r="H24" s="22" t="s">
        <v>268</v>
      </c>
      <c r="I24" s="22" t="s">
        <v>268</v>
      </c>
      <c r="J24" s="23" t="s">
        <v>268</v>
      </c>
      <c r="K24" s="23" t="s">
        <v>268</v>
      </c>
      <c r="L24" s="24" t="s">
        <v>268</v>
      </c>
      <c r="M24" s="25" t="s">
        <v>268</v>
      </c>
      <c r="N24" s="22" t="s">
        <v>268</v>
      </c>
      <c r="O24" s="22" t="s">
        <v>268</v>
      </c>
      <c r="P24" s="22" t="s">
        <v>268</v>
      </c>
      <c r="Q24" s="22" t="s">
        <v>268</v>
      </c>
      <c r="R24" s="22" t="s">
        <v>268</v>
      </c>
      <c r="S24" s="23" t="s">
        <v>268</v>
      </c>
      <c r="T24" s="22" t="s">
        <v>268</v>
      </c>
      <c r="U24" s="22" t="s">
        <v>268</v>
      </c>
      <c r="V24" s="22" t="s">
        <v>268</v>
      </c>
    </row>
    <row r="25" spans="1:22">
      <c r="A25" s="21" t="s">
        <v>240</v>
      </c>
      <c r="B25" s="21" t="s">
        <v>237</v>
      </c>
      <c r="C25" s="21" t="s">
        <v>265</v>
      </c>
      <c r="D25" s="21" t="s">
        <v>273</v>
      </c>
      <c r="E25" s="22" t="s">
        <v>268</v>
      </c>
      <c r="F25" s="22" t="s">
        <v>268</v>
      </c>
      <c r="G25" s="22" t="s">
        <v>268</v>
      </c>
      <c r="H25" s="22" t="s">
        <v>268</v>
      </c>
      <c r="I25" s="22" t="s">
        <v>268</v>
      </c>
      <c r="J25" s="23" t="s">
        <v>268</v>
      </c>
      <c r="K25" s="23" t="s">
        <v>268</v>
      </c>
      <c r="L25" s="24" t="s">
        <v>268</v>
      </c>
      <c r="M25" s="25" t="s">
        <v>268</v>
      </c>
      <c r="N25" s="22" t="s">
        <v>268</v>
      </c>
      <c r="O25" s="22" t="s">
        <v>268</v>
      </c>
      <c r="P25" s="22" t="s">
        <v>268</v>
      </c>
      <c r="Q25" s="22" t="s">
        <v>268</v>
      </c>
      <c r="R25" s="22" t="s">
        <v>268</v>
      </c>
      <c r="S25" s="23" t="s">
        <v>268</v>
      </c>
      <c r="T25" s="22" t="s">
        <v>268</v>
      </c>
      <c r="U25" s="22" t="s">
        <v>268</v>
      </c>
      <c r="V25" s="22" t="s">
        <v>268</v>
      </c>
    </row>
    <row r="26" spans="1:22">
      <c r="A26" s="21" t="s">
        <v>240</v>
      </c>
      <c r="B26" s="21" t="s">
        <v>237</v>
      </c>
      <c r="C26" s="21" t="s">
        <v>265</v>
      </c>
      <c r="D26" s="21" t="s">
        <v>274</v>
      </c>
      <c r="E26" s="22" t="s">
        <v>268</v>
      </c>
      <c r="F26" s="22" t="s">
        <v>268</v>
      </c>
      <c r="G26" s="22" t="s">
        <v>268</v>
      </c>
      <c r="H26" s="22" t="s">
        <v>268</v>
      </c>
      <c r="I26" s="22" t="s">
        <v>268</v>
      </c>
      <c r="J26" s="23" t="s">
        <v>268</v>
      </c>
      <c r="K26" s="23" t="s">
        <v>268</v>
      </c>
      <c r="L26" s="24" t="s">
        <v>268</v>
      </c>
      <c r="M26" s="25" t="s">
        <v>268</v>
      </c>
      <c r="N26" s="22" t="s">
        <v>268</v>
      </c>
      <c r="O26" s="22" t="s">
        <v>268</v>
      </c>
      <c r="P26" s="22" t="s">
        <v>268</v>
      </c>
      <c r="Q26" s="22" t="s">
        <v>268</v>
      </c>
      <c r="R26" s="22" t="s">
        <v>268</v>
      </c>
      <c r="S26" s="23" t="s">
        <v>268</v>
      </c>
      <c r="T26" s="22" t="s">
        <v>268</v>
      </c>
      <c r="U26" s="22" t="s">
        <v>268</v>
      </c>
      <c r="V26" s="22" t="s">
        <v>268</v>
      </c>
    </row>
    <row r="27" spans="1:22">
      <c r="A27" s="21" t="s">
        <v>240</v>
      </c>
      <c r="B27" s="21" t="s">
        <v>237</v>
      </c>
      <c r="C27" s="21" t="s">
        <v>265</v>
      </c>
      <c r="D27" s="21" t="s">
        <v>275</v>
      </c>
      <c r="E27" s="22" t="s">
        <v>268</v>
      </c>
      <c r="F27" s="22" t="s">
        <v>268</v>
      </c>
      <c r="G27" s="22" t="s">
        <v>268</v>
      </c>
      <c r="H27" s="22" t="s">
        <v>268</v>
      </c>
      <c r="I27" s="22" t="s">
        <v>268</v>
      </c>
      <c r="J27" s="23" t="s">
        <v>268</v>
      </c>
      <c r="K27" s="23" t="s">
        <v>268</v>
      </c>
      <c r="L27" s="24" t="s">
        <v>268</v>
      </c>
      <c r="M27" s="25" t="s">
        <v>268</v>
      </c>
      <c r="N27" s="22" t="s">
        <v>268</v>
      </c>
      <c r="O27" s="22" t="s">
        <v>268</v>
      </c>
      <c r="P27" s="22" t="s">
        <v>268</v>
      </c>
      <c r="Q27" s="22" t="s">
        <v>268</v>
      </c>
      <c r="R27" s="22" t="s">
        <v>268</v>
      </c>
      <c r="S27" s="23" t="s">
        <v>268</v>
      </c>
      <c r="T27" s="22" t="s">
        <v>268</v>
      </c>
      <c r="U27" s="22" t="s">
        <v>268</v>
      </c>
      <c r="V27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0" orientation="portrait" r:id="rId1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1426C5-630C-45D6-A9A0-6B323A0ED334}">
  <sheetPr>
    <pageSetUpPr fitToPage="1"/>
  </sheetPr>
  <dimension ref="A1:K131"/>
  <sheetViews>
    <sheetView zoomScaleNormal="100" workbookViewId="0">
      <pane xSplit="5" ySplit="11" topLeftCell="F12" activePane="bottomRight" state="frozen"/>
      <selection pane="topRight" activeCell="T1" sqref="T1"/>
      <selection pane="bottomLeft" activeCell="A21" sqref="A21"/>
      <selection pane="bottomRight" activeCell="B9" sqref="B9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21.25" style="20" customWidth="1"/>
    <col min="4" max="4" width="2.375" style="20" bestFit="1" customWidth="1"/>
    <col min="5" max="5" width="52" style="20" bestFit="1" customWidth="1"/>
    <col min="6" max="16384" width="12.625" style="20"/>
  </cols>
  <sheetData>
    <row r="1" spans="1:11" s="11" customFormat="1">
      <c r="A1" s="11" t="s">
        <v>192</v>
      </c>
    </row>
    <row r="2" spans="1:11" s="11" customFormat="1">
      <c r="A2" s="11" t="s">
        <v>614</v>
      </c>
    </row>
    <row r="3" spans="1:11" s="11" customFormat="1"/>
    <row r="4" spans="1:11" s="11" customFormat="1" outlineLevel="1">
      <c r="A4" s="11" t="s">
        <v>556</v>
      </c>
    </row>
    <row r="5" spans="1:11" s="11" customFormat="1" outlineLevel="1">
      <c r="A5" s="11" t="s">
        <v>612</v>
      </c>
    </row>
    <row r="6" spans="1:11" s="11" customFormat="1">
      <c r="F6" s="12" t="s">
        <v>495</v>
      </c>
      <c r="G6" s="12" t="s">
        <v>495</v>
      </c>
      <c r="H6" s="12" t="s">
        <v>495</v>
      </c>
      <c r="I6" s="12" t="s">
        <v>495</v>
      </c>
      <c r="J6" s="12" t="s">
        <v>495</v>
      </c>
      <c r="K6" s="12" t="s">
        <v>495</v>
      </c>
    </row>
    <row r="7" spans="1:11" s="11" customFormat="1">
      <c r="F7" s="12" t="s">
        <v>552</v>
      </c>
      <c r="G7" s="12" t="s">
        <v>552</v>
      </c>
      <c r="H7" s="12" t="s">
        <v>552</v>
      </c>
      <c r="I7" s="12" t="s">
        <v>552</v>
      </c>
      <c r="J7" s="12" t="s">
        <v>552</v>
      </c>
      <c r="K7" s="12" t="s">
        <v>552</v>
      </c>
    </row>
    <row r="8" spans="1:11" s="11" customFormat="1">
      <c r="F8" s="12">
        <v>1</v>
      </c>
      <c r="G8" s="12">
        <v>1</v>
      </c>
      <c r="H8" s="12">
        <v>1</v>
      </c>
      <c r="I8" s="12">
        <v>1</v>
      </c>
      <c r="J8" s="12">
        <v>1</v>
      </c>
      <c r="K8" s="12">
        <v>1</v>
      </c>
    </row>
    <row r="9" spans="1:11" s="11" customFormat="1" ht="24">
      <c r="F9" s="12" t="s">
        <v>214</v>
      </c>
      <c r="G9" s="12" t="s">
        <v>553</v>
      </c>
      <c r="H9" s="12" t="s">
        <v>607</v>
      </c>
      <c r="I9" s="12" t="s">
        <v>608</v>
      </c>
      <c r="J9" s="12" t="s">
        <v>609</v>
      </c>
      <c r="K9" s="12" t="s">
        <v>610</v>
      </c>
    </row>
    <row r="10" spans="1:11" s="11" customFormat="1">
      <c r="F10" s="13" t="s">
        <v>219</v>
      </c>
      <c r="G10" s="13" t="s">
        <v>219</v>
      </c>
      <c r="H10" s="13" t="s">
        <v>219</v>
      </c>
      <c r="I10" s="13" t="s">
        <v>219</v>
      </c>
      <c r="J10" s="13" t="s">
        <v>219</v>
      </c>
      <c r="K10" s="13" t="s">
        <v>219</v>
      </c>
    </row>
    <row r="11" spans="1:11" s="11" customFormat="1">
      <c r="A11" s="14" t="s">
        <v>224</v>
      </c>
      <c r="B11" s="14" t="s">
        <v>259</v>
      </c>
      <c r="C11" s="14" t="s">
        <v>260</v>
      </c>
      <c r="D11" s="14" t="s">
        <v>562</v>
      </c>
      <c r="E11" s="14" t="s">
        <v>563</v>
      </c>
      <c r="F11" s="14" t="s">
        <v>231</v>
      </c>
      <c r="G11" s="14"/>
      <c r="H11" s="14"/>
      <c r="I11" s="14"/>
      <c r="J11" s="14"/>
      <c r="K11" s="14"/>
    </row>
    <row r="12" spans="1:11">
      <c r="A12" s="15" t="s">
        <v>232</v>
      </c>
      <c r="B12" s="15" t="s">
        <v>233</v>
      </c>
      <c r="C12" s="15" t="s">
        <v>262</v>
      </c>
      <c r="D12" s="15" t="s">
        <v>474</v>
      </c>
      <c r="E12" s="15" t="s">
        <v>214</v>
      </c>
      <c r="F12" s="16">
        <v>86801073</v>
      </c>
      <c r="G12" s="16">
        <v>4029146</v>
      </c>
      <c r="H12" s="16">
        <v>8405871</v>
      </c>
      <c r="I12" s="16">
        <v>10643457</v>
      </c>
      <c r="J12" s="16">
        <v>12890999</v>
      </c>
      <c r="K12" s="16">
        <v>14534914</v>
      </c>
    </row>
    <row r="13" spans="1:11">
      <c r="A13" s="21" t="s">
        <v>232</v>
      </c>
      <c r="B13" s="21" t="s">
        <v>233</v>
      </c>
      <c r="C13" s="21" t="s">
        <v>262</v>
      </c>
      <c r="D13" s="21" t="s">
        <v>474</v>
      </c>
      <c r="E13" s="21" t="s">
        <v>564</v>
      </c>
      <c r="F13" s="16">
        <v>68397284</v>
      </c>
      <c r="G13" s="16">
        <v>4014804</v>
      </c>
      <c r="H13" s="16">
        <v>8374663</v>
      </c>
      <c r="I13" s="16">
        <v>10602096</v>
      </c>
      <c r="J13" s="16">
        <v>12832028</v>
      </c>
      <c r="K13" s="16">
        <v>14226399</v>
      </c>
    </row>
    <row r="14" spans="1:11">
      <c r="A14" s="21" t="s">
        <v>232</v>
      </c>
      <c r="B14" s="21" t="s">
        <v>233</v>
      </c>
      <c r="C14" s="21" t="s">
        <v>262</v>
      </c>
      <c r="D14" s="21" t="s">
        <v>240</v>
      </c>
      <c r="E14" s="21" t="s">
        <v>565</v>
      </c>
      <c r="F14" s="16">
        <v>61163518</v>
      </c>
      <c r="G14" s="16">
        <v>3763555</v>
      </c>
      <c r="H14" s="16">
        <v>7792089</v>
      </c>
      <c r="I14" s="16">
        <v>9823371</v>
      </c>
      <c r="J14" s="16">
        <v>11833981</v>
      </c>
      <c r="K14" s="16">
        <v>13067374</v>
      </c>
    </row>
    <row r="15" spans="1:11">
      <c r="A15" s="21" t="s">
        <v>232</v>
      </c>
      <c r="B15" s="21" t="s">
        <v>233</v>
      </c>
      <c r="C15" s="21" t="s">
        <v>262</v>
      </c>
      <c r="D15" s="21" t="s">
        <v>476</v>
      </c>
      <c r="E15" s="21" t="s">
        <v>566</v>
      </c>
      <c r="F15" s="16">
        <v>15705434</v>
      </c>
      <c r="G15" s="22" t="s">
        <v>268</v>
      </c>
      <c r="H15" s="22" t="s">
        <v>268</v>
      </c>
      <c r="I15" s="22" t="s">
        <v>268</v>
      </c>
      <c r="J15" s="16">
        <v>137</v>
      </c>
      <c r="K15" s="16">
        <v>2143</v>
      </c>
    </row>
    <row r="16" spans="1:11">
      <c r="A16" s="21" t="s">
        <v>232</v>
      </c>
      <c r="B16" s="21" t="s">
        <v>233</v>
      </c>
      <c r="C16" s="21" t="s">
        <v>262</v>
      </c>
      <c r="D16" s="21" t="s">
        <v>476</v>
      </c>
      <c r="E16" s="21" t="s">
        <v>567</v>
      </c>
      <c r="F16" s="16">
        <v>37029579</v>
      </c>
      <c r="G16" s="16">
        <v>3557870</v>
      </c>
      <c r="H16" s="16">
        <v>7125309</v>
      </c>
      <c r="I16" s="16">
        <v>8825414</v>
      </c>
      <c r="J16" s="16">
        <v>10433226</v>
      </c>
      <c r="K16" s="16">
        <v>11385512</v>
      </c>
    </row>
    <row r="17" spans="1:11">
      <c r="A17" s="21" t="s">
        <v>232</v>
      </c>
      <c r="B17" s="21" t="s">
        <v>233</v>
      </c>
      <c r="C17" s="21" t="s">
        <v>262</v>
      </c>
      <c r="D17" s="21" t="s">
        <v>476</v>
      </c>
      <c r="E17" s="21" t="s">
        <v>568</v>
      </c>
      <c r="F17" s="16">
        <v>1127625</v>
      </c>
      <c r="G17" s="16">
        <v>10836</v>
      </c>
      <c r="H17" s="16">
        <v>42986</v>
      </c>
      <c r="I17" s="16">
        <v>71486</v>
      </c>
      <c r="J17" s="16">
        <v>110781</v>
      </c>
      <c r="K17" s="16">
        <v>143155</v>
      </c>
    </row>
    <row r="18" spans="1:11">
      <c r="A18" s="21" t="s">
        <v>232</v>
      </c>
      <c r="B18" s="21" t="s">
        <v>233</v>
      </c>
      <c r="C18" s="21" t="s">
        <v>262</v>
      </c>
      <c r="D18" s="21" t="s">
        <v>476</v>
      </c>
      <c r="E18" s="21" t="s">
        <v>569</v>
      </c>
      <c r="F18" s="16">
        <v>7300880</v>
      </c>
      <c r="G18" s="16">
        <v>194849</v>
      </c>
      <c r="H18" s="16">
        <v>623794</v>
      </c>
      <c r="I18" s="16">
        <v>926471</v>
      </c>
      <c r="J18" s="16">
        <v>1289837</v>
      </c>
      <c r="K18" s="16">
        <v>1536564</v>
      </c>
    </row>
    <row r="19" spans="1:11">
      <c r="A19" s="21" t="s">
        <v>232</v>
      </c>
      <c r="B19" s="21" t="s">
        <v>233</v>
      </c>
      <c r="C19" s="21" t="s">
        <v>262</v>
      </c>
      <c r="D19" s="21" t="s">
        <v>240</v>
      </c>
      <c r="E19" s="21" t="s">
        <v>570</v>
      </c>
      <c r="F19" s="16">
        <v>7233766</v>
      </c>
      <c r="G19" s="16">
        <v>251249</v>
      </c>
      <c r="H19" s="16">
        <v>582574</v>
      </c>
      <c r="I19" s="16">
        <v>778725</v>
      </c>
      <c r="J19" s="16">
        <v>998047</v>
      </c>
      <c r="K19" s="16">
        <v>1159025</v>
      </c>
    </row>
    <row r="20" spans="1:11">
      <c r="A20" s="21" t="s">
        <v>232</v>
      </c>
      <c r="B20" s="21" t="s">
        <v>233</v>
      </c>
      <c r="C20" s="21" t="s">
        <v>262</v>
      </c>
      <c r="D20" s="21" t="s">
        <v>476</v>
      </c>
      <c r="E20" s="21" t="s">
        <v>571</v>
      </c>
      <c r="F20" s="16">
        <v>224216</v>
      </c>
      <c r="G20" s="22" t="s">
        <v>268</v>
      </c>
      <c r="H20" s="22" t="s">
        <v>268</v>
      </c>
      <c r="I20" s="22" t="s">
        <v>268</v>
      </c>
      <c r="J20" s="16">
        <v>21</v>
      </c>
      <c r="K20" s="16">
        <v>118</v>
      </c>
    </row>
    <row r="21" spans="1:11">
      <c r="A21" s="21" t="s">
        <v>232</v>
      </c>
      <c r="B21" s="21" t="s">
        <v>233</v>
      </c>
      <c r="C21" s="21" t="s">
        <v>262</v>
      </c>
      <c r="D21" s="21" t="s">
        <v>572</v>
      </c>
      <c r="E21" s="21" t="s">
        <v>573</v>
      </c>
      <c r="F21" s="16">
        <v>166384</v>
      </c>
      <c r="G21" s="22" t="s">
        <v>268</v>
      </c>
      <c r="H21" s="22" t="s">
        <v>268</v>
      </c>
      <c r="I21" s="22" t="s">
        <v>268</v>
      </c>
      <c r="J21" s="16">
        <v>15</v>
      </c>
      <c r="K21" s="16">
        <v>71</v>
      </c>
    </row>
    <row r="22" spans="1:11">
      <c r="A22" s="21" t="s">
        <v>232</v>
      </c>
      <c r="B22" s="21" t="s">
        <v>233</v>
      </c>
      <c r="C22" s="21" t="s">
        <v>262</v>
      </c>
      <c r="D22" s="21" t="s">
        <v>572</v>
      </c>
      <c r="E22" s="21" t="s">
        <v>574</v>
      </c>
      <c r="F22" s="16">
        <v>57832</v>
      </c>
      <c r="G22" s="22" t="s">
        <v>268</v>
      </c>
      <c r="H22" s="22" t="s">
        <v>268</v>
      </c>
      <c r="I22" s="22" t="s">
        <v>268</v>
      </c>
      <c r="J22" s="16">
        <v>6</v>
      </c>
      <c r="K22" s="16">
        <v>47</v>
      </c>
    </row>
    <row r="23" spans="1:11">
      <c r="A23" s="21" t="s">
        <v>232</v>
      </c>
      <c r="B23" s="21" t="s">
        <v>233</v>
      </c>
      <c r="C23" s="21" t="s">
        <v>262</v>
      </c>
      <c r="D23" s="21" t="s">
        <v>476</v>
      </c>
      <c r="E23" s="21" t="s">
        <v>575</v>
      </c>
      <c r="F23" s="16">
        <v>834594</v>
      </c>
      <c r="G23" s="22" t="s">
        <v>268</v>
      </c>
      <c r="H23" s="22" t="s">
        <v>268</v>
      </c>
      <c r="I23" s="22" t="s">
        <v>268</v>
      </c>
      <c r="J23" s="16">
        <v>18</v>
      </c>
      <c r="K23" s="16">
        <v>102</v>
      </c>
    </row>
    <row r="24" spans="1:11">
      <c r="A24" s="21" t="s">
        <v>232</v>
      </c>
      <c r="B24" s="21" t="s">
        <v>233</v>
      </c>
      <c r="C24" s="21" t="s">
        <v>262</v>
      </c>
      <c r="D24" s="21" t="s">
        <v>572</v>
      </c>
      <c r="E24" s="21" t="s">
        <v>576</v>
      </c>
      <c r="F24" s="16">
        <v>547242</v>
      </c>
      <c r="G24" s="22" t="s">
        <v>268</v>
      </c>
      <c r="H24" s="22" t="s">
        <v>268</v>
      </c>
      <c r="I24" s="22" t="s">
        <v>268</v>
      </c>
      <c r="J24" s="16">
        <v>12</v>
      </c>
      <c r="K24" s="16">
        <v>60</v>
      </c>
    </row>
    <row r="25" spans="1:11">
      <c r="A25" s="21" t="s">
        <v>232</v>
      </c>
      <c r="B25" s="21" t="s">
        <v>233</v>
      </c>
      <c r="C25" s="21" t="s">
        <v>262</v>
      </c>
      <c r="D25" s="21" t="s">
        <v>572</v>
      </c>
      <c r="E25" s="21" t="s">
        <v>577</v>
      </c>
      <c r="F25" s="16">
        <v>287352</v>
      </c>
      <c r="G25" s="22" t="s">
        <v>268</v>
      </c>
      <c r="H25" s="22" t="s">
        <v>268</v>
      </c>
      <c r="I25" s="22" t="s">
        <v>268</v>
      </c>
      <c r="J25" s="16">
        <v>6</v>
      </c>
      <c r="K25" s="16">
        <v>42</v>
      </c>
    </row>
    <row r="26" spans="1:11">
      <c r="A26" s="21" t="s">
        <v>232</v>
      </c>
      <c r="B26" s="21" t="s">
        <v>233</v>
      </c>
      <c r="C26" s="21" t="s">
        <v>262</v>
      </c>
      <c r="D26" s="21" t="s">
        <v>476</v>
      </c>
      <c r="E26" s="21" t="s">
        <v>578</v>
      </c>
      <c r="F26" s="16">
        <v>1006819</v>
      </c>
      <c r="G26" s="16">
        <v>54588</v>
      </c>
      <c r="H26" s="16">
        <v>129911</v>
      </c>
      <c r="I26" s="16">
        <v>172389</v>
      </c>
      <c r="J26" s="16">
        <v>215362</v>
      </c>
      <c r="K26" s="16">
        <v>240422</v>
      </c>
    </row>
    <row r="27" spans="1:11">
      <c r="A27" s="21" t="s">
        <v>232</v>
      </c>
      <c r="B27" s="21" t="s">
        <v>233</v>
      </c>
      <c r="C27" s="21" t="s">
        <v>262</v>
      </c>
      <c r="D27" s="21" t="s">
        <v>572</v>
      </c>
      <c r="E27" s="21" t="s">
        <v>579</v>
      </c>
      <c r="F27" s="16">
        <v>772232</v>
      </c>
      <c r="G27" s="16">
        <v>39556</v>
      </c>
      <c r="H27" s="16">
        <v>96859</v>
      </c>
      <c r="I27" s="16">
        <v>129996</v>
      </c>
      <c r="J27" s="16">
        <v>163843</v>
      </c>
      <c r="K27" s="16">
        <v>183698</v>
      </c>
    </row>
    <row r="28" spans="1:11">
      <c r="A28" s="21" t="s">
        <v>232</v>
      </c>
      <c r="B28" s="21" t="s">
        <v>233</v>
      </c>
      <c r="C28" s="21" t="s">
        <v>262</v>
      </c>
      <c r="D28" s="21" t="s">
        <v>572</v>
      </c>
      <c r="E28" s="21" t="s">
        <v>580</v>
      </c>
      <c r="F28" s="16">
        <v>234467</v>
      </c>
      <c r="G28" s="16">
        <v>15032</v>
      </c>
      <c r="H28" s="16">
        <v>33052</v>
      </c>
      <c r="I28" s="16">
        <v>42393</v>
      </c>
      <c r="J28" s="16">
        <v>51518</v>
      </c>
      <c r="K28" s="16">
        <v>56721</v>
      </c>
    </row>
    <row r="29" spans="1:11">
      <c r="A29" s="21" t="s">
        <v>232</v>
      </c>
      <c r="B29" s="21" t="s">
        <v>233</v>
      </c>
      <c r="C29" s="21" t="s">
        <v>262</v>
      </c>
      <c r="D29" s="21" t="s">
        <v>476</v>
      </c>
      <c r="E29" s="21" t="s">
        <v>581</v>
      </c>
      <c r="F29" s="16">
        <v>2033174</v>
      </c>
      <c r="G29" s="16">
        <v>73469</v>
      </c>
      <c r="H29" s="16">
        <v>186595</v>
      </c>
      <c r="I29" s="16">
        <v>257848</v>
      </c>
      <c r="J29" s="16">
        <v>338779</v>
      </c>
      <c r="K29" s="16">
        <v>393671</v>
      </c>
    </row>
    <row r="30" spans="1:11">
      <c r="A30" s="21" t="s">
        <v>232</v>
      </c>
      <c r="B30" s="21" t="s">
        <v>233</v>
      </c>
      <c r="C30" s="21" t="s">
        <v>262</v>
      </c>
      <c r="D30" s="21" t="s">
        <v>572</v>
      </c>
      <c r="E30" s="21" t="s">
        <v>582</v>
      </c>
      <c r="F30" s="16">
        <v>1383834</v>
      </c>
      <c r="G30" s="16">
        <v>46110</v>
      </c>
      <c r="H30" s="16">
        <v>119941</v>
      </c>
      <c r="I30" s="16">
        <v>168165</v>
      </c>
      <c r="J30" s="16">
        <v>224172</v>
      </c>
      <c r="K30" s="16">
        <v>262625</v>
      </c>
    </row>
    <row r="31" spans="1:11">
      <c r="A31" s="21" t="s">
        <v>232</v>
      </c>
      <c r="B31" s="21" t="s">
        <v>233</v>
      </c>
      <c r="C31" s="21" t="s">
        <v>262</v>
      </c>
      <c r="D31" s="21" t="s">
        <v>572</v>
      </c>
      <c r="E31" s="21" t="s">
        <v>583</v>
      </c>
      <c r="F31" s="16">
        <v>647586</v>
      </c>
      <c r="G31" s="16">
        <v>27359</v>
      </c>
      <c r="H31" s="16">
        <v>66652</v>
      </c>
      <c r="I31" s="16">
        <v>89680</v>
      </c>
      <c r="J31" s="16">
        <v>114602</v>
      </c>
      <c r="K31" s="16">
        <v>131040</v>
      </c>
    </row>
    <row r="32" spans="1:11">
      <c r="A32" s="21" t="s">
        <v>232</v>
      </c>
      <c r="B32" s="21" t="s">
        <v>233</v>
      </c>
      <c r="C32" s="21" t="s">
        <v>262</v>
      </c>
      <c r="D32" s="21" t="s">
        <v>476</v>
      </c>
      <c r="E32" s="21" t="s">
        <v>584</v>
      </c>
      <c r="F32" s="16">
        <v>200731</v>
      </c>
      <c r="G32" s="16">
        <v>2322</v>
      </c>
      <c r="H32" s="16">
        <v>5801</v>
      </c>
      <c r="I32" s="16">
        <v>8853</v>
      </c>
      <c r="J32" s="16">
        <v>13517</v>
      </c>
      <c r="K32" s="16">
        <v>19023</v>
      </c>
    </row>
    <row r="33" spans="1:11">
      <c r="A33" s="21" t="s">
        <v>232</v>
      </c>
      <c r="B33" s="21" t="s">
        <v>233</v>
      </c>
      <c r="C33" s="21" t="s">
        <v>262</v>
      </c>
      <c r="D33" s="21" t="s">
        <v>476</v>
      </c>
      <c r="E33" s="21" t="s">
        <v>585</v>
      </c>
      <c r="F33" s="16">
        <v>874197</v>
      </c>
      <c r="G33" s="16">
        <v>48076</v>
      </c>
      <c r="H33" s="16">
        <v>106966</v>
      </c>
      <c r="I33" s="16">
        <v>139357</v>
      </c>
      <c r="J33" s="16">
        <v>174002</v>
      </c>
      <c r="K33" s="16">
        <v>197114</v>
      </c>
    </row>
    <row r="34" spans="1:11">
      <c r="A34" s="21" t="s">
        <v>232</v>
      </c>
      <c r="B34" s="21" t="s">
        <v>233</v>
      </c>
      <c r="C34" s="21" t="s">
        <v>262</v>
      </c>
      <c r="D34" s="21" t="s">
        <v>476</v>
      </c>
      <c r="E34" s="21" t="s">
        <v>586</v>
      </c>
      <c r="F34" s="16">
        <v>111605</v>
      </c>
      <c r="G34" s="16">
        <v>3029</v>
      </c>
      <c r="H34" s="16">
        <v>4777</v>
      </c>
      <c r="I34" s="16">
        <v>5459</v>
      </c>
      <c r="J34" s="16">
        <v>6300</v>
      </c>
      <c r="K34" s="16">
        <v>7256</v>
      </c>
    </row>
    <row r="35" spans="1:11">
      <c r="A35" s="21" t="s">
        <v>232</v>
      </c>
      <c r="B35" s="21" t="s">
        <v>233</v>
      </c>
      <c r="C35" s="21" t="s">
        <v>262</v>
      </c>
      <c r="D35" s="21" t="s">
        <v>572</v>
      </c>
      <c r="E35" s="21" t="s">
        <v>587</v>
      </c>
      <c r="F35" s="16">
        <v>58740</v>
      </c>
      <c r="G35" s="16">
        <v>184</v>
      </c>
      <c r="H35" s="16">
        <v>441</v>
      </c>
      <c r="I35" s="16">
        <v>658</v>
      </c>
      <c r="J35" s="16">
        <v>1018</v>
      </c>
      <c r="K35" s="16">
        <v>1510</v>
      </c>
    </row>
    <row r="36" spans="1:11">
      <c r="A36" s="21" t="s">
        <v>232</v>
      </c>
      <c r="B36" s="21" t="s">
        <v>233</v>
      </c>
      <c r="C36" s="21" t="s">
        <v>262</v>
      </c>
      <c r="D36" s="21" t="s">
        <v>572</v>
      </c>
      <c r="E36" s="21" t="s">
        <v>588</v>
      </c>
      <c r="F36" s="16">
        <v>24796</v>
      </c>
      <c r="G36" s="16">
        <v>79</v>
      </c>
      <c r="H36" s="16">
        <v>226</v>
      </c>
      <c r="I36" s="16">
        <v>330</v>
      </c>
      <c r="J36" s="16">
        <v>531</v>
      </c>
      <c r="K36" s="16">
        <v>778</v>
      </c>
    </row>
    <row r="37" spans="1:11">
      <c r="A37" s="21" t="s">
        <v>232</v>
      </c>
      <c r="B37" s="21" t="s">
        <v>233</v>
      </c>
      <c r="C37" s="21" t="s">
        <v>262</v>
      </c>
      <c r="D37" s="21" t="s">
        <v>476</v>
      </c>
      <c r="E37" s="21" t="s">
        <v>589</v>
      </c>
      <c r="F37" s="16">
        <v>369897</v>
      </c>
      <c r="G37" s="16">
        <v>34809</v>
      </c>
      <c r="H37" s="16">
        <v>62365</v>
      </c>
      <c r="I37" s="16">
        <v>73828</v>
      </c>
      <c r="J37" s="16">
        <v>84144</v>
      </c>
      <c r="K37" s="16">
        <v>90611</v>
      </c>
    </row>
    <row r="38" spans="1:11">
      <c r="A38" s="21" t="s">
        <v>232</v>
      </c>
      <c r="B38" s="21" t="s">
        <v>233</v>
      </c>
      <c r="C38" s="21" t="s">
        <v>262</v>
      </c>
      <c r="D38" s="21" t="s">
        <v>572</v>
      </c>
      <c r="E38" s="21" t="s">
        <v>590</v>
      </c>
      <c r="F38" s="16">
        <v>258787</v>
      </c>
      <c r="G38" s="16">
        <v>23803</v>
      </c>
      <c r="H38" s="16">
        <v>43168</v>
      </c>
      <c r="I38" s="16">
        <v>51362</v>
      </c>
      <c r="J38" s="16">
        <v>58786</v>
      </c>
      <c r="K38" s="16">
        <v>63442</v>
      </c>
    </row>
    <row r="39" spans="1:11">
      <c r="A39" s="21" t="s">
        <v>232</v>
      </c>
      <c r="B39" s="21" t="s">
        <v>233</v>
      </c>
      <c r="C39" s="21" t="s">
        <v>262</v>
      </c>
      <c r="D39" s="21" t="s">
        <v>572</v>
      </c>
      <c r="E39" s="21" t="s">
        <v>591</v>
      </c>
      <c r="F39" s="16">
        <v>103464</v>
      </c>
      <c r="G39" s="16">
        <v>10800</v>
      </c>
      <c r="H39" s="16">
        <v>18617</v>
      </c>
      <c r="I39" s="16">
        <v>21624</v>
      </c>
      <c r="J39" s="16">
        <v>24297</v>
      </c>
      <c r="K39" s="16">
        <v>25930</v>
      </c>
    </row>
    <row r="40" spans="1:11">
      <c r="A40" s="21" t="s">
        <v>232</v>
      </c>
      <c r="B40" s="21" t="s">
        <v>233</v>
      </c>
      <c r="C40" s="21" t="s">
        <v>262</v>
      </c>
      <c r="D40" s="21" t="s">
        <v>476</v>
      </c>
      <c r="E40" s="21" t="s">
        <v>592</v>
      </c>
      <c r="F40" s="16">
        <v>521417</v>
      </c>
      <c r="G40" s="16">
        <v>18</v>
      </c>
      <c r="H40" s="16">
        <v>165</v>
      </c>
      <c r="I40" s="16">
        <v>485</v>
      </c>
      <c r="J40" s="16">
        <v>2175</v>
      </c>
      <c r="K40" s="16">
        <v>11840</v>
      </c>
    </row>
    <row r="41" spans="1:11">
      <c r="A41" s="21" t="s">
        <v>232</v>
      </c>
      <c r="B41" s="21" t="s">
        <v>233</v>
      </c>
      <c r="C41" s="21" t="s">
        <v>262</v>
      </c>
      <c r="D41" s="21" t="s">
        <v>476</v>
      </c>
      <c r="E41" s="21" t="s">
        <v>593</v>
      </c>
      <c r="F41" s="16">
        <v>1057116</v>
      </c>
      <c r="G41" s="16">
        <v>34938</v>
      </c>
      <c r="H41" s="16">
        <v>85994</v>
      </c>
      <c r="I41" s="16">
        <v>120506</v>
      </c>
      <c r="J41" s="16">
        <v>163729</v>
      </c>
      <c r="K41" s="16">
        <v>198868</v>
      </c>
    </row>
    <row r="42" spans="1:11">
      <c r="A42" s="21" t="s">
        <v>232</v>
      </c>
      <c r="B42" s="21" t="s">
        <v>233</v>
      </c>
      <c r="C42" s="21" t="s">
        <v>262</v>
      </c>
      <c r="D42" s="21" t="s">
        <v>474</v>
      </c>
      <c r="E42" s="21" t="s">
        <v>594</v>
      </c>
      <c r="F42" s="16">
        <v>960364</v>
      </c>
      <c r="G42" s="16">
        <v>14342</v>
      </c>
      <c r="H42" s="16">
        <v>31201</v>
      </c>
      <c r="I42" s="16">
        <v>41259</v>
      </c>
      <c r="J42" s="16">
        <v>52584</v>
      </c>
      <c r="K42" s="16">
        <v>64117</v>
      </c>
    </row>
    <row r="43" spans="1:11">
      <c r="A43" s="21" t="s">
        <v>232</v>
      </c>
      <c r="B43" s="21" t="s">
        <v>233</v>
      </c>
      <c r="C43" s="21" t="s">
        <v>262</v>
      </c>
      <c r="D43" s="21" t="s">
        <v>474</v>
      </c>
      <c r="E43" s="21" t="s">
        <v>595</v>
      </c>
      <c r="F43" s="16">
        <v>17087609</v>
      </c>
      <c r="G43" s="22" t="s">
        <v>268</v>
      </c>
      <c r="H43" s="16">
        <v>7</v>
      </c>
      <c r="I43" s="16">
        <v>102</v>
      </c>
      <c r="J43" s="16">
        <v>6387</v>
      </c>
      <c r="K43" s="16">
        <v>244398</v>
      </c>
    </row>
    <row r="44" spans="1:11">
      <c r="A44" s="21" t="s">
        <v>232</v>
      </c>
      <c r="B44" s="21" t="s">
        <v>233</v>
      </c>
      <c r="C44" s="21" t="s">
        <v>262</v>
      </c>
      <c r="D44" s="21" t="s">
        <v>474</v>
      </c>
      <c r="E44" s="21" t="s">
        <v>596</v>
      </c>
      <c r="F44" s="16">
        <v>355816</v>
      </c>
      <c r="G44" s="22" t="s">
        <v>268</v>
      </c>
      <c r="H44" s="22" t="s">
        <v>268</v>
      </c>
      <c r="I44" s="22" t="s">
        <v>268</v>
      </c>
      <c r="J44" s="22" t="s">
        <v>268</v>
      </c>
      <c r="K44" s="22" t="s">
        <v>268</v>
      </c>
    </row>
    <row r="45" spans="1:11">
      <c r="A45" s="21" t="s">
        <v>232</v>
      </c>
      <c r="B45" s="21" t="s">
        <v>233</v>
      </c>
      <c r="C45" s="21" t="s">
        <v>262</v>
      </c>
      <c r="D45" s="21" t="s">
        <v>474</v>
      </c>
      <c r="E45" s="21" t="s">
        <v>597</v>
      </c>
      <c r="F45" s="16">
        <v>5032910</v>
      </c>
      <c r="G45" s="16">
        <v>240168</v>
      </c>
      <c r="H45" s="16">
        <v>557011</v>
      </c>
      <c r="I45" s="16">
        <v>742738</v>
      </c>
      <c r="J45" s="16">
        <v>946215</v>
      </c>
      <c r="K45" s="16">
        <v>1082029</v>
      </c>
    </row>
    <row r="46" spans="1:11">
      <c r="A46" s="21" t="s">
        <v>232</v>
      </c>
      <c r="B46" s="21" t="s">
        <v>233</v>
      </c>
      <c r="C46" s="21" t="s">
        <v>262</v>
      </c>
      <c r="D46" s="21" t="s">
        <v>474</v>
      </c>
      <c r="E46" s="21" t="s">
        <v>598</v>
      </c>
      <c r="F46" s="16">
        <v>1228062</v>
      </c>
      <c r="G46" s="16">
        <v>93515</v>
      </c>
      <c r="H46" s="16">
        <v>321151</v>
      </c>
      <c r="I46" s="16">
        <v>476193</v>
      </c>
      <c r="J46" s="16">
        <v>647770</v>
      </c>
      <c r="K46" s="16">
        <v>748883</v>
      </c>
    </row>
    <row r="47" spans="1:11">
      <c r="A47" s="21" t="s">
        <v>232</v>
      </c>
      <c r="B47" s="21" t="s">
        <v>233</v>
      </c>
      <c r="C47" s="21" t="s">
        <v>262</v>
      </c>
      <c r="D47" s="21" t="s">
        <v>474</v>
      </c>
      <c r="E47" s="21" t="s">
        <v>599</v>
      </c>
      <c r="F47" s="16">
        <v>1842244</v>
      </c>
      <c r="G47" s="16">
        <v>134939</v>
      </c>
      <c r="H47" s="16">
        <v>426144</v>
      </c>
      <c r="I47" s="16">
        <v>618293</v>
      </c>
      <c r="J47" s="16">
        <v>829062</v>
      </c>
      <c r="K47" s="16">
        <v>954573</v>
      </c>
    </row>
    <row r="48" spans="1:11">
      <c r="A48" s="21" t="s">
        <v>232</v>
      </c>
      <c r="B48" s="21" t="s">
        <v>233</v>
      </c>
      <c r="C48" s="21" t="s">
        <v>262</v>
      </c>
      <c r="D48" s="21" t="s">
        <v>474</v>
      </c>
      <c r="E48" s="21" t="s">
        <v>600</v>
      </c>
      <c r="F48" s="16">
        <v>125730</v>
      </c>
      <c r="G48" s="16">
        <v>4397</v>
      </c>
      <c r="H48" s="16">
        <v>23459</v>
      </c>
      <c r="I48" s="16">
        <v>40447</v>
      </c>
      <c r="J48" s="16">
        <v>61501</v>
      </c>
      <c r="K48" s="16">
        <v>75427</v>
      </c>
    </row>
    <row r="49" spans="1:11">
      <c r="A49" s="21" t="s">
        <v>232</v>
      </c>
      <c r="B49" s="21" t="s">
        <v>233</v>
      </c>
      <c r="C49" s="21" t="s">
        <v>262</v>
      </c>
      <c r="D49" s="21" t="s">
        <v>474</v>
      </c>
      <c r="E49" s="21" t="s">
        <v>601</v>
      </c>
      <c r="F49" s="16">
        <v>282797</v>
      </c>
      <c r="G49" s="16">
        <v>11648</v>
      </c>
      <c r="H49" s="16">
        <v>45286</v>
      </c>
      <c r="I49" s="16">
        <v>72399</v>
      </c>
      <c r="J49" s="16">
        <v>105165</v>
      </c>
      <c r="K49" s="16">
        <v>127102</v>
      </c>
    </row>
    <row r="50" spans="1:11">
      <c r="A50" s="21" t="s">
        <v>232</v>
      </c>
      <c r="B50" s="21" t="s">
        <v>233</v>
      </c>
      <c r="C50" s="21" t="s">
        <v>262</v>
      </c>
      <c r="D50" s="21" t="s">
        <v>474</v>
      </c>
      <c r="E50" s="21" t="s">
        <v>602</v>
      </c>
      <c r="F50" s="16">
        <v>8660414</v>
      </c>
      <c r="G50" s="22" t="s">
        <v>268</v>
      </c>
      <c r="H50" s="22" t="s">
        <v>268</v>
      </c>
      <c r="I50" s="22" t="s">
        <v>268</v>
      </c>
      <c r="J50" s="22" t="s">
        <v>268</v>
      </c>
      <c r="K50" s="22" t="s">
        <v>268</v>
      </c>
    </row>
    <row r="51" spans="1:11">
      <c r="A51" s="21" t="s">
        <v>232</v>
      </c>
      <c r="B51" s="21" t="s">
        <v>233</v>
      </c>
      <c r="C51" s="21" t="s">
        <v>262</v>
      </c>
      <c r="D51" s="21" t="s">
        <v>474</v>
      </c>
      <c r="E51" s="21" t="s">
        <v>603</v>
      </c>
      <c r="F51" s="16">
        <v>4813209</v>
      </c>
      <c r="G51" s="22" t="s">
        <v>268</v>
      </c>
      <c r="H51" s="22" t="s">
        <v>268</v>
      </c>
      <c r="I51" s="22" t="s">
        <v>268</v>
      </c>
      <c r="J51" s="22" t="s">
        <v>268</v>
      </c>
      <c r="K51" s="22" t="s">
        <v>268</v>
      </c>
    </row>
    <row r="52" spans="1:11">
      <c r="A52" s="21" t="s">
        <v>232</v>
      </c>
      <c r="B52" s="21" t="s">
        <v>237</v>
      </c>
      <c r="C52" s="21" t="s">
        <v>264</v>
      </c>
      <c r="D52" s="21" t="s">
        <v>474</v>
      </c>
      <c r="E52" s="21" t="s">
        <v>214</v>
      </c>
      <c r="F52" s="16">
        <v>841987</v>
      </c>
      <c r="G52" s="16">
        <v>45051</v>
      </c>
      <c r="H52" s="16">
        <v>94131</v>
      </c>
      <c r="I52" s="16">
        <v>119175</v>
      </c>
      <c r="J52" s="16">
        <v>144296</v>
      </c>
      <c r="K52" s="16">
        <v>161309</v>
      </c>
    </row>
    <row r="53" spans="1:11">
      <c r="A53" s="21" t="s">
        <v>232</v>
      </c>
      <c r="B53" s="21" t="s">
        <v>237</v>
      </c>
      <c r="C53" s="21" t="s">
        <v>264</v>
      </c>
      <c r="D53" s="21" t="s">
        <v>474</v>
      </c>
      <c r="E53" s="21" t="s">
        <v>564</v>
      </c>
      <c r="F53" s="16">
        <v>678182</v>
      </c>
      <c r="G53" s="16">
        <v>44942</v>
      </c>
      <c r="H53" s="16">
        <v>93862</v>
      </c>
      <c r="I53" s="16">
        <v>118817</v>
      </c>
      <c r="J53" s="16">
        <v>143719</v>
      </c>
      <c r="K53" s="16">
        <v>157422</v>
      </c>
    </row>
    <row r="54" spans="1:11">
      <c r="A54" s="21" t="s">
        <v>232</v>
      </c>
      <c r="B54" s="21" t="s">
        <v>237</v>
      </c>
      <c r="C54" s="21" t="s">
        <v>264</v>
      </c>
      <c r="D54" s="21" t="s">
        <v>240</v>
      </c>
      <c r="E54" s="21" t="s">
        <v>565</v>
      </c>
      <c r="F54" s="16">
        <v>593810</v>
      </c>
      <c r="G54" s="16">
        <v>41374</v>
      </c>
      <c r="H54" s="16">
        <v>85837</v>
      </c>
      <c r="I54" s="16">
        <v>108221</v>
      </c>
      <c r="J54" s="16">
        <v>130261</v>
      </c>
      <c r="K54" s="16">
        <v>142029</v>
      </c>
    </row>
    <row r="55" spans="1:11">
      <c r="A55" s="21" t="s">
        <v>232</v>
      </c>
      <c r="B55" s="21" t="s">
        <v>237</v>
      </c>
      <c r="C55" s="21" t="s">
        <v>264</v>
      </c>
      <c r="D55" s="21" t="s">
        <v>476</v>
      </c>
      <c r="E55" s="21" t="s">
        <v>566</v>
      </c>
      <c r="F55" s="16">
        <v>147706</v>
      </c>
      <c r="G55" s="22" t="s">
        <v>268</v>
      </c>
      <c r="H55" s="22" t="s">
        <v>268</v>
      </c>
      <c r="I55" s="22" t="s">
        <v>268</v>
      </c>
      <c r="J55" s="16">
        <v>2</v>
      </c>
      <c r="K55" s="16">
        <v>29</v>
      </c>
    </row>
    <row r="56" spans="1:11">
      <c r="A56" s="21" t="s">
        <v>232</v>
      </c>
      <c r="B56" s="21" t="s">
        <v>237</v>
      </c>
      <c r="C56" s="21" t="s">
        <v>264</v>
      </c>
      <c r="D56" s="21" t="s">
        <v>476</v>
      </c>
      <c r="E56" s="21" t="s">
        <v>567</v>
      </c>
      <c r="F56" s="16">
        <v>356268</v>
      </c>
      <c r="G56" s="16">
        <v>38511</v>
      </c>
      <c r="H56" s="16">
        <v>76575</v>
      </c>
      <c r="I56" s="16">
        <v>94549</v>
      </c>
      <c r="J56" s="16">
        <v>111298</v>
      </c>
      <c r="K56" s="16">
        <v>119864</v>
      </c>
    </row>
    <row r="57" spans="1:11">
      <c r="A57" s="21" t="s">
        <v>232</v>
      </c>
      <c r="B57" s="21" t="s">
        <v>237</v>
      </c>
      <c r="C57" s="21" t="s">
        <v>264</v>
      </c>
      <c r="D57" s="21" t="s">
        <v>476</v>
      </c>
      <c r="E57" s="21" t="s">
        <v>568</v>
      </c>
      <c r="F57" s="16">
        <v>10158</v>
      </c>
      <c r="G57" s="16">
        <v>129</v>
      </c>
      <c r="H57" s="16">
        <v>529</v>
      </c>
      <c r="I57" s="16">
        <v>853</v>
      </c>
      <c r="J57" s="16">
        <v>1313</v>
      </c>
      <c r="K57" s="16">
        <v>1597</v>
      </c>
    </row>
    <row r="58" spans="1:11">
      <c r="A58" s="21" t="s">
        <v>232</v>
      </c>
      <c r="B58" s="21" t="s">
        <v>237</v>
      </c>
      <c r="C58" s="21" t="s">
        <v>264</v>
      </c>
      <c r="D58" s="21" t="s">
        <v>476</v>
      </c>
      <c r="E58" s="21" t="s">
        <v>569</v>
      </c>
      <c r="F58" s="16">
        <v>79678</v>
      </c>
      <c r="G58" s="16">
        <v>2734</v>
      </c>
      <c r="H58" s="16">
        <v>8733</v>
      </c>
      <c r="I58" s="16">
        <v>12819</v>
      </c>
      <c r="J58" s="16">
        <v>17648</v>
      </c>
      <c r="K58" s="16">
        <v>20539</v>
      </c>
    </row>
    <row r="59" spans="1:11">
      <c r="A59" s="21" t="s">
        <v>232</v>
      </c>
      <c r="B59" s="21" t="s">
        <v>237</v>
      </c>
      <c r="C59" s="21" t="s">
        <v>264</v>
      </c>
      <c r="D59" s="21" t="s">
        <v>240</v>
      </c>
      <c r="E59" s="21" t="s">
        <v>570</v>
      </c>
      <c r="F59" s="16">
        <v>84372</v>
      </c>
      <c r="G59" s="16">
        <v>3568</v>
      </c>
      <c r="H59" s="16">
        <v>8025</v>
      </c>
      <c r="I59" s="16">
        <v>10596</v>
      </c>
      <c r="J59" s="16">
        <v>13458</v>
      </c>
      <c r="K59" s="16">
        <v>15393</v>
      </c>
    </row>
    <row r="60" spans="1:11">
      <c r="A60" s="21" t="s">
        <v>232</v>
      </c>
      <c r="B60" s="21" t="s">
        <v>237</v>
      </c>
      <c r="C60" s="21" t="s">
        <v>264</v>
      </c>
      <c r="D60" s="21" t="s">
        <v>476</v>
      </c>
      <c r="E60" s="21" t="s">
        <v>571</v>
      </c>
      <c r="F60" s="16">
        <v>2612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22" t="s">
        <v>268</v>
      </c>
    </row>
    <row r="61" spans="1:11">
      <c r="A61" s="21" t="s">
        <v>232</v>
      </c>
      <c r="B61" s="21" t="s">
        <v>237</v>
      </c>
      <c r="C61" s="21" t="s">
        <v>264</v>
      </c>
      <c r="D61" s="21" t="s">
        <v>572</v>
      </c>
      <c r="E61" s="21" t="s">
        <v>573</v>
      </c>
      <c r="F61" s="16">
        <v>1960</v>
      </c>
      <c r="G61" s="22" t="s">
        <v>268</v>
      </c>
      <c r="H61" s="22" t="s">
        <v>268</v>
      </c>
      <c r="I61" s="22" t="s">
        <v>268</v>
      </c>
      <c r="J61" s="22" t="s">
        <v>268</v>
      </c>
      <c r="K61" s="22" t="s">
        <v>268</v>
      </c>
    </row>
    <row r="62" spans="1:11">
      <c r="A62" s="21" t="s">
        <v>232</v>
      </c>
      <c r="B62" s="21" t="s">
        <v>237</v>
      </c>
      <c r="C62" s="21" t="s">
        <v>264</v>
      </c>
      <c r="D62" s="21" t="s">
        <v>572</v>
      </c>
      <c r="E62" s="21" t="s">
        <v>574</v>
      </c>
      <c r="F62" s="16">
        <v>652</v>
      </c>
      <c r="G62" s="22" t="s">
        <v>268</v>
      </c>
      <c r="H62" s="22" t="s">
        <v>268</v>
      </c>
      <c r="I62" s="22" t="s">
        <v>268</v>
      </c>
      <c r="J62" s="22" t="s">
        <v>268</v>
      </c>
      <c r="K62" s="22" t="s">
        <v>268</v>
      </c>
    </row>
    <row r="63" spans="1:11">
      <c r="A63" s="21" t="s">
        <v>232</v>
      </c>
      <c r="B63" s="21" t="s">
        <v>237</v>
      </c>
      <c r="C63" s="21" t="s">
        <v>264</v>
      </c>
      <c r="D63" s="21" t="s">
        <v>476</v>
      </c>
      <c r="E63" s="21" t="s">
        <v>575</v>
      </c>
      <c r="F63" s="16">
        <v>9048</v>
      </c>
      <c r="G63" s="22" t="s">
        <v>268</v>
      </c>
      <c r="H63" s="22" t="s">
        <v>268</v>
      </c>
      <c r="I63" s="22" t="s">
        <v>268</v>
      </c>
      <c r="J63" s="22" t="s">
        <v>268</v>
      </c>
      <c r="K63" s="16">
        <v>2</v>
      </c>
    </row>
    <row r="64" spans="1:11">
      <c r="A64" s="21" t="s">
        <v>232</v>
      </c>
      <c r="B64" s="21" t="s">
        <v>237</v>
      </c>
      <c r="C64" s="21" t="s">
        <v>264</v>
      </c>
      <c r="D64" s="21" t="s">
        <v>572</v>
      </c>
      <c r="E64" s="21" t="s">
        <v>576</v>
      </c>
      <c r="F64" s="16">
        <v>6009</v>
      </c>
      <c r="G64" s="22" t="s">
        <v>268</v>
      </c>
      <c r="H64" s="22" t="s">
        <v>268</v>
      </c>
      <c r="I64" s="22" t="s">
        <v>268</v>
      </c>
      <c r="J64" s="22" t="s">
        <v>268</v>
      </c>
      <c r="K64" s="16">
        <v>2</v>
      </c>
    </row>
    <row r="65" spans="1:11">
      <c r="A65" s="21" t="s">
        <v>232</v>
      </c>
      <c r="B65" s="21" t="s">
        <v>237</v>
      </c>
      <c r="C65" s="21" t="s">
        <v>264</v>
      </c>
      <c r="D65" s="21" t="s">
        <v>572</v>
      </c>
      <c r="E65" s="21" t="s">
        <v>577</v>
      </c>
      <c r="F65" s="16">
        <v>3039</v>
      </c>
      <c r="G65" s="22" t="s">
        <v>268</v>
      </c>
      <c r="H65" s="22" t="s">
        <v>268</v>
      </c>
      <c r="I65" s="22" t="s">
        <v>268</v>
      </c>
      <c r="J65" s="22" t="s">
        <v>268</v>
      </c>
      <c r="K65" s="22" t="s">
        <v>268</v>
      </c>
    </row>
    <row r="66" spans="1:11">
      <c r="A66" s="21" t="s">
        <v>232</v>
      </c>
      <c r="B66" s="21" t="s">
        <v>237</v>
      </c>
      <c r="C66" s="21" t="s">
        <v>264</v>
      </c>
      <c r="D66" s="21" t="s">
        <v>476</v>
      </c>
      <c r="E66" s="21" t="s">
        <v>578</v>
      </c>
      <c r="F66" s="16">
        <v>11670</v>
      </c>
      <c r="G66" s="16">
        <v>797</v>
      </c>
      <c r="H66" s="16">
        <v>1742</v>
      </c>
      <c r="I66" s="16">
        <v>2275</v>
      </c>
      <c r="J66" s="16">
        <v>2783</v>
      </c>
      <c r="K66" s="16">
        <v>3051</v>
      </c>
    </row>
    <row r="67" spans="1:11">
      <c r="A67" s="21" t="s">
        <v>232</v>
      </c>
      <c r="B67" s="21" t="s">
        <v>237</v>
      </c>
      <c r="C67" s="21" t="s">
        <v>264</v>
      </c>
      <c r="D67" s="21" t="s">
        <v>572</v>
      </c>
      <c r="E67" s="21" t="s">
        <v>579</v>
      </c>
      <c r="F67" s="16">
        <v>8841</v>
      </c>
      <c r="G67" s="16">
        <v>574</v>
      </c>
      <c r="H67" s="16">
        <v>1284</v>
      </c>
      <c r="I67" s="16">
        <v>1693</v>
      </c>
      <c r="J67" s="16">
        <v>2068</v>
      </c>
      <c r="K67" s="16">
        <v>2272</v>
      </c>
    </row>
    <row r="68" spans="1:11">
      <c r="A68" s="21" t="s">
        <v>232</v>
      </c>
      <c r="B68" s="21" t="s">
        <v>237</v>
      </c>
      <c r="C68" s="21" t="s">
        <v>264</v>
      </c>
      <c r="D68" s="21" t="s">
        <v>572</v>
      </c>
      <c r="E68" s="21" t="s">
        <v>580</v>
      </c>
      <c r="F68" s="16">
        <v>2819</v>
      </c>
      <c r="G68" s="16">
        <v>223</v>
      </c>
      <c r="H68" s="16">
        <v>458</v>
      </c>
      <c r="I68" s="16">
        <v>582</v>
      </c>
      <c r="J68" s="16">
        <v>715</v>
      </c>
      <c r="K68" s="16">
        <v>779</v>
      </c>
    </row>
    <row r="69" spans="1:11">
      <c r="A69" s="21" t="s">
        <v>232</v>
      </c>
      <c r="B69" s="21" t="s">
        <v>237</v>
      </c>
      <c r="C69" s="21" t="s">
        <v>264</v>
      </c>
      <c r="D69" s="21" t="s">
        <v>476</v>
      </c>
      <c r="E69" s="21" t="s">
        <v>581</v>
      </c>
      <c r="F69" s="16">
        <v>20939</v>
      </c>
      <c r="G69" s="16">
        <v>923</v>
      </c>
      <c r="H69" s="16">
        <v>2338</v>
      </c>
      <c r="I69" s="16">
        <v>3165</v>
      </c>
      <c r="J69" s="16">
        <v>4097</v>
      </c>
      <c r="K69" s="16">
        <v>4612</v>
      </c>
    </row>
    <row r="70" spans="1:11">
      <c r="A70" s="21" t="s">
        <v>232</v>
      </c>
      <c r="B70" s="21" t="s">
        <v>237</v>
      </c>
      <c r="C70" s="21" t="s">
        <v>264</v>
      </c>
      <c r="D70" s="21" t="s">
        <v>572</v>
      </c>
      <c r="E70" s="21" t="s">
        <v>582</v>
      </c>
      <c r="F70" s="16">
        <v>13725</v>
      </c>
      <c r="G70" s="16">
        <v>535</v>
      </c>
      <c r="H70" s="16">
        <v>1390</v>
      </c>
      <c r="I70" s="16">
        <v>1929</v>
      </c>
      <c r="J70" s="16">
        <v>2541</v>
      </c>
      <c r="K70" s="16">
        <v>2889</v>
      </c>
    </row>
    <row r="71" spans="1:11">
      <c r="A71" s="21" t="s">
        <v>232</v>
      </c>
      <c r="B71" s="21" t="s">
        <v>237</v>
      </c>
      <c r="C71" s="21" t="s">
        <v>264</v>
      </c>
      <c r="D71" s="21" t="s">
        <v>572</v>
      </c>
      <c r="E71" s="21" t="s">
        <v>583</v>
      </c>
      <c r="F71" s="16">
        <v>7205</v>
      </c>
      <c r="G71" s="16">
        <v>388</v>
      </c>
      <c r="H71" s="16">
        <v>948</v>
      </c>
      <c r="I71" s="16">
        <v>1236</v>
      </c>
      <c r="J71" s="16">
        <v>1556</v>
      </c>
      <c r="K71" s="16">
        <v>1723</v>
      </c>
    </row>
    <row r="72" spans="1:11">
      <c r="A72" s="21" t="s">
        <v>232</v>
      </c>
      <c r="B72" s="21" t="s">
        <v>237</v>
      </c>
      <c r="C72" s="21" t="s">
        <v>264</v>
      </c>
      <c r="D72" s="21" t="s">
        <v>476</v>
      </c>
      <c r="E72" s="21" t="s">
        <v>584</v>
      </c>
      <c r="F72" s="16">
        <v>2408</v>
      </c>
      <c r="G72" s="16">
        <v>39</v>
      </c>
      <c r="H72" s="16">
        <v>82</v>
      </c>
      <c r="I72" s="16">
        <v>119</v>
      </c>
      <c r="J72" s="16">
        <v>198</v>
      </c>
      <c r="K72" s="16">
        <v>273</v>
      </c>
    </row>
    <row r="73" spans="1:11">
      <c r="A73" s="21" t="s">
        <v>232</v>
      </c>
      <c r="B73" s="21" t="s">
        <v>237</v>
      </c>
      <c r="C73" s="21" t="s">
        <v>264</v>
      </c>
      <c r="D73" s="21" t="s">
        <v>476</v>
      </c>
      <c r="E73" s="21" t="s">
        <v>585</v>
      </c>
      <c r="F73" s="16">
        <v>11857</v>
      </c>
      <c r="G73" s="16">
        <v>699</v>
      </c>
      <c r="H73" s="16">
        <v>1604</v>
      </c>
      <c r="I73" s="16">
        <v>2067</v>
      </c>
      <c r="J73" s="16">
        <v>2572</v>
      </c>
      <c r="K73" s="16">
        <v>2893</v>
      </c>
    </row>
    <row r="74" spans="1:11">
      <c r="A74" s="21" t="s">
        <v>232</v>
      </c>
      <c r="B74" s="21" t="s">
        <v>237</v>
      </c>
      <c r="C74" s="21" t="s">
        <v>264</v>
      </c>
      <c r="D74" s="21" t="s">
        <v>476</v>
      </c>
      <c r="E74" s="21" t="s">
        <v>586</v>
      </c>
      <c r="F74" s="16">
        <v>1513</v>
      </c>
      <c r="G74" s="16">
        <v>53</v>
      </c>
      <c r="H74" s="16">
        <v>81</v>
      </c>
      <c r="I74" s="16">
        <v>89</v>
      </c>
      <c r="J74" s="16">
        <v>104</v>
      </c>
      <c r="K74" s="16">
        <v>114</v>
      </c>
    </row>
    <row r="75" spans="1:11">
      <c r="A75" s="21" t="s">
        <v>232</v>
      </c>
      <c r="B75" s="21" t="s">
        <v>237</v>
      </c>
      <c r="C75" s="21" t="s">
        <v>264</v>
      </c>
      <c r="D75" s="21" t="s">
        <v>572</v>
      </c>
      <c r="E75" s="21" t="s">
        <v>587</v>
      </c>
      <c r="F75" s="16">
        <v>753</v>
      </c>
      <c r="G75" s="16">
        <v>2</v>
      </c>
      <c r="H75" s="16">
        <v>3</v>
      </c>
      <c r="I75" s="16">
        <v>3</v>
      </c>
      <c r="J75" s="16">
        <v>6</v>
      </c>
      <c r="K75" s="16">
        <v>9</v>
      </c>
    </row>
    <row r="76" spans="1:11">
      <c r="A76" s="21" t="s">
        <v>232</v>
      </c>
      <c r="B76" s="21" t="s">
        <v>237</v>
      </c>
      <c r="C76" s="21" t="s">
        <v>264</v>
      </c>
      <c r="D76" s="21" t="s">
        <v>572</v>
      </c>
      <c r="E76" s="21" t="s">
        <v>588</v>
      </c>
      <c r="F76" s="16">
        <v>327</v>
      </c>
      <c r="G76" s="16">
        <v>3</v>
      </c>
      <c r="H76" s="16">
        <v>7</v>
      </c>
      <c r="I76" s="16">
        <v>9</v>
      </c>
      <c r="J76" s="16">
        <v>13</v>
      </c>
      <c r="K76" s="16">
        <v>15</v>
      </c>
    </row>
    <row r="77" spans="1:11">
      <c r="A77" s="21" t="s">
        <v>232</v>
      </c>
      <c r="B77" s="21" t="s">
        <v>237</v>
      </c>
      <c r="C77" s="21" t="s">
        <v>264</v>
      </c>
      <c r="D77" s="21" t="s">
        <v>476</v>
      </c>
      <c r="E77" s="21" t="s">
        <v>589</v>
      </c>
      <c r="F77" s="16">
        <v>5248</v>
      </c>
      <c r="G77" s="16">
        <v>536</v>
      </c>
      <c r="H77" s="16">
        <v>913</v>
      </c>
      <c r="I77" s="16">
        <v>1075</v>
      </c>
      <c r="J77" s="16">
        <v>1214</v>
      </c>
      <c r="K77" s="16">
        <v>1320</v>
      </c>
    </row>
    <row r="78" spans="1:11">
      <c r="A78" s="21" t="s">
        <v>232</v>
      </c>
      <c r="B78" s="21" t="s">
        <v>237</v>
      </c>
      <c r="C78" s="21" t="s">
        <v>264</v>
      </c>
      <c r="D78" s="21" t="s">
        <v>572</v>
      </c>
      <c r="E78" s="21" t="s">
        <v>590</v>
      </c>
      <c r="F78" s="16">
        <v>3545</v>
      </c>
      <c r="G78" s="16">
        <v>349</v>
      </c>
      <c r="H78" s="16">
        <v>591</v>
      </c>
      <c r="I78" s="16">
        <v>696</v>
      </c>
      <c r="J78" s="16">
        <v>796</v>
      </c>
      <c r="K78" s="16">
        <v>878</v>
      </c>
    </row>
    <row r="79" spans="1:11">
      <c r="A79" s="21" t="s">
        <v>232</v>
      </c>
      <c r="B79" s="21" t="s">
        <v>237</v>
      </c>
      <c r="C79" s="21" t="s">
        <v>264</v>
      </c>
      <c r="D79" s="21" t="s">
        <v>572</v>
      </c>
      <c r="E79" s="21" t="s">
        <v>591</v>
      </c>
      <c r="F79" s="16">
        <v>1600</v>
      </c>
      <c r="G79" s="16">
        <v>184</v>
      </c>
      <c r="H79" s="16">
        <v>313</v>
      </c>
      <c r="I79" s="16">
        <v>367</v>
      </c>
      <c r="J79" s="16">
        <v>404</v>
      </c>
      <c r="K79" s="16">
        <v>427</v>
      </c>
    </row>
    <row r="80" spans="1:11">
      <c r="A80" s="21" t="s">
        <v>232</v>
      </c>
      <c r="B80" s="21" t="s">
        <v>237</v>
      </c>
      <c r="C80" s="21" t="s">
        <v>264</v>
      </c>
      <c r="D80" s="21" t="s">
        <v>476</v>
      </c>
      <c r="E80" s="21" t="s">
        <v>592</v>
      </c>
      <c r="F80" s="16">
        <v>5462</v>
      </c>
      <c r="G80" s="22" t="s">
        <v>268</v>
      </c>
      <c r="H80" s="16">
        <v>2</v>
      </c>
      <c r="I80" s="16">
        <v>6</v>
      </c>
      <c r="J80" s="16">
        <v>66</v>
      </c>
      <c r="K80" s="16">
        <v>224</v>
      </c>
    </row>
    <row r="81" spans="1:11">
      <c r="A81" s="21" t="s">
        <v>232</v>
      </c>
      <c r="B81" s="21" t="s">
        <v>237</v>
      </c>
      <c r="C81" s="21" t="s">
        <v>264</v>
      </c>
      <c r="D81" s="21" t="s">
        <v>476</v>
      </c>
      <c r="E81" s="21" t="s">
        <v>593</v>
      </c>
      <c r="F81" s="16">
        <v>13615</v>
      </c>
      <c r="G81" s="16">
        <v>521</v>
      </c>
      <c r="H81" s="16">
        <v>1263</v>
      </c>
      <c r="I81" s="16">
        <v>1800</v>
      </c>
      <c r="J81" s="16">
        <v>2424</v>
      </c>
      <c r="K81" s="16">
        <v>2904</v>
      </c>
    </row>
    <row r="82" spans="1:11">
      <c r="A82" s="21" t="s">
        <v>232</v>
      </c>
      <c r="B82" s="21" t="s">
        <v>237</v>
      </c>
      <c r="C82" s="21" t="s">
        <v>264</v>
      </c>
      <c r="D82" s="21" t="s">
        <v>474</v>
      </c>
      <c r="E82" s="21" t="s">
        <v>594</v>
      </c>
      <c r="F82" s="16">
        <v>7832</v>
      </c>
      <c r="G82" s="16">
        <v>109</v>
      </c>
      <c r="H82" s="16">
        <v>269</v>
      </c>
      <c r="I82" s="16">
        <v>357</v>
      </c>
      <c r="J82" s="16">
        <v>448</v>
      </c>
      <c r="K82" s="16">
        <v>525</v>
      </c>
    </row>
    <row r="83" spans="1:11">
      <c r="A83" s="21" t="s">
        <v>232</v>
      </c>
      <c r="B83" s="21" t="s">
        <v>237</v>
      </c>
      <c r="C83" s="21" t="s">
        <v>264</v>
      </c>
      <c r="D83" s="21" t="s">
        <v>474</v>
      </c>
      <c r="E83" s="21" t="s">
        <v>595</v>
      </c>
      <c r="F83" s="16">
        <v>153663</v>
      </c>
      <c r="G83" s="22" t="s">
        <v>268</v>
      </c>
      <c r="H83" s="22" t="s">
        <v>268</v>
      </c>
      <c r="I83" s="16">
        <v>1</v>
      </c>
      <c r="J83" s="16">
        <v>129</v>
      </c>
      <c r="K83" s="16">
        <v>3362</v>
      </c>
    </row>
    <row r="84" spans="1:11">
      <c r="A84" s="21" t="s">
        <v>232</v>
      </c>
      <c r="B84" s="21" t="s">
        <v>237</v>
      </c>
      <c r="C84" s="21" t="s">
        <v>264</v>
      </c>
      <c r="D84" s="21" t="s">
        <v>474</v>
      </c>
      <c r="E84" s="21" t="s">
        <v>596</v>
      </c>
      <c r="F84" s="16">
        <v>2310</v>
      </c>
      <c r="G84" s="22" t="s">
        <v>268</v>
      </c>
      <c r="H84" s="22" t="s">
        <v>268</v>
      </c>
      <c r="I84" s="22" t="s">
        <v>268</v>
      </c>
      <c r="J84" s="22" t="s">
        <v>268</v>
      </c>
      <c r="K84" s="22" t="s">
        <v>268</v>
      </c>
    </row>
    <row r="85" spans="1:11">
      <c r="A85" s="21" t="s">
        <v>232</v>
      </c>
      <c r="B85" s="21" t="s">
        <v>237</v>
      </c>
      <c r="C85" s="21" t="s">
        <v>264</v>
      </c>
      <c r="D85" s="21" t="s">
        <v>474</v>
      </c>
      <c r="E85" s="21" t="s">
        <v>597</v>
      </c>
      <c r="F85" s="16">
        <v>59845</v>
      </c>
      <c r="G85" s="16">
        <v>3448</v>
      </c>
      <c r="H85" s="16">
        <v>7747</v>
      </c>
      <c r="I85" s="16">
        <v>10203</v>
      </c>
      <c r="J85" s="16">
        <v>12786</v>
      </c>
      <c r="K85" s="16">
        <v>14358</v>
      </c>
    </row>
    <row r="86" spans="1:11">
      <c r="A86" s="21" t="s">
        <v>232</v>
      </c>
      <c r="B86" s="21" t="s">
        <v>237</v>
      </c>
      <c r="C86" s="21" t="s">
        <v>264</v>
      </c>
      <c r="D86" s="21" t="s">
        <v>474</v>
      </c>
      <c r="E86" s="21" t="s">
        <v>598</v>
      </c>
      <c r="F86" s="16">
        <v>17815</v>
      </c>
      <c r="G86" s="16">
        <v>1433</v>
      </c>
      <c r="H86" s="16">
        <v>4829</v>
      </c>
      <c r="I86" s="16">
        <v>7199</v>
      </c>
      <c r="J86" s="16">
        <v>9663</v>
      </c>
      <c r="K86" s="16">
        <v>11001</v>
      </c>
    </row>
    <row r="87" spans="1:11">
      <c r="A87" s="21" t="s">
        <v>232</v>
      </c>
      <c r="B87" s="21" t="s">
        <v>237</v>
      </c>
      <c r="C87" s="21" t="s">
        <v>264</v>
      </c>
      <c r="D87" s="21" t="s">
        <v>474</v>
      </c>
      <c r="E87" s="21" t="s">
        <v>599</v>
      </c>
      <c r="F87" s="16">
        <v>27069</v>
      </c>
      <c r="G87" s="16">
        <v>2092</v>
      </c>
      <c r="H87" s="16">
        <v>6458</v>
      </c>
      <c r="I87" s="16">
        <v>9416</v>
      </c>
      <c r="J87" s="16">
        <v>12466</v>
      </c>
      <c r="K87" s="16">
        <v>14160</v>
      </c>
    </row>
    <row r="88" spans="1:11">
      <c r="A88" s="21" t="s">
        <v>232</v>
      </c>
      <c r="B88" s="21" t="s">
        <v>237</v>
      </c>
      <c r="C88" s="21" t="s">
        <v>264</v>
      </c>
      <c r="D88" s="21" t="s">
        <v>474</v>
      </c>
      <c r="E88" s="21" t="s">
        <v>600</v>
      </c>
      <c r="F88" s="16">
        <v>1484</v>
      </c>
      <c r="G88" s="16">
        <v>65</v>
      </c>
      <c r="H88" s="16">
        <v>334</v>
      </c>
      <c r="I88" s="16">
        <v>532</v>
      </c>
      <c r="J88" s="16">
        <v>785</v>
      </c>
      <c r="K88" s="16">
        <v>910</v>
      </c>
    </row>
    <row r="89" spans="1:11">
      <c r="A89" s="21" t="s">
        <v>232</v>
      </c>
      <c r="B89" s="21" t="s">
        <v>237</v>
      </c>
      <c r="C89" s="21" t="s">
        <v>264</v>
      </c>
      <c r="D89" s="21" t="s">
        <v>474</v>
      </c>
      <c r="E89" s="21" t="s">
        <v>601</v>
      </c>
      <c r="F89" s="16">
        <v>3431</v>
      </c>
      <c r="G89" s="16">
        <v>140</v>
      </c>
      <c r="H89" s="16">
        <v>610</v>
      </c>
      <c r="I89" s="16">
        <v>954</v>
      </c>
      <c r="J89" s="16">
        <v>1359</v>
      </c>
      <c r="K89" s="16">
        <v>1581</v>
      </c>
    </row>
    <row r="90" spans="1:11">
      <c r="A90" s="21" t="s">
        <v>232</v>
      </c>
      <c r="B90" s="21" t="s">
        <v>237</v>
      </c>
      <c r="C90" s="21" t="s">
        <v>264</v>
      </c>
      <c r="D90" s="21" t="s">
        <v>474</v>
      </c>
      <c r="E90" s="21" t="s">
        <v>602</v>
      </c>
      <c r="F90" s="16">
        <v>83468</v>
      </c>
      <c r="G90" s="22" t="s">
        <v>268</v>
      </c>
      <c r="H90" s="22" t="s">
        <v>268</v>
      </c>
      <c r="I90" s="22" t="s">
        <v>268</v>
      </c>
      <c r="J90" s="22" t="s">
        <v>268</v>
      </c>
      <c r="K90" s="22" t="s">
        <v>268</v>
      </c>
    </row>
    <row r="91" spans="1:11">
      <c r="A91" s="21" t="s">
        <v>232</v>
      </c>
      <c r="B91" s="21" t="s">
        <v>237</v>
      </c>
      <c r="C91" s="21" t="s">
        <v>264</v>
      </c>
      <c r="D91" s="21" t="s">
        <v>474</v>
      </c>
      <c r="E91" s="21" t="s">
        <v>603</v>
      </c>
      <c r="F91" s="16">
        <v>45140</v>
      </c>
      <c r="G91" s="22" t="s">
        <v>268</v>
      </c>
      <c r="H91" s="22" t="s">
        <v>268</v>
      </c>
      <c r="I91" s="22" t="s">
        <v>268</v>
      </c>
      <c r="J91" s="22" t="s">
        <v>268</v>
      </c>
      <c r="K91" s="22" t="s">
        <v>268</v>
      </c>
    </row>
    <row r="92" spans="1:11">
      <c r="A92" s="21" t="s">
        <v>240</v>
      </c>
      <c r="B92" s="21" t="s">
        <v>237</v>
      </c>
      <c r="C92" s="21" t="s">
        <v>265</v>
      </c>
      <c r="D92" s="21" t="s">
        <v>474</v>
      </c>
      <c r="E92" s="21" t="s">
        <v>214</v>
      </c>
      <c r="F92" s="16">
        <v>52523</v>
      </c>
      <c r="G92" s="16">
        <v>2512</v>
      </c>
      <c r="H92" s="16">
        <v>5516</v>
      </c>
      <c r="I92" s="16">
        <v>7114</v>
      </c>
      <c r="J92" s="16">
        <v>8665</v>
      </c>
      <c r="K92" s="16">
        <v>9499</v>
      </c>
    </row>
    <row r="93" spans="1:11">
      <c r="A93" s="21" t="s">
        <v>240</v>
      </c>
      <c r="B93" s="21" t="s">
        <v>237</v>
      </c>
      <c r="C93" s="21" t="s">
        <v>265</v>
      </c>
      <c r="D93" s="21" t="s">
        <v>474</v>
      </c>
      <c r="E93" s="21" t="s">
        <v>564</v>
      </c>
      <c r="F93" s="16">
        <v>43881</v>
      </c>
      <c r="G93" s="16">
        <v>2503</v>
      </c>
      <c r="H93" s="16">
        <v>5496</v>
      </c>
      <c r="I93" s="16">
        <v>7089</v>
      </c>
      <c r="J93" s="16">
        <v>8631</v>
      </c>
      <c r="K93" s="16">
        <v>9413</v>
      </c>
    </row>
    <row r="94" spans="1:11">
      <c r="A94" s="21" t="s">
        <v>240</v>
      </c>
      <c r="B94" s="21" t="s">
        <v>237</v>
      </c>
      <c r="C94" s="21" t="s">
        <v>265</v>
      </c>
      <c r="D94" s="21" t="s">
        <v>240</v>
      </c>
      <c r="E94" s="21" t="s">
        <v>565</v>
      </c>
      <c r="F94" s="16">
        <v>35810</v>
      </c>
      <c r="G94" s="16">
        <v>2135</v>
      </c>
      <c r="H94" s="16">
        <v>4671</v>
      </c>
      <c r="I94" s="16">
        <v>5981</v>
      </c>
      <c r="J94" s="16">
        <v>7267</v>
      </c>
      <c r="K94" s="16">
        <v>7904</v>
      </c>
    </row>
    <row r="95" spans="1:11">
      <c r="A95" s="21" t="s">
        <v>240</v>
      </c>
      <c r="B95" s="21" t="s">
        <v>237</v>
      </c>
      <c r="C95" s="21" t="s">
        <v>265</v>
      </c>
      <c r="D95" s="21" t="s">
        <v>476</v>
      </c>
      <c r="E95" s="21" t="s">
        <v>566</v>
      </c>
      <c r="F95" s="16">
        <v>9614</v>
      </c>
      <c r="G95" s="22" t="s">
        <v>268</v>
      </c>
      <c r="H95" s="22" t="s">
        <v>268</v>
      </c>
      <c r="I95" s="22" t="s">
        <v>268</v>
      </c>
      <c r="J95" s="22" t="s">
        <v>268</v>
      </c>
      <c r="K95" s="16">
        <v>2</v>
      </c>
    </row>
    <row r="96" spans="1:11">
      <c r="A96" s="21" t="s">
        <v>240</v>
      </c>
      <c r="B96" s="21" t="s">
        <v>237</v>
      </c>
      <c r="C96" s="21" t="s">
        <v>265</v>
      </c>
      <c r="D96" s="21" t="s">
        <v>476</v>
      </c>
      <c r="E96" s="21" t="s">
        <v>567</v>
      </c>
      <c r="F96" s="16">
        <v>19951</v>
      </c>
      <c r="G96" s="16">
        <v>1972</v>
      </c>
      <c r="H96" s="16">
        <v>4043</v>
      </c>
      <c r="I96" s="16">
        <v>5056</v>
      </c>
      <c r="J96" s="16">
        <v>5997</v>
      </c>
      <c r="K96" s="16">
        <v>6447</v>
      </c>
    </row>
    <row r="97" spans="1:11">
      <c r="A97" s="21" t="s">
        <v>240</v>
      </c>
      <c r="B97" s="21" t="s">
        <v>237</v>
      </c>
      <c r="C97" s="21" t="s">
        <v>265</v>
      </c>
      <c r="D97" s="21" t="s">
        <v>476</v>
      </c>
      <c r="E97" s="21" t="s">
        <v>568</v>
      </c>
      <c r="F97" s="16">
        <v>772</v>
      </c>
      <c r="G97" s="16">
        <v>12</v>
      </c>
      <c r="H97" s="16">
        <v>40</v>
      </c>
      <c r="I97" s="16">
        <v>69</v>
      </c>
      <c r="J97" s="16">
        <v>107</v>
      </c>
      <c r="K97" s="16">
        <v>116</v>
      </c>
    </row>
    <row r="98" spans="1:11">
      <c r="A98" s="21" t="s">
        <v>240</v>
      </c>
      <c r="B98" s="21" t="s">
        <v>237</v>
      </c>
      <c r="C98" s="21" t="s">
        <v>265</v>
      </c>
      <c r="D98" s="21" t="s">
        <v>476</v>
      </c>
      <c r="E98" s="21" t="s">
        <v>569</v>
      </c>
      <c r="F98" s="16">
        <v>5473</v>
      </c>
      <c r="G98" s="16">
        <v>151</v>
      </c>
      <c r="H98" s="16">
        <v>588</v>
      </c>
      <c r="I98" s="16">
        <v>856</v>
      </c>
      <c r="J98" s="16">
        <v>1163</v>
      </c>
      <c r="K98" s="16">
        <v>1339</v>
      </c>
    </row>
    <row r="99" spans="1:11">
      <c r="A99" s="21" t="s">
        <v>240</v>
      </c>
      <c r="B99" s="21" t="s">
        <v>237</v>
      </c>
      <c r="C99" s="21" t="s">
        <v>265</v>
      </c>
      <c r="D99" s="21" t="s">
        <v>240</v>
      </c>
      <c r="E99" s="21" t="s">
        <v>570</v>
      </c>
      <c r="F99" s="16">
        <v>8071</v>
      </c>
      <c r="G99" s="16">
        <v>368</v>
      </c>
      <c r="H99" s="16">
        <v>825</v>
      </c>
      <c r="I99" s="16">
        <v>1108</v>
      </c>
      <c r="J99" s="16">
        <v>1364</v>
      </c>
      <c r="K99" s="16">
        <v>1509</v>
      </c>
    </row>
    <row r="100" spans="1:11">
      <c r="A100" s="21" t="s">
        <v>240</v>
      </c>
      <c r="B100" s="21" t="s">
        <v>237</v>
      </c>
      <c r="C100" s="21" t="s">
        <v>265</v>
      </c>
      <c r="D100" s="21" t="s">
        <v>476</v>
      </c>
      <c r="E100" s="21" t="s">
        <v>571</v>
      </c>
      <c r="F100" s="16">
        <v>384</v>
      </c>
      <c r="G100" s="22" t="s">
        <v>268</v>
      </c>
      <c r="H100" s="22" t="s">
        <v>268</v>
      </c>
      <c r="I100" s="22" t="s">
        <v>268</v>
      </c>
      <c r="J100" s="22" t="s">
        <v>268</v>
      </c>
      <c r="K100" s="22" t="s">
        <v>268</v>
      </c>
    </row>
    <row r="101" spans="1:11">
      <c r="A101" s="21" t="s">
        <v>240</v>
      </c>
      <c r="B101" s="21" t="s">
        <v>237</v>
      </c>
      <c r="C101" s="21" t="s">
        <v>265</v>
      </c>
      <c r="D101" s="21" t="s">
        <v>572</v>
      </c>
      <c r="E101" s="21" t="s">
        <v>573</v>
      </c>
      <c r="F101" s="16">
        <v>296</v>
      </c>
      <c r="G101" s="22" t="s">
        <v>268</v>
      </c>
      <c r="H101" s="22" t="s">
        <v>268</v>
      </c>
      <c r="I101" s="22" t="s">
        <v>268</v>
      </c>
      <c r="J101" s="22" t="s">
        <v>268</v>
      </c>
      <c r="K101" s="22" t="s">
        <v>268</v>
      </c>
    </row>
    <row r="102" spans="1:11">
      <c r="A102" s="21" t="s">
        <v>240</v>
      </c>
      <c r="B102" s="21" t="s">
        <v>237</v>
      </c>
      <c r="C102" s="21" t="s">
        <v>265</v>
      </c>
      <c r="D102" s="21" t="s">
        <v>572</v>
      </c>
      <c r="E102" s="21" t="s">
        <v>574</v>
      </c>
      <c r="F102" s="16">
        <v>88</v>
      </c>
      <c r="G102" s="22" t="s">
        <v>268</v>
      </c>
      <c r="H102" s="22" t="s">
        <v>268</v>
      </c>
      <c r="I102" s="22" t="s">
        <v>268</v>
      </c>
      <c r="J102" s="22" t="s">
        <v>268</v>
      </c>
      <c r="K102" s="22" t="s">
        <v>268</v>
      </c>
    </row>
    <row r="103" spans="1:11">
      <c r="A103" s="21" t="s">
        <v>240</v>
      </c>
      <c r="B103" s="21" t="s">
        <v>237</v>
      </c>
      <c r="C103" s="21" t="s">
        <v>265</v>
      </c>
      <c r="D103" s="21" t="s">
        <v>476</v>
      </c>
      <c r="E103" s="21" t="s">
        <v>575</v>
      </c>
      <c r="F103" s="16">
        <v>849</v>
      </c>
      <c r="G103" s="22" t="s">
        <v>268</v>
      </c>
      <c r="H103" s="22" t="s">
        <v>268</v>
      </c>
      <c r="I103" s="22" t="s">
        <v>268</v>
      </c>
      <c r="J103" s="22" t="s">
        <v>268</v>
      </c>
      <c r="K103" s="22" t="s">
        <v>268</v>
      </c>
    </row>
    <row r="104" spans="1:11">
      <c r="A104" s="21" t="s">
        <v>240</v>
      </c>
      <c r="B104" s="21" t="s">
        <v>237</v>
      </c>
      <c r="C104" s="21" t="s">
        <v>265</v>
      </c>
      <c r="D104" s="21" t="s">
        <v>572</v>
      </c>
      <c r="E104" s="21" t="s">
        <v>576</v>
      </c>
      <c r="F104" s="16">
        <v>651</v>
      </c>
      <c r="G104" s="22" t="s">
        <v>268</v>
      </c>
      <c r="H104" s="22" t="s">
        <v>268</v>
      </c>
      <c r="I104" s="22" t="s">
        <v>268</v>
      </c>
      <c r="J104" s="22" t="s">
        <v>268</v>
      </c>
      <c r="K104" s="22" t="s">
        <v>268</v>
      </c>
    </row>
    <row r="105" spans="1:11">
      <c r="A105" s="21" t="s">
        <v>240</v>
      </c>
      <c r="B105" s="21" t="s">
        <v>237</v>
      </c>
      <c r="C105" s="21" t="s">
        <v>265</v>
      </c>
      <c r="D105" s="21" t="s">
        <v>572</v>
      </c>
      <c r="E105" s="21" t="s">
        <v>577</v>
      </c>
      <c r="F105" s="16">
        <v>198</v>
      </c>
      <c r="G105" s="22" t="s">
        <v>268</v>
      </c>
      <c r="H105" s="22" t="s">
        <v>268</v>
      </c>
      <c r="I105" s="22" t="s">
        <v>268</v>
      </c>
      <c r="J105" s="22" t="s">
        <v>268</v>
      </c>
      <c r="K105" s="22" t="s">
        <v>268</v>
      </c>
    </row>
    <row r="106" spans="1:11">
      <c r="A106" s="21" t="s">
        <v>240</v>
      </c>
      <c r="B106" s="21" t="s">
        <v>237</v>
      </c>
      <c r="C106" s="21" t="s">
        <v>265</v>
      </c>
      <c r="D106" s="21" t="s">
        <v>476</v>
      </c>
      <c r="E106" s="21" t="s">
        <v>578</v>
      </c>
      <c r="F106" s="16">
        <v>1324</v>
      </c>
      <c r="G106" s="16">
        <v>97</v>
      </c>
      <c r="H106" s="16">
        <v>195</v>
      </c>
      <c r="I106" s="16">
        <v>255</v>
      </c>
      <c r="J106" s="16">
        <v>322</v>
      </c>
      <c r="K106" s="16">
        <v>347</v>
      </c>
    </row>
    <row r="107" spans="1:11">
      <c r="A107" s="21" t="s">
        <v>240</v>
      </c>
      <c r="B107" s="21" t="s">
        <v>237</v>
      </c>
      <c r="C107" s="21" t="s">
        <v>265</v>
      </c>
      <c r="D107" s="21" t="s">
        <v>572</v>
      </c>
      <c r="E107" s="21" t="s">
        <v>579</v>
      </c>
      <c r="F107" s="16">
        <v>1035</v>
      </c>
      <c r="G107" s="16">
        <v>68</v>
      </c>
      <c r="H107" s="16">
        <v>141</v>
      </c>
      <c r="I107" s="16">
        <v>188</v>
      </c>
      <c r="J107" s="16">
        <v>242</v>
      </c>
      <c r="K107" s="16">
        <v>264</v>
      </c>
    </row>
    <row r="108" spans="1:11">
      <c r="A108" s="21" t="s">
        <v>240</v>
      </c>
      <c r="B108" s="21" t="s">
        <v>237</v>
      </c>
      <c r="C108" s="21" t="s">
        <v>265</v>
      </c>
      <c r="D108" s="21" t="s">
        <v>572</v>
      </c>
      <c r="E108" s="21" t="s">
        <v>580</v>
      </c>
      <c r="F108" s="16">
        <v>289</v>
      </c>
      <c r="G108" s="16">
        <v>29</v>
      </c>
      <c r="H108" s="16">
        <v>54</v>
      </c>
      <c r="I108" s="16">
        <v>67</v>
      </c>
      <c r="J108" s="16">
        <v>80</v>
      </c>
      <c r="K108" s="16">
        <v>83</v>
      </c>
    </row>
    <row r="109" spans="1:11">
      <c r="A109" s="21" t="s">
        <v>240</v>
      </c>
      <c r="B109" s="21" t="s">
        <v>237</v>
      </c>
      <c r="C109" s="21" t="s">
        <v>265</v>
      </c>
      <c r="D109" s="21" t="s">
        <v>476</v>
      </c>
      <c r="E109" s="21" t="s">
        <v>581</v>
      </c>
      <c r="F109" s="16">
        <v>1912</v>
      </c>
      <c r="G109" s="16">
        <v>87</v>
      </c>
      <c r="H109" s="16">
        <v>217</v>
      </c>
      <c r="I109" s="16">
        <v>305</v>
      </c>
      <c r="J109" s="16">
        <v>383</v>
      </c>
      <c r="K109" s="16">
        <v>419</v>
      </c>
    </row>
    <row r="110" spans="1:11">
      <c r="A110" s="21" t="s">
        <v>240</v>
      </c>
      <c r="B110" s="21" t="s">
        <v>237</v>
      </c>
      <c r="C110" s="21" t="s">
        <v>265</v>
      </c>
      <c r="D110" s="21" t="s">
        <v>572</v>
      </c>
      <c r="E110" s="21" t="s">
        <v>582</v>
      </c>
      <c r="F110" s="16">
        <v>1366</v>
      </c>
      <c r="G110" s="16">
        <v>51</v>
      </c>
      <c r="H110" s="16">
        <v>139</v>
      </c>
      <c r="I110" s="16">
        <v>197</v>
      </c>
      <c r="J110" s="16">
        <v>252</v>
      </c>
      <c r="K110" s="16">
        <v>275</v>
      </c>
    </row>
    <row r="111" spans="1:11">
      <c r="A111" s="21" t="s">
        <v>240</v>
      </c>
      <c r="B111" s="21" t="s">
        <v>237</v>
      </c>
      <c r="C111" s="21" t="s">
        <v>265</v>
      </c>
      <c r="D111" s="21" t="s">
        <v>572</v>
      </c>
      <c r="E111" s="21" t="s">
        <v>583</v>
      </c>
      <c r="F111" s="16">
        <v>546</v>
      </c>
      <c r="G111" s="16">
        <v>36</v>
      </c>
      <c r="H111" s="16">
        <v>78</v>
      </c>
      <c r="I111" s="16">
        <v>108</v>
      </c>
      <c r="J111" s="16">
        <v>131</v>
      </c>
      <c r="K111" s="16">
        <v>144</v>
      </c>
    </row>
    <row r="112" spans="1:11">
      <c r="A112" s="21" t="s">
        <v>240</v>
      </c>
      <c r="B112" s="21" t="s">
        <v>237</v>
      </c>
      <c r="C112" s="21" t="s">
        <v>265</v>
      </c>
      <c r="D112" s="21" t="s">
        <v>476</v>
      </c>
      <c r="E112" s="21" t="s">
        <v>584</v>
      </c>
      <c r="F112" s="16">
        <v>240</v>
      </c>
      <c r="G112" s="16">
        <v>9</v>
      </c>
      <c r="H112" s="16">
        <v>17</v>
      </c>
      <c r="I112" s="16">
        <v>25</v>
      </c>
      <c r="J112" s="16">
        <v>27</v>
      </c>
      <c r="K112" s="16">
        <v>32</v>
      </c>
    </row>
    <row r="113" spans="1:11">
      <c r="A113" s="21" t="s">
        <v>240</v>
      </c>
      <c r="B113" s="21" t="s">
        <v>237</v>
      </c>
      <c r="C113" s="21" t="s">
        <v>265</v>
      </c>
      <c r="D113" s="21" t="s">
        <v>476</v>
      </c>
      <c r="E113" s="21" t="s">
        <v>585</v>
      </c>
      <c r="F113" s="16">
        <v>1035</v>
      </c>
      <c r="G113" s="16">
        <v>63</v>
      </c>
      <c r="H113" s="16">
        <v>151</v>
      </c>
      <c r="I113" s="16">
        <v>200</v>
      </c>
      <c r="J113" s="16">
        <v>239</v>
      </c>
      <c r="K113" s="16">
        <v>262</v>
      </c>
    </row>
    <row r="114" spans="1:11">
      <c r="A114" s="21" t="s">
        <v>240</v>
      </c>
      <c r="B114" s="21" t="s">
        <v>237</v>
      </c>
      <c r="C114" s="21" t="s">
        <v>265</v>
      </c>
      <c r="D114" s="21" t="s">
        <v>476</v>
      </c>
      <c r="E114" s="21" t="s">
        <v>586</v>
      </c>
      <c r="F114" s="16">
        <v>181</v>
      </c>
      <c r="G114" s="16">
        <v>13</v>
      </c>
      <c r="H114" s="16">
        <v>19</v>
      </c>
      <c r="I114" s="16">
        <v>22</v>
      </c>
      <c r="J114" s="16">
        <v>25</v>
      </c>
      <c r="K114" s="16">
        <v>28</v>
      </c>
    </row>
    <row r="115" spans="1:11">
      <c r="A115" s="21" t="s">
        <v>240</v>
      </c>
      <c r="B115" s="21" t="s">
        <v>237</v>
      </c>
      <c r="C115" s="21" t="s">
        <v>265</v>
      </c>
      <c r="D115" s="21" t="s">
        <v>572</v>
      </c>
      <c r="E115" s="21" t="s">
        <v>587</v>
      </c>
      <c r="F115" s="16">
        <v>57</v>
      </c>
      <c r="G115" s="22" t="s">
        <v>268</v>
      </c>
      <c r="H115" s="22" t="s">
        <v>268</v>
      </c>
      <c r="I115" s="22" t="s">
        <v>268</v>
      </c>
      <c r="J115" s="16">
        <v>2</v>
      </c>
      <c r="K115" s="16">
        <v>2</v>
      </c>
    </row>
    <row r="116" spans="1:11">
      <c r="A116" s="21" t="s">
        <v>240</v>
      </c>
      <c r="B116" s="21" t="s">
        <v>237</v>
      </c>
      <c r="C116" s="21" t="s">
        <v>265</v>
      </c>
      <c r="D116" s="21" t="s">
        <v>572</v>
      </c>
      <c r="E116" s="21" t="s">
        <v>588</v>
      </c>
      <c r="F116" s="16">
        <v>37</v>
      </c>
      <c r="G116" s="16">
        <v>1</v>
      </c>
      <c r="H116" s="16">
        <v>1</v>
      </c>
      <c r="I116" s="16">
        <v>2</v>
      </c>
      <c r="J116" s="16">
        <v>2</v>
      </c>
      <c r="K116" s="16">
        <v>4</v>
      </c>
    </row>
    <row r="117" spans="1:11">
      <c r="A117" s="21" t="s">
        <v>240</v>
      </c>
      <c r="B117" s="21" t="s">
        <v>237</v>
      </c>
      <c r="C117" s="21" t="s">
        <v>265</v>
      </c>
      <c r="D117" s="21" t="s">
        <v>476</v>
      </c>
      <c r="E117" s="21" t="s">
        <v>589</v>
      </c>
      <c r="F117" s="16">
        <v>601</v>
      </c>
      <c r="G117" s="16">
        <v>59</v>
      </c>
      <c r="H117" s="16">
        <v>107</v>
      </c>
      <c r="I117" s="16">
        <v>128</v>
      </c>
      <c r="J117" s="16">
        <v>144</v>
      </c>
      <c r="K117" s="16">
        <v>151</v>
      </c>
    </row>
    <row r="118" spans="1:11">
      <c r="A118" s="21" t="s">
        <v>240</v>
      </c>
      <c r="B118" s="21" t="s">
        <v>237</v>
      </c>
      <c r="C118" s="21" t="s">
        <v>265</v>
      </c>
      <c r="D118" s="21" t="s">
        <v>572</v>
      </c>
      <c r="E118" s="21" t="s">
        <v>590</v>
      </c>
      <c r="F118" s="16">
        <v>416</v>
      </c>
      <c r="G118" s="16">
        <v>39</v>
      </c>
      <c r="H118" s="16">
        <v>72</v>
      </c>
      <c r="I118" s="16">
        <v>87</v>
      </c>
      <c r="J118" s="16">
        <v>100</v>
      </c>
      <c r="K118" s="16">
        <v>106</v>
      </c>
    </row>
    <row r="119" spans="1:11">
      <c r="A119" s="21" t="s">
        <v>240</v>
      </c>
      <c r="B119" s="21" t="s">
        <v>237</v>
      </c>
      <c r="C119" s="21" t="s">
        <v>265</v>
      </c>
      <c r="D119" s="21" t="s">
        <v>572</v>
      </c>
      <c r="E119" s="21" t="s">
        <v>591</v>
      </c>
      <c r="F119" s="16">
        <v>180</v>
      </c>
      <c r="G119" s="16">
        <v>20</v>
      </c>
      <c r="H119" s="16">
        <v>35</v>
      </c>
      <c r="I119" s="16">
        <v>41</v>
      </c>
      <c r="J119" s="16">
        <v>44</v>
      </c>
      <c r="K119" s="16">
        <v>45</v>
      </c>
    </row>
    <row r="120" spans="1:11">
      <c r="A120" s="21" t="s">
        <v>240</v>
      </c>
      <c r="B120" s="21" t="s">
        <v>237</v>
      </c>
      <c r="C120" s="21" t="s">
        <v>265</v>
      </c>
      <c r="D120" s="21" t="s">
        <v>476</v>
      </c>
      <c r="E120" s="21" t="s">
        <v>592</v>
      </c>
      <c r="F120" s="16">
        <v>348</v>
      </c>
      <c r="G120" s="22" t="s">
        <v>268</v>
      </c>
      <c r="H120" s="22" t="s">
        <v>268</v>
      </c>
      <c r="I120" s="16">
        <v>1</v>
      </c>
      <c r="J120" s="16">
        <v>2</v>
      </c>
      <c r="K120" s="16">
        <v>4</v>
      </c>
    </row>
    <row r="121" spans="1:11">
      <c r="A121" s="21" t="s">
        <v>240</v>
      </c>
      <c r="B121" s="21" t="s">
        <v>237</v>
      </c>
      <c r="C121" s="21" t="s">
        <v>265</v>
      </c>
      <c r="D121" s="21" t="s">
        <v>476</v>
      </c>
      <c r="E121" s="21" t="s">
        <v>593</v>
      </c>
      <c r="F121" s="16">
        <v>1197</v>
      </c>
      <c r="G121" s="16">
        <v>40</v>
      </c>
      <c r="H121" s="16">
        <v>119</v>
      </c>
      <c r="I121" s="16">
        <v>172</v>
      </c>
      <c r="J121" s="16">
        <v>222</v>
      </c>
      <c r="K121" s="16">
        <v>266</v>
      </c>
    </row>
    <row r="122" spans="1:11">
      <c r="A122" s="21" t="s">
        <v>240</v>
      </c>
      <c r="B122" s="21" t="s">
        <v>237</v>
      </c>
      <c r="C122" s="21" t="s">
        <v>265</v>
      </c>
      <c r="D122" s="21" t="s">
        <v>474</v>
      </c>
      <c r="E122" s="21" t="s">
        <v>594</v>
      </c>
      <c r="F122" s="16">
        <v>428</v>
      </c>
      <c r="G122" s="16">
        <v>9</v>
      </c>
      <c r="H122" s="16">
        <v>20</v>
      </c>
      <c r="I122" s="16">
        <v>25</v>
      </c>
      <c r="J122" s="16">
        <v>33</v>
      </c>
      <c r="K122" s="16">
        <v>38</v>
      </c>
    </row>
    <row r="123" spans="1:11">
      <c r="A123" s="21" t="s">
        <v>240</v>
      </c>
      <c r="B123" s="21" t="s">
        <v>237</v>
      </c>
      <c r="C123" s="21" t="s">
        <v>265</v>
      </c>
      <c r="D123" s="21" t="s">
        <v>474</v>
      </c>
      <c r="E123" s="21" t="s">
        <v>595</v>
      </c>
      <c r="F123" s="16">
        <v>8121</v>
      </c>
      <c r="G123" s="22" t="s">
        <v>268</v>
      </c>
      <c r="H123" s="22" t="s">
        <v>268</v>
      </c>
      <c r="I123" s="22" t="s">
        <v>268</v>
      </c>
      <c r="J123" s="16">
        <v>1</v>
      </c>
      <c r="K123" s="16">
        <v>48</v>
      </c>
    </row>
    <row r="124" spans="1:11">
      <c r="A124" s="21" t="s">
        <v>240</v>
      </c>
      <c r="B124" s="21" t="s">
        <v>237</v>
      </c>
      <c r="C124" s="21" t="s">
        <v>265</v>
      </c>
      <c r="D124" s="21" t="s">
        <v>474</v>
      </c>
      <c r="E124" s="21" t="s">
        <v>596</v>
      </c>
      <c r="F124" s="16">
        <v>93</v>
      </c>
      <c r="G124" s="22" t="s">
        <v>268</v>
      </c>
      <c r="H124" s="22" t="s">
        <v>268</v>
      </c>
      <c r="I124" s="22" t="s">
        <v>268</v>
      </c>
      <c r="J124" s="22" t="s">
        <v>268</v>
      </c>
      <c r="K124" s="22" t="s">
        <v>268</v>
      </c>
    </row>
    <row r="125" spans="1:11">
      <c r="A125" s="21" t="s">
        <v>240</v>
      </c>
      <c r="B125" s="21" t="s">
        <v>237</v>
      </c>
      <c r="C125" s="21" t="s">
        <v>265</v>
      </c>
      <c r="D125" s="21" t="s">
        <v>474</v>
      </c>
      <c r="E125" s="21" t="s">
        <v>597</v>
      </c>
      <c r="F125" s="16">
        <v>5858</v>
      </c>
      <c r="G125" s="16">
        <v>359</v>
      </c>
      <c r="H125" s="16">
        <v>797</v>
      </c>
      <c r="I125" s="16">
        <v>1062</v>
      </c>
      <c r="J125" s="16">
        <v>1307</v>
      </c>
      <c r="K125" s="16">
        <v>1430</v>
      </c>
    </row>
    <row r="126" spans="1:11">
      <c r="A126" s="21" t="s">
        <v>240</v>
      </c>
      <c r="B126" s="21" t="s">
        <v>237</v>
      </c>
      <c r="C126" s="21" t="s">
        <v>265</v>
      </c>
      <c r="D126" s="21" t="s">
        <v>474</v>
      </c>
      <c r="E126" s="21" t="s">
        <v>598</v>
      </c>
      <c r="F126" s="16">
        <v>1366</v>
      </c>
      <c r="G126" s="16">
        <v>95</v>
      </c>
      <c r="H126" s="16">
        <v>387</v>
      </c>
      <c r="I126" s="16">
        <v>569</v>
      </c>
      <c r="J126" s="16">
        <v>753</v>
      </c>
      <c r="K126" s="16">
        <v>851</v>
      </c>
    </row>
    <row r="127" spans="1:11">
      <c r="A127" s="21" t="s">
        <v>240</v>
      </c>
      <c r="B127" s="21" t="s">
        <v>237</v>
      </c>
      <c r="C127" s="21" t="s">
        <v>265</v>
      </c>
      <c r="D127" s="21" t="s">
        <v>474</v>
      </c>
      <c r="E127" s="21" t="s">
        <v>599</v>
      </c>
      <c r="F127" s="16">
        <v>2250</v>
      </c>
      <c r="G127" s="16">
        <v>150</v>
      </c>
      <c r="H127" s="16">
        <v>550</v>
      </c>
      <c r="I127" s="16">
        <v>794</v>
      </c>
      <c r="J127" s="16">
        <v>1032</v>
      </c>
      <c r="K127" s="16">
        <v>1159</v>
      </c>
    </row>
    <row r="128" spans="1:11">
      <c r="A128" s="21" t="s">
        <v>240</v>
      </c>
      <c r="B128" s="21" t="s">
        <v>237</v>
      </c>
      <c r="C128" s="21" t="s">
        <v>265</v>
      </c>
      <c r="D128" s="21" t="s">
        <v>474</v>
      </c>
      <c r="E128" s="21" t="s">
        <v>600</v>
      </c>
      <c r="F128" s="16">
        <v>129</v>
      </c>
      <c r="G128" s="16">
        <v>12</v>
      </c>
      <c r="H128" s="16">
        <v>36</v>
      </c>
      <c r="I128" s="16">
        <v>54</v>
      </c>
      <c r="J128" s="16">
        <v>77</v>
      </c>
      <c r="K128" s="16">
        <v>81</v>
      </c>
    </row>
    <row r="129" spans="1:11">
      <c r="A129" s="21" t="s">
        <v>240</v>
      </c>
      <c r="B129" s="21" t="s">
        <v>237</v>
      </c>
      <c r="C129" s="21" t="s">
        <v>265</v>
      </c>
      <c r="D129" s="21" t="s">
        <v>474</v>
      </c>
      <c r="E129" s="21" t="s">
        <v>601</v>
      </c>
      <c r="F129" s="16">
        <v>340</v>
      </c>
      <c r="G129" s="16">
        <v>20</v>
      </c>
      <c r="H129" s="16">
        <v>70</v>
      </c>
      <c r="I129" s="16">
        <v>100</v>
      </c>
      <c r="J129" s="16">
        <v>134</v>
      </c>
      <c r="K129" s="16">
        <v>148</v>
      </c>
    </row>
    <row r="130" spans="1:11">
      <c r="A130" s="21" t="s">
        <v>240</v>
      </c>
      <c r="B130" s="21" t="s">
        <v>237</v>
      </c>
      <c r="C130" s="21" t="s">
        <v>265</v>
      </c>
      <c r="D130" s="21" t="s">
        <v>474</v>
      </c>
      <c r="E130" s="21" t="s">
        <v>602</v>
      </c>
      <c r="F130" s="16">
        <v>5934</v>
      </c>
      <c r="G130" s="22" t="s">
        <v>268</v>
      </c>
      <c r="H130" s="22" t="s">
        <v>268</v>
      </c>
      <c r="I130" s="22" t="s">
        <v>268</v>
      </c>
      <c r="J130" s="22" t="s">
        <v>268</v>
      </c>
      <c r="K130" s="22" t="s">
        <v>268</v>
      </c>
    </row>
    <row r="131" spans="1:11">
      <c r="A131" s="21" t="s">
        <v>240</v>
      </c>
      <c r="B131" s="21" t="s">
        <v>237</v>
      </c>
      <c r="C131" s="21" t="s">
        <v>265</v>
      </c>
      <c r="D131" s="21" t="s">
        <v>474</v>
      </c>
      <c r="E131" s="21" t="s">
        <v>603</v>
      </c>
      <c r="F131" s="16">
        <v>3343</v>
      </c>
      <c r="G131" s="22" t="s">
        <v>268</v>
      </c>
      <c r="H131" s="22" t="s">
        <v>268</v>
      </c>
      <c r="I131" s="22" t="s">
        <v>268</v>
      </c>
      <c r="J131" s="22" t="s">
        <v>268</v>
      </c>
      <c r="K131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0E2F37-E026-4787-9759-07FBB5C5DF95}">
  <sheetPr>
    <pageSetUpPr fitToPage="1"/>
  </sheetPr>
  <dimension ref="A1:AB34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19" style="20" bestFit="1" customWidth="1"/>
    <col min="5" max="16384" width="12.625" style="20"/>
  </cols>
  <sheetData>
    <row r="1" spans="1:28" s="11" customFormat="1">
      <c r="A1" s="11" t="s">
        <v>192</v>
      </c>
    </row>
    <row r="2" spans="1:28" s="11" customFormat="1">
      <c r="A2" s="11" t="s">
        <v>615</v>
      </c>
    </row>
    <row r="3" spans="1:28" s="11" customFormat="1"/>
    <row r="4" spans="1:28" s="11" customFormat="1" hidden="1"/>
    <row r="5" spans="1:28" s="11" customFormat="1"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  <c r="P5" s="12" t="s">
        <v>494</v>
      </c>
      <c r="Q5" s="12" t="s">
        <v>494</v>
      </c>
      <c r="R5" s="12" t="s">
        <v>494</v>
      </c>
      <c r="S5" s="12" t="s">
        <v>494</v>
      </c>
      <c r="T5" s="12" t="s">
        <v>494</v>
      </c>
      <c r="U5" s="12" t="s">
        <v>494</v>
      </c>
      <c r="V5" s="12" t="s">
        <v>494</v>
      </c>
      <c r="W5" s="12" t="s">
        <v>494</v>
      </c>
      <c r="X5" s="12" t="s">
        <v>494</v>
      </c>
      <c r="Y5" s="12" t="s">
        <v>494</v>
      </c>
      <c r="Z5" s="12" t="s">
        <v>494</v>
      </c>
      <c r="AA5" s="12" t="s">
        <v>494</v>
      </c>
      <c r="AB5" s="12" t="s">
        <v>494</v>
      </c>
    </row>
    <row r="6" spans="1:28" s="11" customFormat="1" ht="24">
      <c r="E6" s="12" t="s">
        <v>563</v>
      </c>
      <c r="F6" s="12" t="s">
        <v>563</v>
      </c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</row>
    <row r="7" spans="1:28" s="11" customFormat="1">
      <c r="E7" s="12">
        <v>1</v>
      </c>
      <c r="F7" s="12">
        <v>1</v>
      </c>
      <c r="G7" s="12">
        <v>2</v>
      </c>
      <c r="H7" s="12">
        <v>3</v>
      </c>
      <c r="I7" s="12">
        <v>3</v>
      </c>
      <c r="J7" s="12">
        <v>3</v>
      </c>
      <c r="K7" s="12">
        <v>3</v>
      </c>
      <c r="L7" s="12">
        <v>2</v>
      </c>
      <c r="M7" s="12">
        <v>3</v>
      </c>
      <c r="N7" s="12">
        <v>3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3</v>
      </c>
      <c r="U7" s="12">
        <v>3</v>
      </c>
      <c r="V7" s="12">
        <v>3</v>
      </c>
      <c r="W7" s="12">
        <v>1</v>
      </c>
      <c r="X7" s="12">
        <v>1</v>
      </c>
      <c r="Y7" s="12">
        <v>1</v>
      </c>
      <c r="Z7" s="12">
        <v>1</v>
      </c>
      <c r="AA7" s="12">
        <v>1</v>
      </c>
      <c r="AB7" s="12">
        <v>1</v>
      </c>
    </row>
    <row r="8" spans="1:28" s="11" customFormat="1" ht="60">
      <c r="E8" s="12" t="s">
        <v>214</v>
      </c>
      <c r="F8" s="12" t="s">
        <v>564</v>
      </c>
      <c r="G8" s="12" t="s">
        <v>565</v>
      </c>
      <c r="H8" s="12" t="s">
        <v>566</v>
      </c>
      <c r="I8" s="12" t="s">
        <v>567</v>
      </c>
      <c r="J8" s="12" t="s">
        <v>568</v>
      </c>
      <c r="K8" s="12" t="s">
        <v>569</v>
      </c>
      <c r="L8" s="12" t="s">
        <v>570</v>
      </c>
      <c r="M8" s="12" t="s">
        <v>571</v>
      </c>
      <c r="N8" s="12" t="s">
        <v>575</v>
      </c>
      <c r="O8" s="12" t="s">
        <v>578</v>
      </c>
      <c r="P8" s="12" t="s">
        <v>581</v>
      </c>
      <c r="Q8" s="12" t="s">
        <v>584</v>
      </c>
      <c r="R8" s="12" t="s">
        <v>585</v>
      </c>
      <c r="S8" s="12" t="s">
        <v>586</v>
      </c>
      <c r="T8" s="12" t="s">
        <v>589</v>
      </c>
      <c r="U8" s="12" t="s">
        <v>592</v>
      </c>
      <c r="V8" s="12" t="s">
        <v>593</v>
      </c>
      <c r="W8" s="12" t="s">
        <v>594</v>
      </c>
      <c r="X8" s="12" t="s">
        <v>595</v>
      </c>
      <c r="Y8" s="12" t="s">
        <v>596</v>
      </c>
      <c r="Z8" s="12" t="s">
        <v>597</v>
      </c>
      <c r="AA8" s="12" t="s">
        <v>616</v>
      </c>
      <c r="AB8" s="12" t="s">
        <v>617</v>
      </c>
    </row>
    <row r="9" spans="1:28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  <c r="P9" s="13" t="s">
        <v>223</v>
      </c>
      <c r="Q9" s="13" t="s">
        <v>223</v>
      </c>
      <c r="R9" s="13" t="s">
        <v>223</v>
      </c>
      <c r="S9" s="13" t="s">
        <v>223</v>
      </c>
      <c r="T9" s="13" t="s">
        <v>223</v>
      </c>
      <c r="U9" s="13" t="s">
        <v>223</v>
      </c>
      <c r="V9" s="13" t="s">
        <v>223</v>
      </c>
      <c r="W9" s="13" t="s">
        <v>223</v>
      </c>
      <c r="X9" s="13" t="s">
        <v>223</v>
      </c>
      <c r="Y9" s="13" t="s">
        <v>223</v>
      </c>
      <c r="Z9" s="13" t="s">
        <v>223</v>
      </c>
      <c r="AA9" s="13" t="s">
        <v>223</v>
      </c>
      <c r="AB9" s="13" t="s">
        <v>223</v>
      </c>
    </row>
    <row r="10" spans="1:28" s="11" customFormat="1">
      <c r="A10" s="14" t="s">
        <v>224</v>
      </c>
      <c r="B10" s="14" t="s">
        <v>259</v>
      </c>
      <c r="C10" s="14" t="s">
        <v>230</v>
      </c>
      <c r="D10" s="14" t="s">
        <v>487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</row>
    <row r="11" spans="1:28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55704949</v>
      </c>
      <c r="F11" s="16">
        <v>33889589</v>
      </c>
      <c r="G11" s="16">
        <v>30110571</v>
      </c>
      <c r="H11" s="16">
        <v>11158840</v>
      </c>
      <c r="I11" s="16">
        <v>13949190</v>
      </c>
      <c r="J11" s="16">
        <v>738006</v>
      </c>
      <c r="K11" s="16">
        <v>4264535</v>
      </c>
      <c r="L11" s="16">
        <v>3779018</v>
      </c>
      <c r="M11" s="16">
        <v>159224</v>
      </c>
      <c r="N11" s="16">
        <v>608813</v>
      </c>
      <c r="O11" s="16">
        <v>499365</v>
      </c>
      <c r="P11" s="16">
        <v>917696</v>
      </c>
      <c r="Q11" s="16">
        <v>107465</v>
      </c>
      <c r="R11" s="16">
        <v>359156</v>
      </c>
      <c r="S11" s="16">
        <v>64587</v>
      </c>
      <c r="T11" s="16">
        <v>185925</v>
      </c>
      <c r="U11" s="16">
        <v>346184</v>
      </c>
      <c r="V11" s="16">
        <v>530603</v>
      </c>
      <c r="W11" s="16">
        <v>504198</v>
      </c>
      <c r="X11" s="16">
        <v>21151042</v>
      </c>
      <c r="Y11" s="16">
        <v>160120</v>
      </c>
      <c r="Z11" s="16">
        <v>2337703</v>
      </c>
      <c r="AA11" s="16">
        <v>6533895</v>
      </c>
      <c r="AB11" s="16">
        <v>6716806</v>
      </c>
    </row>
    <row r="12" spans="1:28">
      <c r="A12" s="21" t="s">
        <v>232</v>
      </c>
      <c r="B12" s="21" t="s">
        <v>233</v>
      </c>
      <c r="C12" s="21" t="s">
        <v>262</v>
      </c>
      <c r="D12" s="21" t="s">
        <v>540</v>
      </c>
      <c r="E12" s="16">
        <v>21151042</v>
      </c>
      <c r="F12" s="22" t="s">
        <v>268</v>
      </c>
      <c r="G12" s="22" t="s">
        <v>268</v>
      </c>
      <c r="H12" s="22" t="s">
        <v>268</v>
      </c>
      <c r="I12" s="22" t="s">
        <v>268</v>
      </c>
      <c r="J12" s="22" t="s">
        <v>268</v>
      </c>
      <c r="K12" s="22" t="s">
        <v>268</v>
      </c>
      <c r="L12" s="22" t="s">
        <v>268</v>
      </c>
      <c r="M12" s="22" t="s">
        <v>268</v>
      </c>
      <c r="N12" s="22" t="s">
        <v>268</v>
      </c>
      <c r="O12" s="22" t="s">
        <v>268</v>
      </c>
      <c r="P12" s="22" t="s">
        <v>268</v>
      </c>
      <c r="Q12" s="22" t="s">
        <v>268</v>
      </c>
      <c r="R12" s="22" t="s">
        <v>268</v>
      </c>
      <c r="S12" s="22" t="s">
        <v>268</v>
      </c>
      <c r="T12" s="22" t="s">
        <v>268</v>
      </c>
      <c r="U12" s="22" t="s">
        <v>268</v>
      </c>
      <c r="V12" s="22" t="s">
        <v>268</v>
      </c>
      <c r="W12" s="22" t="s">
        <v>268</v>
      </c>
      <c r="X12" s="16">
        <v>21151042</v>
      </c>
      <c r="Y12" s="22" t="s">
        <v>268</v>
      </c>
      <c r="Z12" s="22" t="s">
        <v>268</v>
      </c>
      <c r="AA12" s="22" t="s">
        <v>268</v>
      </c>
      <c r="AB12" s="16">
        <v>6716806</v>
      </c>
    </row>
    <row r="13" spans="1:28">
      <c r="A13" s="21" t="s">
        <v>232</v>
      </c>
      <c r="B13" s="21" t="s">
        <v>233</v>
      </c>
      <c r="C13" s="21" t="s">
        <v>262</v>
      </c>
      <c r="D13" s="21" t="s">
        <v>541</v>
      </c>
      <c r="E13" s="16">
        <v>15656588</v>
      </c>
      <c r="F13" s="16">
        <v>15191104</v>
      </c>
      <c r="G13" s="16">
        <v>14790386</v>
      </c>
      <c r="H13" s="16">
        <v>11158840</v>
      </c>
      <c r="I13" s="22" t="s">
        <v>268</v>
      </c>
      <c r="J13" s="16">
        <v>572723</v>
      </c>
      <c r="K13" s="16">
        <v>3058823</v>
      </c>
      <c r="L13" s="16">
        <v>400718</v>
      </c>
      <c r="M13" s="22" t="s">
        <v>268</v>
      </c>
      <c r="N13" s="22" t="s">
        <v>268</v>
      </c>
      <c r="O13" s="22" t="s">
        <v>268</v>
      </c>
      <c r="P13" s="22" t="s">
        <v>268</v>
      </c>
      <c r="Q13" s="22" t="s">
        <v>268</v>
      </c>
      <c r="R13" s="22" t="s">
        <v>268</v>
      </c>
      <c r="S13" s="22" t="s">
        <v>268</v>
      </c>
      <c r="T13" s="22" t="s">
        <v>268</v>
      </c>
      <c r="U13" s="16">
        <v>320128</v>
      </c>
      <c r="V13" s="16">
        <v>80590</v>
      </c>
      <c r="W13" s="16">
        <v>388774</v>
      </c>
      <c r="X13" s="22" t="s">
        <v>268</v>
      </c>
      <c r="Y13" s="16">
        <v>76710</v>
      </c>
      <c r="Z13" s="22" t="s">
        <v>268</v>
      </c>
      <c r="AA13" s="16">
        <v>6533895</v>
      </c>
      <c r="AB13" s="22" t="s">
        <v>268</v>
      </c>
    </row>
    <row r="14" spans="1:28">
      <c r="A14" s="21" t="s">
        <v>232</v>
      </c>
      <c r="B14" s="21" t="s">
        <v>233</v>
      </c>
      <c r="C14" s="21" t="s">
        <v>262</v>
      </c>
      <c r="D14" s="21" t="s">
        <v>542</v>
      </c>
      <c r="E14" s="16">
        <v>9229513</v>
      </c>
      <c r="F14" s="16">
        <v>9137369</v>
      </c>
      <c r="G14" s="16">
        <v>8143183</v>
      </c>
      <c r="H14" s="22" t="s">
        <v>268</v>
      </c>
      <c r="I14" s="16">
        <v>7023501</v>
      </c>
      <c r="J14" s="16">
        <v>140539</v>
      </c>
      <c r="K14" s="16">
        <v>979143</v>
      </c>
      <c r="L14" s="16">
        <v>994186</v>
      </c>
      <c r="M14" s="22" t="s">
        <v>268</v>
      </c>
      <c r="N14" s="16">
        <v>608813</v>
      </c>
      <c r="O14" s="22" t="s">
        <v>268</v>
      </c>
      <c r="P14" s="22" t="s">
        <v>268</v>
      </c>
      <c r="Q14" s="16">
        <v>90835</v>
      </c>
      <c r="R14" s="22" t="s">
        <v>268</v>
      </c>
      <c r="S14" s="22" t="s">
        <v>268</v>
      </c>
      <c r="T14" s="22" t="s">
        <v>268</v>
      </c>
      <c r="U14" s="16">
        <v>23650</v>
      </c>
      <c r="V14" s="16">
        <v>270888</v>
      </c>
      <c r="W14" s="16">
        <v>54480</v>
      </c>
      <c r="X14" s="22" t="s">
        <v>268</v>
      </c>
      <c r="Y14" s="16">
        <v>37664</v>
      </c>
      <c r="Z14" s="16">
        <v>224935</v>
      </c>
      <c r="AA14" s="22" t="s">
        <v>268</v>
      </c>
      <c r="AB14" s="22" t="s">
        <v>268</v>
      </c>
    </row>
    <row r="15" spans="1:28">
      <c r="A15" s="21" t="s">
        <v>232</v>
      </c>
      <c r="B15" s="21" t="s">
        <v>233</v>
      </c>
      <c r="C15" s="21" t="s">
        <v>262</v>
      </c>
      <c r="D15" s="21" t="s">
        <v>543</v>
      </c>
      <c r="E15" s="16">
        <v>6629815</v>
      </c>
      <c r="F15" s="16">
        <v>6564733</v>
      </c>
      <c r="G15" s="16">
        <v>5546760</v>
      </c>
      <c r="H15" s="22" t="s">
        <v>268</v>
      </c>
      <c r="I15" s="16">
        <v>5332151</v>
      </c>
      <c r="J15" s="16">
        <v>21683</v>
      </c>
      <c r="K15" s="16">
        <v>192926</v>
      </c>
      <c r="L15" s="16">
        <v>1017973</v>
      </c>
      <c r="M15" s="16">
        <v>159224</v>
      </c>
      <c r="N15" s="22" t="s">
        <v>268</v>
      </c>
      <c r="O15" s="22" t="s">
        <v>268</v>
      </c>
      <c r="P15" s="16">
        <v>486725</v>
      </c>
      <c r="Q15" s="16">
        <v>12241</v>
      </c>
      <c r="R15" s="16">
        <v>195475</v>
      </c>
      <c r="S15" s="16">
        <v>26731</v>
      </c>
      <c r="T15" s="22" t="s">
        <v>268</v>
      </c>
      <c r="U15" s="16">
        <v>2169</v>
      </c>
      <c r="V15" s="16">
        <v>135408</v>
      </c>
      <c r="W15" s="16">
        <v>34040</v>
      </c>
      <c r="X15" s="22" t="s">
        <v>268</v>
      </c>
      <c r="Y15" s="16">
        <v>31042</v>
      </c>
      <c r="Z15" s="16">
        <v>781516</v>
      </c>
      <c r="AA15" s="22" t="s">
        <v>268</v>
      </c>
      <c r="AB15" s="22" t="s">
        <v>268</v>
      </c>
    </row>
    <row r="16" spans="1:28">
      <c r="A16" s="21" t="s">
        <v>232</v>
      </c>
      <c r="B16" s="21" t="s">
        <v>233</v>
      </c>
      <c r="C16" s="21" t="s">
        <v>262</v>
      </c>
      <c r="D16" s="21" t="s">
        <v>544</v>
      </c>
      <c r="E16" s="16">
        <v>2126291</v>
      </c>
      <c r="F16" s="16">
        <v>2100397</v>
      </c>
      <c r="G16" s="16">
        <v>1398574</v>
      </c>
      <c r="H16" s="22" t="s">
        <v>268</v>
      </c>
      <c r="I16" s="16">
        <v>1368974</v>
      </c>
      <c r="J16" s="16">
        <v>2479</v>
      </c>
      <c r="K16" s="16">
        <v>27121</v>
      </c>
      <c r="L16" s="16">
        <v>701823</v>
      </c>
      <c r="M16" s="22" t="s">
        <v>268</v>
      </c>
      <c r="N16" s="22" t="s">
        <v>268</v>
      </c>
      <c r="O16" s="16">
        <v>180999</v>
      </c>
      <c r="P16" s="16">
        <v>321841</v>
      </c>
      <c r="Q16" s="16">
        <v>2750</v>
      </c>
      <c r="R16" s="16">
        <v>113574</v>
      </c>
      <c r="S16" s="16">
        <v>19955</v>
      </c>
      <c r="T16" s="16">
        <v>29074</v>
      </c>
      <c r="U16" s="16">
        <v>200</v>
      </c>
      <c r="V16" s="16">
        <v>33430</v>
      </c>
      <c r="W16" s="16">
        <v>15232</v>
      </c>
      <c r="X16" s="22" t="s">
        <v>268</v>
      </c>
      <c r="Y16" s="16">
        <v>10662</v>
      </c>
      <c r="Z16" s="16">
        <v>672841</v>
      </c>
      <c r="AA16" s="22" t="s">
        <v>268</v>
      </c>
      <c r="AB16" s="22" t="s">
        <v>268</v>
      </c>
    </row>
    <row r="17" spans="1:28">
      <c r="A17" s="21" t="s">
        <v>232</v>
      </c>
      <c r="B17" s="21" t="s">
        <v>233</v>
      </c>
      <c r="C17" s="21" t="s">
        <v>262</v>
      </c>
      <c r="D17" s="21" t="s">
        <v>545</v>
      </c>
      <c r="E17" s="16">
        <v>629499</v>
      </c>
      <c r="F17" s="16">
        <v>619628</v>
      </c>
      <c r="G17" s="16">
        <v>192176</v>
      </c>
      <c r="H17" s="22" t="s">
        <v>268</v>
      </c>
      <c r="I17" s="16">
        <v>186717</v>
      </c>
      <c r="J17" s="16">
        <v>449</v>
      </c>
      <c r="K17" s="16">
        <v>5010</v>
      </c>
      <c r="L17" s="16">
        <v>427452</v>
      </c>
      <c r="M17" s="22" t="s">
        <v>268</v>
      </c>
      <c r="N17" s="22" t="s">
        <v>268</v>
      </c>
      <c r="O17" s="16">
        <v>222319</v>
      </c>
      <c r="P17" s="16">
        <v>93866</v>
      </c>
      <c r="Q17" s="16">
        <v>1124</v>
      </c>
      <c r="R17" s="16">
        <v>37883</v>
      </c>
      <c r="S17" s="16">
        <v>6643</v>
      </c>
      <c r="T17" s="16">
        <v>57817</v>
      </c>
      <c r="U17" s="16">
        <v>30</v>
      </c>
      <c r="V17" s="16">
        <v>7770</v>
      </c>
      <c r="W17" s="16">
        <v>6968</v>
      </c>
      <c r="X17" s="22" t="s">
        <v>268</v>
      </c>
      <c r="Y17" s="16">
        <v>2903</v>
      </c>
      <c r="Z17" s="16">
        <v>421962</v>
      </c>
      <c r="AA17" s="22" t="s">
        <v>268</v>
      </c>
      <c r="AB17" s="22" t="s">
        <v>268</v>
      </c>
    </row>
    <row r="18" spans="1:28">
      <c r="A18" s="21" t="s">
        <v>232</v>
      </c>
      <c r="B18" s="21" t="s">
        <v>233</v>
      </c>
      <c r="C18" s="21" t="s">
        <v>262</v>
      </c>
      <c r="D18" s="21" t="s">
        <v>546</v>
      </c>
      <c r="E18" s="16">
        <v>282201</v>
      </c>
      <c r="F18" s="16">
        <v>276358</v>
      </c>
      <c r="G18" s="16">
        <v>39492</v>
      </c>
      <c r="H18" s="22" t="s">
        <v>268</v>
      </c>
      <c r="I18" s="16">
        <v>37847</v>
      </c>
      <c r="J18" s="16">
        <v>133</v>
      </c>
      <c r="K18" s="16">
        <v>1512</v>
      </c>
      <c r="L18" s="16">
        <v>236866</v>
      </c>
      <c r="M18" s="22" t="s">
        <v>268</v>
      </c>
      <c r="N18" s="22" t="s">
        <v>268</v>
      </c>
      <c r="O18" s="16">
        <v>96047</v>
      </c>
      <c r="P18" s="16">
        <v>15264</v>
      </c>
      <c r="Q18" s="16">
        <v>515</v>
      </c>
      <c r="R18" s="16">
        <v>12224</v>
      </c>
      <c r="S18" s="16">
        <v>11258</v>
      </c>
      <c r="T18" s="16">
        <v>99034</v>
      </c>
      <c r="U18" s="16">
        <v>7</v>
      </c>
      <c r="V18" s="16">
        <v>2517</v>
      </c>
      <c r="W18" s="16">
        <v>4704</v>
      </c>
      <c r="X18" s="22" t="s">
        <v>268</v>
      </c>
      <c r="Y18" s="16">
        <v>1139</v>
      </c>
      <c r="Z18" s="16">
        <v>236449</v>
      </c>
      <c r="AA18" s="22" t="s">
        <v>268</v>
      </c>
      <c r="AB18" s="22" t="s">
        <v>268</v>
      </c>
    </row>
    <row r="19" spans="1:28">
      <c r="A19" s="21" t="s">
        <v>232</v>
      </c>
      <c r="B19" s="21" t="s">
        <v>237</v>
      </c>
      <c r="C19" s="21" t="s">
        <v>264</v>
      </c>
      <c r="D19" s="21" t="s">
        <v>214</v>
      </c>
      <c r="E19" s="16">
        <v>716740</v>
      </c>
      <c r="F19" s="16">
        <v>467025</v>
      </c>
      <c r="G19" s="16">
        <v>396063</v>
      </c>
      <c r="H19" s="16">
        <v>149328</v>
      </c>
      <c r="I19" s="16">
        <v>175135</v>
      </c>
      <c r="J19" s="16">
        <v>9867</v>
      </c>
      <c r="K19" s="16">
        <v>61733</v>
      </c>
      <c r="L19" s="16">
        <v>70962</v>
      </c>
      <c r="M19" s="16">
        <v>3574</v>
      </c>
      <c r="N19" s="16">
        <v>11896</v>
      </c>
      <c r="O19" s="16">
        <v>9848</v>
      </c>
      <c r="P19" s="16">
        <v>14968</v>
      </c>
      <c r="Q19" s="16">
        <v>2174</v>
      </c>
      <c r="R19" s="16">
        <v>7277</v>
      </c>
      <c r="S19" s="16">
        <v>1575</v>
      </c>
      <c r="T19" s="16">
        <v>4509</v>
      </c>
      <c r="U19" s="16">
        <v>5413</v>
      </c>
      <c r="V19" s="16">
        <v>9728</v>
      </c>
      <c r="W19" s="16">
        <v>5536</v>
      </c>
      <c r="X19" s="16">
        <v>242940</v>
      </c>
      <c r="Y19" s="16">
        <v>1239</v>
      </c>
      <c r="Z19" s="16">
        <v>43735</v>
      </c>
      <c r="AA19" s="16">
        <v>94175</v>
      </c>
      <c r="AB19" s="16">
        <v>92410</v>
      </c>
    </row>
    <row r="20" spans="1:28">
      <c r="A20" s="21" t="s">
        <v>232</v>
      </c>
      <c r="B20" s="21" t="s">
        <v>237</v>
      </c>
      <c r="C20" s="21" t="s">
        <v>264</v>
      </c>
      <c r="D20" s="21" t="s">
        <v>540</v>
      </c>
      <c r="E20" s="16">
        <v>242940</v>
      </c>
      <c r="F20" s="22" t="s">
        <v>268</v>
      </c>
      <c r="G20" s="22" t="s">
        <v>268</v>
      </c>
      <c r="H20" s="22" t="s">
        <v>268</v>
      </c>
      <c r="I20" s="22" t="s">
        <v>268</v>
      </c>
      <c r="J20" s="22" t="s">
        <v>268</v>
      </c>
      <c r="K20" s="22" t="s">
        <v>268</v>
      </c>
      <c r="L20" s="22" t="s">
        <v>268</v>
      </c>
      <c r="M20" s="22" t="s">
        <v>268</v>
      </c>
      <c r="N20" s="22" t="s">
        <v>268</v>
      </c>
      <c r="O20" s="22" t="s">
        <v>268</v>
      </c>
      <c r="P20" s="22" t="s">
        <v>268</v>
      </c>
      <c r="Q20" s="22" t="s">
        <v>268</v>
      </c>
      <c r="R20" s="22" t="s">
        <v>268</v>
      </c>
      <c r="S20" s="22" t="s">
        <v>268</v>
      </c>
      <c r="T20" s="22" t="s">
        <v>268</v>
      </c>
      <c r="U20" s="22" t="s">
        <v>268</v>
      </c>
      <c r="V20" s="22" t="s">
        <v>268</v>
      </c>
      <c r="W20" s="22" t="s">
        <v>268</v>
      </c>
      <c r="X20" s="16">
        <v>242940</v>
      </c>
      <c r="Y20" s="22" t="s">
        <v>268</v>
      </c>
      <c r="Z20" s="22" t="s">
        <v>268</v>
      </c>
      <c r="AA20" s="22" t="s">
        <v>268</v>
      </c>
      <c r="AB20" s="16">
        <v>92410</v>
      </c>
    </row>
    <row r="21" spans="1:28">
      <c r="A21" s="21" t="s">
        <v>232</v>
      </c>
      <c r="B21" s="21" t="s">
        <v>237</v>
      </c>
      <c r="C21" s="21" t="s">
        <v>264</v>
      </c>
      <c r="D21" s="21" t="s">
        <v>541</v>
      </c>
      <c r="E21" s="16">
        <v>212169</v>
      </c>
      <c r="F21" s="16">
        <v>207483</v>
      </c>
      <c r="G21" s="16">
        <v>201038</v>
      </c>
      <c r="H21" s="16">
        <v>149328</v>
      </c>
      <c r="I21" s="22" t="s">
        <v>268</v>
      </c>
      <c r="J21" s="16">
        <v>7725</v>
      </c>
      <c r="K21" s="16">
        <v>43985</v>
      </c>
      <c r="L21" s="16">
        <v>6445</v>
      </c>
      <c r="M21" s="22" t="s">
        <v>268</v>
      </c>
      <c r="N21" s="22" t="s">
        <v>268</v>
      </c>
      <c r="O21" s="22" t="s">
        <v>268</v>
      </c>
      <c r="P21" s="22" t="s">
        <v>268</v>
      </c>
      <c r="Q21" s="22" t="s">
        <v>268</v>
      </c>
      <c r="R21" s="22" t="s">
        <v>268</v>
      </c>
      <c r="S21" s="22" t="s">
        <v>268</v>
      </c>
      <c r="T21" s="22" t="s">
        <v>268</v>
      </c>
      <c r="U21" s="16">
        <v>5028</v>
      </c>
      <c r="V21" s="16">
        <v>1417</v>
      </c>
      <c r="W21" s="16">
        <v>4088</v>
      </c>
      <c r="X21" s="22" t="s">
        <v>268</v>
      </c>
      <c r="Y21" s="16">
        <v>598</v>
      </c>
      <c r="Z21" s="22" t="s">
        <v>268</v>
      </c>
      <c r="AA21" s="16">
        <v>94175</v>
      </c>
      <c r="AB21" s="22" t="s">
        <v>268</v>
      </c>
    </row>
    <row r="22" spans="1:28">
      <c r="A22" s="21" t="s">
        <v>232</v>
      </c>
      <c r="B22" s="21" t="s">
        <v>237</v>
      </c>
      <c r="C22" s="21" t="s">
        <v>264</v>
      </c>
      <c r="D22" s="21" t="s">
        <v>542</v>
      </c>
      <c r="E22" s="16">
        <v>120909</v>
      </c>
      <c r="F22" s="16">
        <v>119968</v>
      </c>
      <c r="G22" s="16">
        <v>101050</v>
      </c>
      <c r="H22" s="22" t="s">
        <v>268</v>
      </c>
      <c r="I22" s="16">
        <v>85561</v>
      </c>
      <c r="J22" s="16">
        <v>1768</v>
      </c>
      <c r="K22" s="16">
        <v>13721</v>
      </c>
      <c r="L22" s="16">
        <v>18918</v>
      </c>
      <c r="M22" s="22" t="s">
        <v>268</v>
      </c>
      <c r="N22" s="16">
        <v>11896</v>
      </c>
      <c r="O22" s="22" t="s">
        <v>268</v>
      </c>
      <c r="P22" s="22" t="s">
        <v>268</v>
      </c>
      <c r="Q22" s="16">
        <v>1814</v>
      </c>
      <c r="R22" s="22" t="s">
        <v>268</v>
      </c>
      <c r="S22" s="22" t="s">
        <v>268</v>
      </c>
      <c r="T22" s="22" t="s">
        <v>268</v>
      </c>
      <c r="U22" s="16">
        <v>354</v>
      </c>
      <c r="V22" s="16">
        <v>4854</v>
      </c>
      <c r="W22" s="16">
        <v>637</v>
      </c>
      <c r="X22" s="22" t="s">
        <v>268</v>
      </c>
      <c r="Y22" s="16">
        <v>304</v>
      </c>
      <c r="Z22" s="16">
        <v>3984</v>
      </c>
      <c r="AA22" s="22" t="s">
        <v>268</v>
      </c>
      <c r="AB22" s="22" t="s">
        <v>268</v>
      </c>
    </row>
    <row r="23" spans="1:28">
      <c r="A23" s="21" t="s">
        <v>232</v>
      </c>
      <c r="B23" s="21" t="s">
        <v>237</v>
      </c>
      <c r="C23" s="21" t="s">
        <v>264</v>
      </c>
      <c r="D23" s="21" t="s">
        <v>543</v>
      </c>
      <c r="E23" s="16">
        <v>85243</v>
      </c>
      <c r="F23" s="16">
        <v>84637</v>
      </c>
      <c r="G23" s="16">
        <v>65801</v>
      </c>
      <c r="H23" s="22" t="s">
        <v>268</v>
      </c>
      <c r="I23" s="16">
        <v>62116</v>
      </c>
      <c r="J23" s="16">
        <v>321</v>
      </c>
      <c r="K23" s="16">
        <v>3364</v>
      </c>
      <c r="L23" s="16">
        <v>18836</v>
      </c>
      <c r="M23" s="16">
        <v>3574</v>
      </c>
      <c r="N23" s="22" t="s">
        <v>268</v>
      </c>
      <c r="O23" s="22" t="s">
        <v>268</v>
      </c>
      <c r="P23" s="16">
        <v>8134</v>
      </c>
      <c r="Q23" s="16">
        <v>234</v>
      </c>
      <c r="R23" s="16">
        <v>3804</v>
      </c>
      <c r="S23" s="16">
        <v>594</v>
      </c>
      <c r="T23" s="22" t="s">
        <v>268</v>
      </c>
      <c r="U23" s="16">
        <v>27</v>
      </c>
      <c r="V23" s="16">
        <v>2469</v>
      </c>
      <c r="W23" s="16">
        <v>390</v>
      </c>
      <c r="X23" s="22" t="s">
        <v>268</v>
      </c>
      <c r="Y23" s="16">
        <v>216</v>
      </c>
      <c r="Z23" s="16">
        <v>13695</v>
      </c>
      <c r="AA23" s="22" t="s">
        <v>268</v>
      </c>
      <c r="AB23" s="22" t="s">
        <v>268</v>
      </c>
    </row>
    <row r="24" spans="1:28">
      <c r="A24" s="21" t="s">
        <v>232</v>
      </c>
      <c r="B24" s="21" t="s">
        <v>237</v>
      </c>
      <c r="C24" s="21" t="s">
        <v>264</v>
      </c>
      <c r="D24" s="21" t="s">
        <v>544</v>
      </c>
      <c r="E24" s="16">
        <v>35845</v>
      </c>
      <c r="F24" s="16">
        <v>35567</v>
      </c>
      <c r="G24" s="16">
        <v>23205</v>
      </c>
      <c r="H24" s="22" t="s">
        <v>268</v>
      </c>
      <c r="I24" s="16">
        <v>22637</v>
      </c>
      <c r="J24" s="16">
        <v>45</v>
      </c>
      <c r="K24" s="16">
        <v>523</v>
      </c>
      <c r="L24" s="16">
        <v>12362</v>
      </c>
      <c r="M24" s="22" t="s">
        <v>268</v>
      </c>
      <c r="N24" s="22" t="s">
        <v>268</v>
      </c>
      <c r="O24" s="16">
        <v>3445</v>
      </c>
      <c r="P24" s="16">
        <v>4733</v>
      </c>
      <c r="Q24" s="16">
        <v>68</v>
      </c>
      <c r="R24" s="16">
        <v>2288</v>
      </c>
      <c r="S24" s="16">
        <v>434</v>
      </c>
      <c r="T24" s="16">
        <v>653</v>
      </c>
      <c r="U24" s="16">
        <v>4</v>
      </c>
      <c r="V24" s="16">
        <v>737</v>
      </c>
      <c r="W24" s="16">
        <v>195</v>
      </c>
      <c r="X24" s="22" t="s">
        <v>268</v>
      </c>
      <c r="Y24" s="16">
        <v>83</v>
      </c>
      <c r="Z24" s="16">
        <v>11755</v>
      </c>
      <c r="AA24" s="22" t="s">
        <v>268</v>
      </c>
      <c r="AB24" s="22" t="s">
        <v>268</v>
      </c>
    </row>
    <row r="25" spans="1:28">
      <c r="A25" s="21" t="s">
        <v>232</v>
      </c>
      <c r="B25" s="21" t="s">
        <v>237</v>
      </c>
      <c r="C25" s="21" t="s">
        <v>264</v>
      </c>
      <c r="D25" s="21" t="s">
        <v>545</v>
      </c>
      <c r="E25" s="16">
        <v>12278</v>
      </c>
      <c r="F25" s="16">
        <v>12145</v>
      </c>
      <c r="G25" s="16">
        <v>4095</v>
      </c>
      <c r="H25" s="22" t="s">
        <v>268</v>
      </c>
      <c r="I25" s="16">
        <v>3972</v>
      </c>
      <c r="J25" s="16">
        <v>6</v>
      </c>
      <c r="K25" s="16">
        <v>117</v>
      </c>
      <c r="L25" s="16">
        <v>8050</v>
      </c>
      <c r="M25" s="22" t="s">
        <v>268</v>
      </c>
      <c r="N25" s="22" t="s">
        <v>268</v>
      </c>
      <c r="O25" s="16">
        <v>3863</v>
      </c>
      <c r="P25" s="16">
        <v>1722</v>
      </c>
      <c r="Q25" s="16">
        <v>37</v>
      </c>
      <c r="R25" s="16">
        <v>854</v>
      </c>
      <c r="S25" s="16">
        <v>170</v>
      </c>
      <c r="T25" s="16">
        <v>1217</v>
      </c>
      <c r="U25" s="22" t="s">
        <v>268</v>
      </c>
      <c r="V25" s="16">
        <v>187</v>
      </c>
      <c r="W25" s="16">
        <v>107</v>
      </c>
      <c r="X25" s="22" t="s">
        <v>268</v>
      </c>
      <c r="Y25" s="16">
        <v>26</v>
      </c>
      <c r="Z25" s="16">
        <v>7946</v>
      </c>
      <c r="AA25" s="22" t="s">
        <v>268</v>
      </c>
      <c r="AB25" s="22" t="s">
        <v>268</v>
      </c>
    </row>
    <row r="26" spans="1:28">
      <c r="A26" s="21" t="s">
        <v>232</v>
      </c>
      <c r="B26" s="21" t="s">
        <v>237</v>
      </c>
      <c r="C26" s="21" t="s">
        <v>264</v>
      </c>
      <c r="D26" s="21" t="s">
        <v>546</v>
      </c>
      <c r="E26" s="16">
        <v>7356</v>
      </c>
      <c r="F26" s="16">
        <v>7225</v>
      </c>
      <c r="G26" s="16">
        <v>874</v>
      </c>
      <c r="H26" s="22" t="s">
        <v>268</v>
      </c>
      <c r="I26" s="16">
        <v>849</v>
      </c>
      <c r="J26" s="16">
        <v>2</v>
      </c>
      <c r="K26" s="16">
        <v>23</v>
      </c>
      <c r="L26" s="16">
        <v>6351</v>
      </c>
      <c r="M26" s="22" t="s">
        <v>268</v>
      </c>
      <c r="N26" s="22" t="s">
        <v>268</v>
      </c>
      <c r="O26" s="16">
        <v>2540</v>
      </c>
      <c r="P26" s="16">
        <v>379</v>
      </c>
      <c r="Q26" s="16">
        <v>21</v>
      </c>
      <c r="R26" s="16">
        <v>331</v>
      </c>
      <c r="S26" s="16">
        <v>377</v>
      </c>
      <c r="T26" s="16">
        <v>2639</v>
      </c>
      <c r="U26" s="22" t="s">
        <v>268</v>
      </c>
      <c r="V26" s="16">
        <v>64</v>
      </c>
      <c r="W26" s="16">
        <v>119</v>
      </c>
      <c r="X26" s="22" t="s">
        <v>268</v>
      </c>
      <c r="Y26" s="16">
        <v>12</v>
      </c>
      <c r="Z26" s="16">
        <v>6355</v>
      </c>
      <c r="AA26" s="22" t="s">
        <v>268</v>
      </c>
      <c r="AB26" s="22" t="s">
        <v>268</v>
      </c>
    </row>
    <row r="27" spans="1:28">
      <c r="A27" s="21" t="s">
        <v>240</v>
      </c>
      <c r="B27" s="21" t="s">
        <v>237</v>
      </c>
      <c r="C27" s="21" t="s">
        <v>265</v>
      </c>
      <c r="D27" s="21" t="s">
        <v>214</v>
      </c>
      <c r="E27" s="16">
        <v>48996</v>
      </c>
      <c r="F27" s="16">
        <v>32763</v>
      </c>
      <c r="G27" s="16">
        <v>26302</v>
      </c>
      <c r="H27" s="16">
        <v>10245</v>
      </c>
      <c r="I27" s="16">
        <v>10781</v>
      </c>
      <c r="J27" s="16">
        <v>772</v>
      </c>
      <c r="K27" s="16">
        <v>4504</v>
      </c>
      <c r="L27" s="16">
        <v>6461</v>
      </c>
      <c r="M27" s="16">
        <v>375</v>
      </c>
      <c r="N27" s="16">
        <v>1045</v>
      </c>
      <c r="O27" s="16">
        <v>985</v>
      </c>
      <c r="P27" s="16">
        <v>1310</v>
      </c>
      <c r="Q27" s="16">
        <v>190</v>
      </c>
      <c r="R27" s="16">
        <v>638</v>
      </c>
      <c r="S27" s="16">
        <v>217</v>
      </c>
      <c r="T27" s="16">
        <v>479</v>
      </c>
      <c r="U27" s="16">
        <v>377</v>
      </c>
      <c r="V27" s="16">
        <v>845</v>
      </c>
      <c r="W27" s="16">
        <v>374</v>
      </c>
      <c r="X27" s="16">
        <v>15791</v>
      </c>
      <c r="Y27" s="16">
        <v>68</v>
      </c>
      <c r="Z27" s="16">
        <v>4145</v>
      </c>
      <c r="AA27" s="16">
        <v>6738</v>
      </c>
      <c r="AB27" s="16">
        <v>6739</v>
      </c>
    </row>
    <row r="28" spans="1:28">
      <c r="A28" s="21" t="s">
        <v>240</v>
      </c>
      <c r="B28" s="21" t="s">
        <v>237</v>
      </c>
      <c r="C28" s="21" t="s">
        <v>265</v>
      </c>
      <c r="D28" s="21" t="s">
        <v>540</v>
      </c>
      <c r="E28" s="16">
        <v>15791</v>
      </c>
      <c r="F28" s="22" t="s">
        <v>268</v>
      </c>
      <c r="G28" s="22" t="s">
        <v>268</v>
      </c>
      <c r="H28" s="22" t="s">
        <v>268</v>
      </c>
      <c r="I28" s="22" t="s">
        <v>268</v>
      </c>
      <c r="J28" s="22" t="s">
        <v>268</v>
      </c>
      <c r="K28" s="22" t="s">
        <v>268</v>
      </c>
      <c r="L28" s="22" t="s">
        <v>268</v>
      </c>
      <c r="M28" s="22" t="s">
        <v>268</v>
      </c>
      <c r="N28" s="22" t="s">
        <v>268</v>
      </c>
      <c r="O28" s="22" t="s">
        <v>268</v>
      </c>
      <c r="P28" s="22" t="s">
        <v>268</v>
      </c>
      <c r="Q28" s="22" t="s">
        <v>268</v>
      </c>
      <c r="R28" s="22" t="s">
        <v>268</v>
      </c>
      <c r="S28" s="22" t="s">
        <v>268</v>
      </c>
      <c r="T28" s="22" t="s">
        <v>268</v>
      </c>
      <c r="U28" s="22" t="s">
        <v>268</v>
      </c>
      <c r="V28" s="22" t="s">
        <v>268</v>
      </c>
      <c r="W28" s="22" t="s">
        <v>268</v>
      </c>
      <c r="X28" s="16">
        <v>15791</v>
      </c>
      <c r="Y28" s="22" t="s">
        <v>268</v>
      </c>
      <c r="Z28" s="22" t="s">
        <v>268</v>
      </c>
      <c r="AA28" s="22" t="s">
        <v>268</v>
      </c>
      <c r="AB28" s="16">
        <v>6739</v>
      </c>
    </row>
    <row r="29" spans="1:28">
      <c r="A29" s="21" t="s">
        <v>240</v>
      </c>
      <c r="B29" s="21" t="s">
        <v>237</v>
      </c>
      <c r="C29" s="21" t="s">
        <v>265</v>
      </c>
      <c r="D29" s="21" t="s">
        <v>541</v>
      </c>
      <c r="E29" s="16">
        <v>14870</v>
      </c>
      <c r="F29" s="16">
        <v>14587</v>
      </c>
      <c r="G29" s="16">
        <v>14137</v>
      </c>
      <c r="H29" s="16">
        <v>10245</v>
      </c>
      <c r="I29" s="22" t="s">
        <v>268</v>
      </c>
      <c r="J29" s="16">
        <v>613</v>
      </c>
      <c r="K29" s="16">
        <v>3279</v>
      </c>
      <c r="L29" s="16">
        <v>450</v>
      </c>
      <c r="M29" s="22" t="s">
        <v>268</v>
      </c>
      <c r="N29" s="22" t="s">
        <v>268</v>
      </c>
      <c r="O29" s="22" t="s">
        <v>268</v>
      </c>
      <c r="P29" s="22" t="s">
        <v>268</v>
      </c>
      <c r="Q29" s="22" t="s">
        <v>268</v>
      </c>
      <c r="R29" s="22" t="s">
        <v>268</v>
      </c>
      <c r="S29" s="22" t="s">
        <v>268</v>
      </c>
      <c r="T29" s="22" t="s">
        <v>268</v>
      </c>
      <c r="U29" s="16">
        <v>348</v>
      </c>
      <c r="V29" s="16">
        <v>102</v>
      </c>
      <c r="W29" s="16">
        <v>248</v>
      </c>
      <c r="X29" s="22" t="s">
        <v>268</v>
      </c>
      <c r="Y29" s="16">
        <v>35</v>
      </c>
      <c r="Z29" s="22" t="s">
        <v>268</v>
      </c>
      <c r="AA29" s="16">
        <v>6738</v>
      </c>
      <c r="AB29" s="22" t="s">
        <v>268</v>
      </c>
    </row>
    <row r="30" spans="1:28">
      <c r="A30" s="21" t="s">
        <v>240</v>
      </c>
      <c r="B30" s="21" t="s">
        <v>237</v>
      </c>
      <c r="C30" s="21" t="s">
        <v>265</v>
      </c>
      <c r="D30" s="21" t="s">
        <v>542</v>
      </c>
      <c r="E30" s="16">
        <v>8359</v>
      </c>
      <c r="F30" s="16">
        <v>8292</v>
      </c>
      <c r="G30" s="16">
        <v>6635</v>
      </c>
      <c r="H30" s="22" t="s">
        <v>268</v>
      </c>
      <c r="I30" s="16">
        <v>5552</v>
      </c>
      <c r="J30" s="16">
        <v>131</v>
      </c>
      <c r="K30" s="16">
        <v>952</v>
      </c>
      <c r="L30" s="16">
        <v>1657</v>
      </c>
      <c r="M30" s="22" t="s">
        <v>268</v>
      </c>
      <c r="N30" s="16">
        <v>1045</v>
      </c>
      <c r="O30" s="22" t="s">
        <v>268</v>
      </c>
      <c r="P30" s="22" t="s">
        <v>268</v>
      </c>
      <c r="Q30" s="16">
        <v>153</v>
      </c>
      <c r="R30" s="22" t="s">
        <v>268</v>
      </c>
      <c r="S30" s="22" t="s">
        <v>268</v>
      </c>
      <c r="T30" s="22" t="s">
        <v>268</v>
      </c>
      <c r="U30" s="16">
        <v>27</v>
      </c>
      <c r="V30" s="16">
        <v>432</v>
      </c>
      <c r="W30" s="16">
        <v>51</v>
      </c>
      <c r="X30" s="22" t="s">
        <v>268</v>
      </c>
      <c r="Y30" s="16">
        <v>16</v>
      </c>
      <c r="Z30" s="16">
        <v>361</v>
      </c>
      <c r="AA30" s="22" t="s">
        <v>268</v>
      </c>
      <c r="AB30" s="22" t="s">
        <v>268</v>
      </c>
    </row>
    <row r="31" spans="1:28">
      <c r="A31" s="21" t="s">
        <v>240</v>
      </c>
      <c r="B31" s="21" t="s">
        <v>237</v>
      </c>
      <c r="C31" s="21" t="s">
        <v>265</v>
      </c>
      <c r="D31" s="21" t="s">
        <v>543</v>
      </c>
      <c r="E31" s="16">
        <v>5634</v>
      </c>
      <c r="F31" s="16">
        <v>5591</v>
      </c>
      <c r="G31" s="16">
        <v>3886</v>
      </c>
      <c r="H31" s="22" t="s">
        <v>268</v>
      </c>
      <c r="I31" s="16">
        <v>3633</v>
      </c>
      <c r="J31" s="16">
        <v>25</v>
      </c>
      <c r="K31" s="16">
        <v>228</v>
      </c>
      <c r="L31" s="16">
        <v>1705</v>
      </c>
      <c r="M31" s="16">
        <v>375</v>
      </c>
      <c r="N31" s="22" t="s">
        <v>268</v>
      </c>
      <c r="O31" s="22" t="s">
        <v>268</v>
      </c>
      <c r="P31" s="16">
        <v>694</v>
      </c>
      <c r="Q31" s="16">
        <v>20</v>
      </c>
      <c r="R31" s="16">
        <v>328</v>
      </c>
      <c r="S31" s="16">
        <v>55</v>
      </c>
      <c r="T31" s="22" t="s">
        <v>268</v>
      </c>
      <c r="U31" s="16">
        <v>1</v>
      </c>
      <c r="V31" s="16">
        <v>232</v>
      </c>
      <c r="W31" s="16">
        <v>31</v>
      </c>
      <c r="X31" s="22" t="s">
        <v>268</v>
      </c>
      <c r="Y31" s="16">
        <v>12</v>
      </c>
      <c r="Z31" s="16">
        <v>1191</v>
      </c>
      <c r="AA31" s="22" t="s">
        <v>268</v>
      </c>
      <c r="AB31" s="22" t="s">
        <v>268</v>
      </c>
    </row>
    <row r="32" spans="1:28">
      <c r="A32" s="21" t="s">
        <v>240</v>
      </c>
      <c r="B32" s="21" t="s">
        <v>237</v>
      </c>
      <c r="C32" s="21" t="s">
        <v>265</v>
      </c>
      <c r="D32" s="21" t="s">
        <v>544</v>
      </c>
      <c r="E32" s="16">
        <v>2541</v>
      </c>
      <c r="F32" s="16">
        <v>2528</v>
      </c>
      <c r="G32" s="16">
        <v>1363</v>
      </c>
      <c r="H32" s="22" t="s">
        <v>268</v>
      </c>
      <c r="I32" s="16">
        <v>1324</v>
      </c>
      <c r="J32" s="16">
        <v>2</v>
      </c>
      <c r="K32" s="16">
        <v>37</v>
      </c>
      <c r="L32" s="16">
        <v>1165</v>
      </c>
      <c r="M32" s="22" t="s">
        <v>268</v>
      </c>
      <c r="N32" s="22" t="s">
        <v>268</v>
      </c>
      <c r="O32" s="16">
        <v>328</v>
      </c>
      <c r="P32" s="16">
        <v>437</v>
      </c>
      <c r="Q32" s="16">
        <v>8</v>
      </c>
      <c r="R32" s="16">
        <v>211</v>
      </c>
      <c r="S32" s="16">
        <v>42</v>
      </c>
      <c r="T32" s="16">
        <v>73</v>
      </c>
      <c r="U32" s="16">
        <v>1</v>
      </c>
      <c r="V32" s="16">
        <v>65</v>
      </c>
      <c r="W32" s="16">
        <v>11</v>
      </c>
      <c r="X32" s="22" t="s">
        <v>268</v>
      </c>
      <c r="Y32" s="16">
        <v>2</v>
      </c>
      <c r="Z32" s="16">
        <v>1107</v>
      </c>
      <c r="AA32" s="22" t="s">
        <v>268</v>
      </c>
      <c r="AB32" s="22" t="s">
        <v>268</v>
      </c>
    </row>
    <row r="33" spans="1:28">
      <c r="A33" s="21" t="s">
        <v>240</v>
      </c>
      <c r="B33" s="21" t="s">
        <v>237</v>
      </c>
      <c r="C33" s="21" t="s">
        <v>265</v>
      </c>
      <c r="D33" s="21" t="s">
        <v>545</v>
      </c>
      <c r="E33" s="16">
        <v>1051</v>
      </c>
      <c r="F33" s="16">
        <v>1038</v>
      </c>
      <c r="G33" s="16">
        <v>226</v>
      </c>
      <c r="H33" s="22" t="s">
        <v>268</v>
      </c>
      <c r="I33" s="16">
        <v>221</v>
      </c>
      <c r="J33" s="22" t="s">
        <v>268</v>
      </c>
      <c r="K33" s="16">
        <v>5</v>
      </c>
      <c r="L33" s="16">
        <v>812</v>
      </c>
      <c r="M33" s="22" t="s">
        <v>268</v>
      </c>
      <c r="N33" s="22" t="s">
        <v>268</v>
      </c>
      <c r="O33" s="16">
        <v>414</v>
      </c>
      <c r="P33" s="16">
        <v>147</v>
      </c>
      <c r="Q33" s="16">
        <v>7</v>
      </c>
      <c r="R33" s="16">
        <v>71</v>
      </c>
      <c r="S33" s="16">
        <v>31</v>
      </c>
      <c r="T33" s="16">
        <v>132</v>
      </c>
      <c r="U33" s="22" t="s">
        <v>268</v>
      </c>
      <c r="V33" s="16">
        <v>10</v>
      </c>
      <c r="W33" s="16">
        <v>10</v>
      </c>
      <c r="X33" s="22" t="s">
        <v>268</v>
      </c>
      <c r="Y33" s="16">
        <v>3</v>
      </c>
      <c r="Z33" s="16">
        <v>802</v>
      </c>
      <c r="AA33" s="22" t="s">
        <v>268</v>
      </c>
      <c r="AB33" s="22" t="s">
        <v>268</v>
      </c>
    </row>
    <row r="34" spans="1:28">
      <c r="A34" s="21" t="s">
        <v>240</v>
      </c>
      <c r="B34" s="21" t="s">
        <v>237</v>
      </c>
      <c r="C34" s="21" t="s">
        <v>265</v>
      </c>
      <c r="D34" s="21" t="s">
        <v>546</v>
      </c>
      <c r="E34" s="16">
        <v>750</v>
      </c>
      <c r="F34" s="16">
        <v>727</v>
      </c>
      <c r="G34" s="16">
        <v>55</v>
      </c>
      <c r="H34" s="22" t="s">
        <v>268</v>
      </c>
      <c r="I34" s="16">
        <v>51</v>
      </c>
      <c r="J34" s="16">
        <v>1</v>
      </c>
      <c r="K34" s="16">
        <v>3</v>
      </c>
      <c r="L34" s="16">
        <v>672</v>
      </c>
      <c r="M34" s="22" t="s">
        <v>268</v>
      </c>
      <c r="N34" s="22" t="s">
        <v>268</v>
      </c>
      <c r="O34" s="16">
        <v>243</v>
      </c>
      <c r="P34" s="16">
        <v>32</v>
      </c>
      <c r="Q34" s="16">
        <v>2</v>
      </c>
      <c r="R34" s="16">
        <v>28</v>
      </c>
      <c r="S34" s="16">
        <v>89</v>
      </c>
      <c r="T34" s="16">
        <v>274</v>
      </c>
      <c r="U34" s="22" t="s">
        <v>268</v>
      </c>
      <c r="V34" s="16">
        <v>4</v>
      </c>
      <c r="W34" s="16">
        <v>23</v>
      </c>
      <c r="X34" s="22" t="s">
        <v>268</v>
      </c>
      <c r="Y34" s="22" t="s">
        <v>268</v>
      </c>
      <c r="Z34" s="16">
        <v>684</v>
      </c>
      <c r="AA34" s="22" t="s">
        <v>268</v>
      </c>
      <c r="AB34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5" orientation="portrait" r:id="rId1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D3761A-67B5-4E9C-B65C-149E12264B38}">
  <sheetPr>
    <pageSetUpPr fitToPage="1"/>
  </sheetPr>
  <dimension ref="A1:AE199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4" width="12.625" style="20"/>
    <col min="5" max="5" width="19" style="20" bestFit="1" customWidth="1"/>
    <col min="6" max="16384" width="12.625" style="20"/>
  </cols>
  <sheetData>
    <row r="1" spans="1:31" s="11" customFormat="1">
      <c r="A1" s="11" t="s">
        <v>192</v>
      </c>
    </row>
    <row r="2" spans="1:31" s="11" customFormat="1">
      <c r="A2" s="11" t="s">
        <v>618</v>
      </c>
    </row>
    <row r="3" spans="1:31" s="11" customFormat="1"/>
    <row r="4" spans="1:31" s="11" customFormat="1" hidden="1"/>
    <row r="5" spans="1:31" s="11" customFormat="1"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  <c r="P5" s="12" t="s">
        <v>494</v>
      </c>
      <c r="Q5" s="12" t="s">
        <v>494</v>
      </c>
      <c r="R5" s="12" t="s">
        <v>494</v>
      </c>
      <c r="S5" s="12" t="s">
        <v>494</v>
      </c>
      <c r="T5" s="12" t="s">
        <v>494</v>
      </c>
      <c r="U5" s="12" t="s">
        <v>494</v>
      </c>
      <c r="V5" s="12" t="s">
        <v>494</v>
      </c>
      <c r="W5" s="12" t="s">
        <v>494</v>
      </c>
      <c r="X5" s="12" t="s">
        <v>494</v>
      </c>
      <c r="Y5" s="12" t="s">
        <v>494</v>
      </c>
      <c r="Z5" s="12" t="s">
        <v>494</v>
      </c>
      <c r="AA5" s="12" t="s">
        <v>494</v>
      </c>
      <c r="AB5" s="12" t="s">
        <v>494</v>
      </c>
      <c r="AC5" s="12" t="s">
        <v>494</v>
      </c>
      <c r="AD5" s="12" t="s">
        <v>494</v>
      </c>
      <c r="AE5" s="12" t="s">
        <v>494</v>
      </c>
    </row>
    <row r="6" spans="1:31" s="11" customFormat="1" ht="24">
      <c r="F6" s="12" t="s">
        <v>563</v>
      </c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  <c r="AE6" s="12" t="s">
        <v>563</v>
      </c>
    </row>
    <row r="7" spans="1:31" s="11" customFormat="1">
      <c r="F7" s="12">
        <v>1</v>
      </c>
      <c r="G7" s="12">
        <v>1</v>
      </c>
      <c r="H7" s="12">
        <v>2</v>
      </c>
      <c r="I7" s="12">
        <v>3</v>
      </c>
      <c r="J7" s="12">
        <v>3</v>
      </c>
      <c r="K7" s="12">
        <v>3</v>
      </c>
      <c r="L7" s="12">
        <v>3</v>
      </c>
      <c r="M7" s="12">
        <v>2</v>
      </c>
      <c r="N7" s="12">
        <v>3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3</v>
      </c>
      <c r="U7" s="12">
        <v>3</v>
      </c>
      <c r="V7" s="12">
        <v>3</v>
      </c>
      <c r="W7" s="12">
        <v>3</v>
      </c>
      <c r="X7" s="12">
        <v>1</v>
      </c>
      <c r="Y7" s="12">
        <v>1</v>
      </c>
      <c r="Z7" s="12">
        <v>1</v>
      </c>
      <c r="AA7" s="12">
        <v>1</v>
      </c>
      <c r="AB7" s="12">
        <v>1</v>
      </c>
      <c r="AC7" s="12">
        <v>1</v>
      </c>
      <c r="AD7" s="12">
        <v>1</v>
      </c>
      <c r="AE7" s="12">
        <v>1</v>
      </c>
    </row>
    <row r="8" spans="1:31" s="11" customFormat="1" ht="60">
      <c r="F8" s="12" t="s">
        <v>214</v>
      </c>
      <c r="G8" s="12" t="s">
        <v>564</v>
      </c>
      <c r="H8" s="12" t="s">
        <v>565</v>
      </c>
      <c r="I8" s="12" t="s">
        <v>566</v>
      </c>
      <c r="J8" s="12" t="s">
        <v>567</v>
      </c>
      <c r="K8" s="12" t="s">
        <v>568</v>
      </c>
      <c r="L8" s="12" t="s">
        <v>569</v>
      </c>
      <c r="M8" s="12" t="s">
        <v>570</v>
      </c>
      <c r="N8" s="12" t="s">
        <v>571</v>
      </c>
      <c r="O8" s="12" t="s">
        <v>575</v>
      </c>
      <c r="P8" s="12" t="s">
        <v>578</v>
      </c>
      <c r="Q8" s="12" t="s">
        <v>581</v>
      </c>
      <c r="R8" s="12" t="s">
        <v>584</v>
      </c>
      <c r="S8" s="12" t="s">
        <v>585</v>
      </c>
      <c r="T8" s="12" t="s">
        <v>586</v>
      </c>
      <c r="U8" s="12" t="s">
        <v>589</v>
      </c>
      <c r="V8" s="12" t="s">
        <v>592</v>
      </c>
      <c r="W8" s="12" t="s">
        <v>593</v>
      </c>
      <c r="X8" s="12" t="s">
        <v>594</v>
      </c>
      <c r="Y8" s="12" t="s">
        <v>595</v>
      </c>
      <c r="Z8" s="12" t="s">
        <v>596</v>
      </c>
      <c r="AA8" s="12" t="s">
        <v>597</v>
      </c>
      <c r="AB8" s="12" t="s">
        <v>616</v>
      </c>
      <c r="AC8" s="12" t="s">
        <v>617</v>
      </c>
      <c r="AD8" s="12" t="s">
        <v>619</v>
      </c>
      <c r="AE8" s="12" t="s">
        <v>620</v>
      </c>
    </row>
    <row r="9" spans="1:31" s="11" customFormat="1"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  <c r="P9" s="13" t="s">
        <v>223</v>
      </c>
      <c r="Q9" s="13" t="s">
        <v>223</v>
      </c>
      <c r="R9" s="13" t="s">
        <v>223</v>
      </c>
      <c r="S9" s="13" t="s">
        <v>223</v>
      </c>
      <c r="T9" s="13" t="s">
        <v>223</v>
      </c>
      <c r="U9" s="13" t="s">
        <v>223</v>
      </c>
      <c r="V9" s="13" t="s">
        <v>223</v>
      </c>
      <c r="W9" s="13" t="s">
        <v>223</v>
      </c>
      <c r="X9" s="13" t="s">
        <v>223</v>
      </c>
      <c r="Y9" s="13" t="s">
        <v>223</v>
      </c>
      <c r="Z9" s="13" t="s">
        <v>223</v>
      </c>
      <c r="AA9" s="13" t="s">
        <v>223</v>
      </c>
      <c r="AB9" s="13" t="s">
        <v>223</v>
      </c>
      <c r="AC9" s="13" t="s">
        <v>223</v>
      </c>
      <c r="AD9" s="13" t="s">
        <v>223</v>
      </c>
      <c r="AE9" s="13" t="s">
        <v>223</v>
      </c>
    </row>
    <row r="10" spans="1:31" s="11" customFormat="1">
      <c r="A10" s="14" t="s">
        <v>224</v>
      </c>
      <c r="B10" s="14" t="s">
        <v>259</v>
      </c>
      <c r="C10" s="14" t="s">
        <v>230</v>
      </c>
      <c r="D10" s="14" t="s">
        <v>621</v>
      </c>
      <c r="E10" s="14" t="s">
        <v>622</v>
      </c>
      <c r="F10" s="14" t="s">
        <v>231</v>
      </c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  <c r="AE10" s="14"/>
    </row>
    <row r="11" spans="1:31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401</v>
      </c>
      <c r="F11" s="16">
        <v>55704949</v>
      </c>
      <c r="G11" s="16">
        <v>33889589</v>
      </c>
      <c r="H11" s="16">
        <v>30110571</v>
      </c>
      <c r="I11" s="16">
        <v>11158840</v>
      </c>
      <c r="J11" s="16">
        <v>13949190</v>
      </c>
      <c r="K11" s="16">
        <v>738006</v>
      </c>
      <c r="L11" s="16">
        <v>4264535</v>
      </c>
      <c r="M11" s="16">
        <v>3779018</v>
      </c>
      <c r="N11" s="16">
        <v>159224</v>
      </c>
      <c r="O11" s="16">
        <v>608813</v>
      </c>
      <c r="P11" s="16">
        <v>499365</v>
      </c>
      <c r="Q11" s="16">
        <v>917696</v>
      </c>
      <c r="R11" s="16">
        <v>107465</v>
      </c>
      <c r="S11" s="16">
        <v>359156</v>
      </c>
      <c r="T11" s="16">
        <v>64587</v>
      </c>
      <c r="U11" s="16">
        <v>185925</v>
      </c>
      <c r="V11" s="16">
        <v>346184</v>
      </c>
      <c r="W11" s="16">
        <v>530603</v>
      </c>
      <c r="X11" s="16">
        <v>504198</v>
      </c>
      <c r="Y11" s="16">
        <v>21151042</v>
      </c>
      <c r="Z11" s="16">
        <v>160120</v>
      </c>
      <c r="AA11" s="16">
        <v>2337703</v>
      </c>
      <c r="AB11" s="16">
        <v>6533895</v>
      </c>
      <c r="AC11" s="16">
        <v>6716806</v>
      </c>
      <c r="AD11" s="16">
        <v>538532</v>
      </c>
      <c r="AE11" s="16">
        <v>532045</v>
      </c>
    </row>
    <row r="12" spans="1:31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514</v>
      </c>
      <c r="F12" s="16">
        <v>213</v>
      </c>
      <c r="G12" s="16">
        <v>82</v>
      </c>
      <c r="H12" s="16">
        <v>40</v>
      </c>
      <c r="I12" s="22" t="s">
        <v>268</v>
      </c>
      <c r="J12" s="16">
        <v>13</v>
      </c>
      <c r="K12" s="16">
        <v>2</v>
      </c>
      <c r="L12" s="16">
        <v>25</v>
      </c>
      <c r="M12" s="16">
        <v>42</v>
      </c>
      <c r="N12" s="22" t="s">
        <v>268</v>
      </c>
      <c r="O12" s="22" t="s">
        <v>268</v>
      </c>
      <c r="P12" s="22" t="s">
        <v>268</v>
      </c>
      <c r="Q12" s="22" t="s">
        <v>268</v>
      </c>
      <c r="R12" s="22" t="s">
        <v>268</v>
      </c>
      <c r="S12" s="22" t="s">
        <v>268</v>
      </c>
      <c r="T12" s="22" t="s">
        <v>268</v>
      </c>
      <c r="U12" s="22" t="s">
        <v>268</v>
      </c>
      <c r="V12" s="16">
        <v>28</v>
      </c>
      <c r="W12" s="16">
        <v>14</v>
      </c>
      <c r="X12" s="16">
        <v>3</v>
      </c>
      <c r="Y12" s="16">
        <v>128</v>
      </c>
      <c r="Z12" s="22" t="s">
        <v>268</v>
      </c>
      <c r="AA12" s="16">
        <v>1</v>
      </c>
      <c r="AB12" s="22" t="s">
        <v>268</v>
      </c>
      <c r="AC12" s="22" t="s">
        <v>268</v>
      </c>
      <c r="AD12" s="16">
        <v>77</v>
      </c>
      <c r="AE12" s="22" t="s">
        <v>268</v>
      </c>
    </row>
    <row r="13" spans="1:31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515</v>
      </c>
      <c r="F13" s="16">
        <v>294361</v>
      </c>
      <c r="G13" s="16">
        <v>5411</v>
      </c>
      <c r="H13" s="16">
        <v>3109</v>
      </c>
      <c r="I13" s="16">
        <v>779</v>
      </c>
      <c r="J13" s="16">
        <v>1197</v>
      </c>
      <c r="K13" s="16">
        <v>86</v>
      </c>
      <c r="L13" s="16">
        <v>1047</v>
      </c>
      <c r="M13" s="16">
        <v>2302</v>
      </c>
      <c r="N13" s="22" t="s">
        <v>268</v>
      </c>
      <c r="O13" s="16">
        <v>8</v>
      </c>
      <c r="P13" s="16">
        <v>1</v>
      </c>
      <c r="Q13" s="16">
        <v>14</v>
      </c>
      <c r="R13" s="16">
        <v>22</v>
      </c>
      <c r="S13" s="16">
        <v>7</v>
      </c>
      <c r="T13" s="16">
        <v>3</v>
      </c>
      <c r="U13" s="16">
        <v>5</v>
      </c>
      <c r="V13" s="16">
        <v>1949</v>
      </c>
      <c r="W13" s="16">
        <v>293</v>
      </c>
      <c r="X13" s="16">
        <v>1327</v>
      </c>
      <c r="Y13" s="16">
        <v>287623</v>
      </c>
      <c r="Z13" s="22" t="s">
        <v>268</v>
      </c>
      <c r="AA13" s="16">
        <v>46</v>
      </c>
      <c r="AB13" s="22" t="s">
        <v>268</v>
      </c>
      <c r="AC13" s="22" t="s">
        <v>268</v>
      </c>
      <c r="AD13" s="16">
        <v>13611</v>
      </c>
      <c r="AE13" s="16">
        <v>26524</v>
      </c>
    </row>
    <row r="14" spans="1:31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516</v>
      </c>
      <c r="F14" s="16">
        <v>1889403</v>
      </c>
      <c r="G14" s="16">
        <v>153944</v>
      </c>
      <c r="H14" s="16">
        <v>125668</v>
      </c>
      <c r="I14" s="16">
        <v>44044</v>
      </c>
      <c r="J14" s="16">
        <v>57378</v>
      </c>
      <c r="K14" s="16">
        <v>1420</v>
      </c>
      <c r="L14" s="16">
        <v>22826</v>
      </c>
      <c r="M14" s="16">
        <v>28276</v>
      </c>
      <c r="N14" s="16">
        <v>37</v>
      </c>
      <c r="O14" s="16">
        <v>230</v>
      </c>
      <c r="P14" s="16">
        <v>106</v>
      </c>
      <c r="Q14" s="16">
        <v>595</v>
      </c>
      <c r="R14" s="16">
        <v>527</v>
      </c>
      <c r="S14" s="16">
        <v>408</v>
      </c>
      <c r="T14" s="16">
        <v>87</v>
      </c>
      <c r="U14" s="16">
        <v>284</v>
      </c>
      <c r="V14" s="16">
        <v>22259</v>
      </c>
      <c r="W14" s="16">
        <v>3743</v>
      </c>
      <c r="X14" s="16">
        <v>44907</v>
      </c>
      <c r="Y14" s="16">
        <v>1690552</v>
      </c>
      <c r="Z14" s="22" t="s">
        <v>268</v>
      </c>
      <c r="AA14" s="16">
        <v>1931</v>
      </c>
      <c r="AB14" s="22" t="s">
        <v>268</v>
      </c>
      <c r="AC14" s="22" t="s">
        <v>268</v>
      </c>
      <c r="AD14" s="16">
        <v>86670</v>
      </c>
      <c r="AE14" s="16">
        <v>151735</v>
      </c>
    </row>
    <row r="15" spans="1:31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517</v>
      </c>
      <c r="F15" s="16">
        <v>2638964</v>
      </c>
      <c r="G15" s="16">
        <v>766893</v>
      </c>
      <c r="H15" s="16">
        <v>727398</v>
      </c>
      <c r="I15" s="16">
        <v>311028</v>
      </c>
      <c r="J15" s="16">
        <v>341015</v>
      </c>
      <c r="K15" s="16">
        <v>3742</v>
      </c>
      <c r="L15" s="16">
        <v>71613</v>
      </c>
      <c r="M15" s="16">
        <v>39495</v>
      </c>
      <c r="N15" s="16">
        <v>226</v>
      </c>
      <c r="O15" s="16">
        <v>1165</v>
      </c>
      <c r="P15" s="16">
        <v>969</v>
      </c>
      <c r="Q15" s="16">
        <v>3728</v>
      </c>
      <c r="R15" s="16">
        <v>1219</v>
      </c>
      <c r="S15" s="16">
        <v>1622</v>
      </c>
      <c r="T15" s="16">
        <v>373</v>
      </c>
      <c r="U15" s="16">
        <v>1219</v>
      </c>
      <c r="V15" s="16">
        <v>21774</v>
      </c>
      <c r="W15" s="16">
        <v>7200</v>
      </c>
      <c r="X15" s="16">
        <v>85167</v>
      </c>
      <c r="Y15" s="16">
        <v>1786904</v>
      </c>
      <c r="Z15" s="22" t="s">
        <v>268</v>
      </c>
      <c r="AA15" s="16">
        <v>9532</v>
      </c>
      <c r="AB15" s="22" t="s">
        <v>268</v>
      </c>
      <c r="AC15" s="22" t="s">
        <v>268</v>
      </c>
      <c r="AD15" s="16">
        <v>76862</v>
      </c>
      <c r="AE15" s="16">
        <v>136721</v>
      </c>
    </row>
    <row r="16" spans="1:31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518</v>
      </c>
      <c r="F16" s="16">
        <v>2917497</v>
      </c>
      <c r="G16" s="16">
        <v>1608360</v>
      </c>
      <c r="H16" s="16">
        <v>1551685</v>
      </c>
      <c r="I16" s="16">
        <v>397744</v>
      </c>
      <c r="J16" s="16">
        <v>1002217</v>
      </c>
      <c r="K16" s="16">
        <v>8231</v>
      </c>
      <c r="L16" s="16">
        <v>143493</v>
      </c>
      <c r="M16" s="16">
        <v>56675</v>
      </c>
      <c r="N16" s="16">
        <v>507</v>
      </c>
      <c r="O16" s="16">
        <v>2658</v>
      </c>
      <c r="P16" s="16">
        <v>4510</v>
      </c>
      <c r="Q16" s="16">
        <v>13473</v>
      </c>
      <c r="R16" s="16">
        <v>1496</v>
      </c>
      <c r="S16" s="16">
        <v>3727</v>
      </c>
      <c r="T16" s="16">
        <v>705</v>
      </c>
      <c r="U16" s="16">
        <v>3381</v>
      </c>
      <c r="V16" s="16">
        <v>15245</v>
      </c>
      <c r="W16" s="16">
        <v>10973</v>
      </c>
      <c r="X16" s="16">
        <v>51303</v>
      </c>
      <c r="Y16" s="16">
        <v>1257834</v>
      </c>
      <c r="Z16" s="22" t="s">
        <v>268</v>
      </c>
      <c r="AA16" s="16">
        <v>29729</v>
      </c>
      <c r="AB16" s="22" t="s">
        <v>268</v>
      </c>
      <c r="AC16" s="22" t="s">
        <v>268</v>
      </c>
      <c r="AD16" s="16">
        <v>45614</v>
      </c>
      <c r="AE16" s="16">
        <v>54508</v>
      </c>
    </row>
    <row r="17" spans="1:31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519</v>
      </c>
      <c r="F17" s="16">
        <v>3379410</v>
      </c>
      <c r="G17" s="16">
        <v>2305345</v>
      </c>
      <c r="H17" s="16">
        <v>2210579</v>
      </c>
      <c r="I17" s="16">
        <v>341564</v>
      </c>
      <c r="J17" s="16">
        <v>1599974</v>
      </c>
      <c r="K17" s="16">
        <v>17674</v>
      </c>
      <c r="L17" s="16">
        <v>251367</v>
      </c>
      <c r="M17" s="16">
        <v>94766</v>
      </c>
      <c r="N17" s="16">
        <v>1061</v>
      </c>
      <c r="O17" s="16">
        <v>5018</v>
      </c>
      <c r="P17" s="16">
        <v>12302</v>
      </c>
      <c r="Q17" s="16">
        <v>32436</v>
      </c>
      <c r="R17" s="16">
        <v>1457</v>
      </c>
      <c r="S17" s="16">
        <v>6089</v>
      </c>
      <c r="T17" s="16">
        <v>959</v>
      </c>
      <c r="U17" s="16">
        <v>6060</v>
      </c>
      <c r="V17" s="16">
        <v>12915</v>
      </c>
      <c r="W17" s="16">
        <v>16469</v>
      </c>
      <c r="X17" s="16">
        <v>37876</v>
      </c>
      <c r="Y17" s="16">
        <v>1036189</v>
      </c>
      <c r="Z17" s="22" t="s">
        <v>268</v>
      </c>
      <c r="AA17" s="16">
        <v>66189</v>
      </c>
      <c r="AB17" s="22" t="s">
        <v>268</v>
      </c>
      <c r="AC17" s="22" t="s">
        <v>268</v>
      </c>
      <c r="AD17" s="16">
        <v>29600</v>
      </c>
      <c r="AE17" s="16">
        <v>27659</v>
      </c>
    </row>
    <row r="18" spans="1:31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520</v>
      </c>
      <c r="F18" s="16">
        <v>3964001</v>
      </c>
      <c r="G18" s="16">
        <v>2897898</v>
      </c>
      <c r="H18" s="16">
        <v>2740694</v>
      </c>
      <c r="I18" s="16">
        <v>359594</v>
      </c>
      <c r="J18" s="16">
        <v>1965011</v>
      </c>
      <c r="K18" s="16">
        <v>33978</v>
      </c>
      <c r="L18" s="16">
        <v>382111</v>
      </c>
      <c r="M18" s="16">
        <v>157204</v>
      </c>
      <c r="N18" s="16">
        <v>1867</v>
      </c>
      <c r="O18" s="16">
        <v>9434</v>
      </c>
      <c r="P18" s="16">
        <v>22960</v>
      </c>
      <c r="Q18" s="16">
        <v>62475</v>
      </c>
      <c r="R18" s="16">
        <v>1777</v>
      </c>
      <c r="S18" s="16">
        <v>8888</v>
      </c>
      <c r="T18" s="16">
        <v>1481</v>
      </c>
      <c r="U18" s="16">
        <v>8520</v>
      </c>
      <c r="V18" s="16">
        <v>14164</v>
      </c>
      <c r="W18" s="16">
        <v>25638</v>
      </c>
      <c r="X18" s="16">
        <v>36252</v>
      </c>
      <c r="Y18" s="16">
        <v>1029851</v>
      </c>
      <c r="Z18" s="22" t="s">
        <v>268</v>
      </c>
      <c r="AA18" s="16">
        <v>120049</v>
      </c>
      <c r="AB18" s="22" t="s">
        <v>268</v>
      </c>
      <c r="AC18" s="22" t="s">
        <v>268</v>
      </c>
      <c r="AD18" s="16">
        <v>26012</v>
      </c>
      <c r="AE18" s="16">
        <v>20607</v>
      </c>
    </row>
    <row r="19" spans="1:31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521</v>
      </c>
      <c r="F19" s="16">
        <v>4848843</v>
      </c>
      <c r="G19" s="16">
        <v>3525774</v>
      </c>
      <c r="H19" s="16">
        <v>3262640</v>
      </c>
      <c r="I19" s="16">
        <v>493096</v>
      </c>
      <c r="J19" s="16">
        <v>2147812</v>
      </c>
      <c r="K19" s="16">
        <v>58397</v>
      </c>
      <c r="L19" s="16">
        <v>563335</v>
      </c>
      <c r="M19" s="16">
        <v>263134</v>
      </c>
      <c r="N19" s="16">
        <v>4681</v>
      </c>
      <c r="O19" s="16">
        <v>21748</v>
      </c>
      <c r="P19" s="16">
        <v>34721</v>
      </c>
      <c r="Q19" s="16">
        <v>108336</v>
      </c>
      <c r="R19" s="16">
        <v>2665</v>
      </c>
      <c r="S19" s="16">
        <v>13616</v>
      </c>
      <c r="T19" s="16">
        <v>2733</v>
      </c>
      <c r="U19" s="16">
        <v>11108</v>
      </c>
      <c r="V19" s="16">
        <v>20894</v>
      </c>
      <c r="W19" s="16">
        <v>42632</v>
      </c>
      <c r="X19" s="16">
        <v>44041</v>
      </c>
      <c r="Y19" s="16">
        <v>1279028</v>
      </c>
      <c r="Z19" s="22" t="s">
        <v>268</v>
      </c>
      <c r="AA19" s="16">
        <v>199045</v>
      </c>
      <c r="AB19" s="22" t="s">
        <v>268</v>
      </c>
      <c r="AC19" s="22" t="s">
        <v>268</v>
      </c>
      <c r="AD19" s="16">
        <v>29484</v>
      </c>
      <c r="AE19" s="16">
        <v>22429</v>
      </c>
    </row>
    <row r="20" spans="1:31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522</v>
      </c>
      <c r="F20" s="16">
        <v>4540374</v>
      </c>
      <c r="G20" s="16">
        <v>3214542</v>
      </c>
      <c r="H20" s="16">
        <v>2880478</v>
      </c>
      <c r="I20" s="16">
        <v>596357</v>
      </c>
      <c r="J20" s="16">
        <v>1670496</v>
      </c>
      <c r="K20" s="16">
        <v>66812</v>
      </c>
      <c r="L20" s="16">
        <v>546813</v>
      </c>
      <c r="M20" s="16">
        <v>334064</v>
      </c>
      <c r="N20" s="16">
        <v>9071</v>
      </c>
      <c r="O20" s="16">
        <v>43268</v>
      </c>
      <c r="P20" s="16">
        <v>33589</v>
      </c>
      <c r="Q20" s="16">
        <v>132306</v>
      </c>
      <c r="R20" s="16">
        <v>3243</v>
      </c>
      <c r="S20" s="16">
        <v>16475</v>
      </c>
      <c r="T20" s="16">
        <v>4299</v>
      </c>
      <c r="U20" s="16">
        <v>13540</v>
      </c>
      <c r="V20" s="16">
        <v>26321</v>
      </c>
      <c r="W20" s="16">
        <v>51952</v>
      </c>
      <c r="X20" s="16">
        <v>41892</v>
      </c>
      <c r="Y20" s="16">
        <v>1283940</v>
      </c>
      <c r="Z20" s="22" t="s">
        <v>268</v>
      </c>
      <c r="AA20" s="16">
        <v>235910</v>
      </c>
      <c r="AB20" s="22" t="s">
        <v>268</v>
      </c>
      <c r="AC20" s="22" t="s">
        <v>268</v>
      </c>
      <c r="AD20" s="16">
        <v>28473</v>
      </c>
      <c r="AE20" s="16">
        <v>20233</v>
      </c>
    </row>
    <row r="21" spans="1:31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523</v>
      </c>
      <c r="F21" s="16">
        <v>4293657</v>
      </c>
      <c r="G21" s="16">
        <v>3024020</v>
      </c>
      <c r="H21" s="16">
        <v>2586041</v>
      </c>
      <c r="I21" s="16">
        <v>810065</v>
      </c>
      <c r="J21" s="16">
        <v>1257660</v>
      </c>
      <c r="K21" s="16">
        <v>66340</v>
      </c>
      <c r="L21" s="16">
        <v>451976</v>
      </c>
      <c r="M21" s="16">
        <v>437979</v>
      </c>
      <c r="N21" s="16">
        <v>15684</v>
      </c>
      <c r="O21" s="16">
        <v>92525</v>
      </c>
      <c r="P21" s="16">
        <v>31426</v>
      </c>
      <c r="Q21" s="16">
        <v>157265</v>
      </c>
      <c r="R21" s="16">
        <v>4832</v>
      </c>
      <c r="S21" s="16">
        <v>21982</v>
      </c>
      <c r="T21" s="16">
        <v>6785</v>
      </c>
      <c r="U21" s="16">
        <v>20952</v>
      </c>
      <c r="V21" s="16">
        <v>30943</v>
      </c>
      <c r="W21" s="16">
        <v>55585</v>
      </c>
      <c r="X21" s="16">
        <v>35872</v>
      </c>
      <c r="Y21" s="16">
        <v>1233765</v>
      </c>
      <c r="Z21" s="22" t="s">
        <v>268</v>
      </c>
      <c r="AA21" s="16">
        <v>275234</v>
      </c>
      <c r="AB21" s="22" t="s">
        <v>268</v>
      </c>
      <c r="AC21" s="22" t="s">
        <v>268</v>
      </c>
      <c r="AD21" s="16">
        <v>26405</v>
      </c>
      <c r="AE21" s="16">
        <v>16171</v>
      </c>
    </row>
    <row r="22" spans="1:31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524</v>
      </c>
      <c r="F22" s="16">
        <v>4102678</v>
      </c>
      <c r="G22" s="16">
        <v>2927310</v>
      </c>
      <c r="H22" s="16">
        <v>2423271</v>
      </c>
      <c r="I22" s="16">
        <v>1080414</v>
      </c>
      <c r="J22" s="16">
        <v>941623</v>
      </c>
      <c r="K22" s="16">
        <v>62406</v>
      </c>
      <c r="L22" s="16">
        <v>338828</v>
      </c>
      <c r="M22" s="16">
        <v>504039</v>
      </c>
      <c r="N22" s="16">
        <v>16652</v>
      </c>
      <c r="O22" s="16">
        <v>139226</v>
      </c>
      <c r="P22" s="16">
        <v>33488</v>
      </c>
      <c r="Q22" s="16">
        <v>143860</v>
      </c>
      <c r="R22" s="16">
        <v>8213</v>
      </c>
      <c r="S22" s="16">
        <v>34159</v>
      </c>
      <c r="T22" s="16">
        <v>8359</v>
      </c>
      <c r="U22" s="16">
        <v>31637</v>
      </c>
      <c r="V22" s="16">
        <v>36455</v>
      </c>
      <c r="W22" s="16">
        <v>51990</v>
      </c>
      <c r="X22" s="16">
        <v>29549</v>
      </c>
      <c r="Y22" s="16">
        <v>1145819</v>
      </c>
      <c r="Z22" s="22" t="s">
        <v>268</v>
      </c>
      <c r="AA22" s="16">
        <v>282680</v>
      </c>
      <c r="AB22" s="16">
        <v>6818</v>
      </c>
      <c r="AC22" s="22" t="s">
        <v>268</v>
      </c>
      <c r="AD22" s="16">
        <v>22938</v>
      </c>
      <c r="AE22" s="16">
        <v>9722</v>
      </c>
    </row>
    <row r="23" spans="1:31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525</v>
      </c>
      <c r="F23" s="16">
        <v>4647860</v>
      </c>
      <c r="G23" s="16">
        <v>3287542</v>
      </c>
      <c r="H23" s="16">
        <v>2767983</v>
      </c>
      <c r="I23" s="16">
        <v>1522692</v>
      </c>
      <c r="J23" s="16">
        <v>871832</v>
      </c>
      <c r="K23" s="16">
        <v>71568</v>
      </c>
      <c r="L23" s="16">
        <v>301891</v>
      </c>
      <c r="M23" s="16">
        <v>519559</v>
      </c>
      <c r="N23" s="16">
        <v>14544</v>
      </c>
      <c r="O23" s="16">
        <v>130429</v>
      </c>
      <c r="P23" s="16">
        <v>56987</v>
      </c>
      <c r="Q23" s="16">
        <v>100237</v>
      </c>
      <c r="R23" s="16">
        <v>15154</v>
      </c>
      <c r="S23" s="16">
        <v>57503</v>
      </c>
      <c r="T23" s="16">
        <v>8166</v>
      </c>
      <c r="U23" s="16">
        <v>36936</v>
      </c>
      <c r="V23" s="16">
        <v>46010</v>
      </c>
      <c r="W23" s="16">
        <v>53593</v>
      </c>
      <c r="X23" s="16">
        <v>29223</v>
      </c>
      <c r="Y23" s="16">
        <v>1331095</v>
      </c>
      <c r="Z23" s="22" t="s">
        <v>268</v>
      </c>
      <c r="AA23" s="16">
        <v>288809</v>
      </c>
      <c r="AB23" s="16">
        <v>1378143</v>
      </c>
      <c r="AC23" s="16">
        <v>1331095</v>
      </c>
      <c r="AD23" s="16">
        <v>24156</v>
      </c>
      <c r="AE23" s="16">
        <v>5672</v>
      </c>
    </row>
    <row r="24" spans="1:31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526</v>
      </c>
      <c r="F24" s="16">
        <v>5344299</v>
      </c>
      <c r="G24" s="16">
        <v>3737599</v>
      </c>
      <c r="H24" s="16">
        <v>3250163</v>
      </c>
      <c r="I24" s="16">
        <v>1955314</v>
      </c>
      <c r="J24" s="16">
        <v>874437</v>
      </c>
      <c r="K24" s="16">
        <v>89086</v>
      </c>
      <c r="L24" s="16">
        <v>331326</v>
      </c>
      <c r="M24" s="16">
        <v>487436</v>
      </c>
      <c r="N24" s="16">
        <v>16025</v>
      </c>
      <c r="O24" s="16">
        <v>76782</v>
      </c>
      <c r="P24" s="16">
        <v>89944</v>
      </c>
      <c r="Q24" s="16">
        <v>61810</v>
      </c>
      <c r="R24" s="16">
        <v>23387</v>
      </c>
      <c r="S24" s="16">
        <v>77660</v>
      </c>
      <c r="T24" s="16">
        <v>6706</v>
      </c>
      <c r="U24" s="16">
        <v>27802</v>
      </c>
      <c r="V24" s="16">
        <v>46338</v>
      </c>
      <c r="W24" s="16">
        <v>60982</v>
      </c>
      <c r="X24" s="16">
        <v>28697</v>
      </c>
      <c r="Y24" s="16">
        <v>1578003</v>
      </c>
      <c r="Z24" s="22" t="s">
        <v>268</v>
      </c>
      <c r="AA24" s="16">
        <v>297048</v>
      </c>
      <c r="AB24" s="16">
        <v>1913997</v>
      </c>
      <c r="AC24" s="16">
        <v>1578003</v>
      </c>
      <c r="AD24" s="16">
        <v>25456</v>
      </c>
      <c r="AE24" s="16">
        <v>2970</v>
      </c>
    </row>
    <row r="25" spans="1:31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527</v>
      </c>
      <c r="F25" s="16">
        <v>4186157</v>
      </c>
      <c r="G25" s="16">
        <v>2854056</v>
      </c>
      <c r="H25" s="16">
        <v>2527334</v>
      </c>
      <c r="I25" s="16">
        <v>1530083</v>
      </c>
      <c r="J25" s="16">
        <v>613251</v>
      </c>
      <c r="K25" s="16">
        <v>83044</v>
      </c>
      <c r="L25" s="16">
        <v>300956</v>
      </c>
      <c r="M25" s="16">
        <v>326722</v>
      </c>
      <c r="N25" s="16">
        <v>19151</v>
      </c>
      <c r="O25" s="16">
        <v>24751</v>
      </c>
      <c r="P25" s="16">
        <v>76881</v>
      </c>
      <c r="Q25" s="16">
        <v>33146</v>
      </c>
      <c r="R25" s="16">
        <v>20153</v>
      </c>
      <c r="S25" s="16">
        <v>58810</v>
      </c>
      <c r="T25" s="16">
        <v>5221</v>
      </c>
      <c r="U25" s="16">
        <v>11785</v>
      </c>
      <c r="V25" s="16">
        <v>24874</v>
      </c>
      <c r="W25" s="16">
        <v>51950</v>
      </c>
      <c r="X25" s="16">
        <v>17686</v>
      </c>
      <c r="Y25" s="16">
        <v>1314415</v>
      </c>
      <c r="Z25" s="22" t="s">
        <v>268</v>
      </c>
      <c r="AA25" s="16">
        <v>215456</v>
      </c>
      <c r="AB25" s="16">
        <v>1521430</v>
      </c>
      <c r="AC25" s="16">
        <v>1314415</v>
      </c>
      <c r="AD25" s="16">
        <v>20583</v>
      </c>
      <c r="AE25" s="16">
        <v>813</v>
      </c>
    </row>
    <row r="26" spans="1:31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528</v>
      </c>
      <c r="F26" s="16">
        <v>3188973</v>
      </c>
      <c r="G26" s="16">
        <v>2018961</v>
      </c>
      <c r="H26" s="16">
        <v>1764141</v>
      </c>
      <c r="I26" s="16">
        <v>1037730</v>
      </c>
      <c r="J26" s="16">
        <v>386277</v>
      </c>
      <c r="K26" s="16">
        <v>78055</v>
      </c>
      <c r="L26" s="16">
        <v>262079</v>
      </c>
      <c r="M26" s="16">
        <v>254820</v>
      </c>
      <c r="N26" s="16">
        <v>25084</v>
      </c>
      <c r="O26" s="16">
        <v>18305</v>
      </c>
      <c r="P26" s="16">
        <v>59347</v>
      </c>
      <c r="Q26" s="16">
        <v>28361</v>
      </c>
      <c r="R26" s="16">
        <v>13930</v>
      </c>
      <c r="S26" s="16">
        <v>37193</v>
      </c>
      <c r="T26" s="16">
        <v>6397</v>
      </c>
      <c r="U26" s="16">
        <v>7054</v>
      </c>
      <c r="V26" s="16">
        <v>14228</v>
      </c>
      <c r="W26" s="16">
        <v>44921</v>
      </c>
      <c r="X26" s="16">
        <v>11040</v>
      </c>
      <c r="Y26" s="16">
        <v>1158972</v>
      </c>
      <c r="Z26" s="22" t="s">
        <v>268</v>
      </c>
      <c r="AA26" s="16">
        <v>164215</v>
      </c>
      <c r="AB26" s="16">
        <v>1035729</v>
      </c>
      <c r="AC26" s="16">
        <v>1158972</v>
      </c>
      <c r="AD26" s="16">
        <v>19935</v>
      </c>
      <c r="AE26" s="16">
        <v>119</v>
      </c>
    </row>
    <row r="27" spans="1:31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623</v>
      </c>
      <c r="F27" s="16">
        <v>2905536</v>
      </c>
      <c r="G27" s="16">
        <v>1561852</v>
      </c>
      <c r="H27" s="16">
        <v>1289347</v>
      </c>
      <c r="I27" s="16">
        <v>678336</v>
      </c>
      <c r="J27" s="16">
        <v>218997</v>
      </c>
      <c r="K27" s="16">
        <v>97165</v>
      </c>
      <c r="L27" s="16">
        <v>294849</v>
      </c>
      <c r="M27" s="16">
        <v>272505</v>
      </c>
      <c r="N27" s="16">
        <v>34634</v>
      </c>
      <c r="O27" s="16">
        <v>43266</v>
      </c>
      <c r="P27" s="16">
        <v>42134</v>
      </c>
      <c r="Q27" s="16">
        <v>39654</v>
      </c>
      <c r="R27" s="16">
        <v>9390</v>
      </c>
      <c r="S27" s="16">
        <v>21017</v>
      </c>
      <c r="T27" s="16">
        <v>12313</v>
      </c>
      <c r="U27" s="16">
        <v>5642</v>
      </c>
      <c r="V27" s="16">
        <v>11787</v>
      </c>
      <c r="W27" s="16">
        <v>52668</v>
      </c>
      <c r="X27" s="16">
        <v>9363</v>
      </c>
      <c r="Y27" s="16">
        <v>1334321</v>
      </c>
      <c r="Z27" s="22" t="s">
        <v>268</v>
      </c>
      <c r="AA27" s="16">
        <v>151829</v>
      </c>
      <c r="AB27" s="16">
        <v>677778</v>
      </c>
      <c r="AC27" s="16">
        <v>1334321</v>
      </c>
      <c r="AD27" s="16">
        <v>32302</v>
      </c>
      <c r="AE27" s="16">
        <v>38</v>
      </c>
    </row>
    <row r="28" spans="1:31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624</v>
      </c>
      <c r="F28" s="16">
        <v>2562723</v>
      </c>
      <c r="G28" s="22" t="s">
        <v>268</v>
      </c>
      <c r="H28" s="22" t="s">
        <v>268</v>
      </c>
      <c r="I28" s="22" t="s">
        <v>268</v>
      </c>
      <c r="J28" s="22" t="s">
        <v>268</v>
      </c>
      <c r="K28" s="22" t="s">
        <v>268</v>
      </c>
      <c r="L28" s="22" t="s">
        <v>268</v>
      </c>
      <c r="M28" s="22" t="s">
        <v>268</v>
      </c>
      <c r="N28" s="22" t="s">
        <v>268</v>
      </c>
      <c r="O28" s="22" t="s">
        <v>268</v>
      </c>
      <c r="P28" s="22" t="s">
        <v>268</v>
      </c>
      <c r="Q28" s="22" t="s">
        <v>268</v>
      </c>
      <c r="R28" s="22" t="s">
        <v>268</v>
      </c>
      <c r="S28" s="22" t="s">
        <v>268</v>
      </c>
      <c r="T28" s="22" t="s">
        <v>268</v>
      </c>
      <c r="U28" s="22" t="s">
        <v>268</v>
      </c>
      <c r="V28" s="22" t="s">
        <v>268</v>
      </c>
      <c r="W28" s="22" t="s">
        <v>268</v>
      </c>
      <c r="X28" s="22" t="s">
        <v>268</v>
      </c>
      <c r="Y28" s="16">
        <v>2402603</v>
      </c>
      <c r="Z28" s="16">
        <v>160120</v>
      </c>
      <c r="AA28" s="22" t="s">
        <v>268</v>
      </c>
      <c r="AB28" s="22" t="s">
        <v>268</v>
      </c>
      <c r="AC28" s="22" t="s">
        <v>268</v>
      </c>
      <c r="AD28" s="16">
        <v>30354</v>
      </c>
      <c r="AE28" s="16">
        <v>36124</v>
      </c>
    </row>
    <row r="29" spans="1:31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461</v>
      </c>
      <c r="F29" s="16">
        <v>32869188</v>
      </c>
      <c r="G29" s="16">
        <v>20429497</v>
      </c>
      <c r="H29" s="16">
        <v>18511563</v>
      </c>
      <c r="I29" s="16">
        <v>4434685</v>
      </c>
      <c r="J29" s="16">
        <v>10984383</v>
      </c>
      <c r="K29" s="16">
        <v>319086</v>
      </c>
      <c r="L29" s="16">
        <v>2773409</v>
      </c>
      <c r="M29" s="16">
        <v>1917934</v>
      </c>
      <c r="N29" s="16">
        <v>49786</v>
      </c>
      <c r="O29" s="16">
        <v>315280</v>
      </c>
      <c r="P29" s="16">
        <v>174072</v>
      </c>
      <c r="Q29" s="16">
        <v>654488</v>
      </c>
      <c r="R29" s="16">
        <v>25451</v>
      </c>
      <c r="S29" s="16">
        <v>106973</v>
      </c>
      <c r="T29" s="16">
        <v>25784</v>
      </c>
      <c r="U29" s="16">
        <v>96706</v>
      </c>
      <c r="V29" s="16">
        <v>202919</v>
      </c>
      <c r="W29" s="16">
        <v>266475</v>
      </c>
      <c r="X29" s="16">
        <v>408186</v>
      </c>
      <c r="Y29" s="16">
        <v>12031505</v>
      </c>
      <c r="Z29" s="22" t="s">
        <v>268</v>
      </c>
      <c r="AA29" s="16">
        <v>1220345</v>
      </c>
      <c r="AB29" s="16">
        <v>6818</v>
      </c>
      <c r="AC29" s="22" t="s">
        <v>268</v>
      </c>
      <c r="AD29" s="16">
        <v>385669</v>
      </c>
      <c r="AE29" s="16">
        <v>486309</v>
      </c>
    </row>
    <row r="30" spans="1:31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462</v>
      </c>
      <c r="F30" s="16">
        <v>20272825</v>
      </c>
      <c r="G30" s="16">
        <v>13460010</v>
      </c>
      <c r="H30" s="16">
        <v>11598968</v>
      </c>
      <c r="I30" s="16">
        <v>6724155</v>
      </c>
      <c r="J30" s="16">
        <v>2964794</v>
      </c>
      <c r="K30" s="16">
        <v>418918</v>
      </c>
      <c r="L30" s="16">
        <v>1491101</v>
      </c>
      <c r="M30" s="16">
        <v>1861042</v>
      </c>
      <c r="N30" s="16">
        <v>109438</v>
      </c>
      <c r="O30" s="16">
        <v>293533</v>
      </c>
      <c r="P30" s="16">
        <v>325293</v>
      </c>
      <c r="Q30" s="16">
        <v>263208</v>
      </c>
      <c r="R30" s="16">
        <v>82014</v>
      </c>
      <c r="S30" s="16">
        <v>252183</v>
      </c>
      <c r="T30" s="16">
        <v>38803</v>
      </c>
      <c r="U30" s="16">
        <v>89219</v>
      </c>
      <c r="V30" s="16">
        <v>143237</v>
      </c>
      <c r="W30" s="16">
        <v>264114</v>
      </c>
      <c r="X30" s="16">
        <v>96009</v>
      </c>
      <c r="Y30" s="16">
        <v>6716806</v>
      </c>
      <c r="Z30" s="22" t="s">
        <v>268</v>
      </c>
      <c r="AA30" s="16">
        <v>1117357</v>
      </c>
      <c r="AB30" s="16">
        <v>6527077</v>
      </c>
      <c r="AC30" s="16">
        <v>6716806</v>
      </c>
      <c r="AD30" s="16">
        <v>122432</v>
      </c>
      <c r="AE30" s="16">
        <v>9612</v>
      </c>
    </row>
    <row r="31" spans="1:31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463</v>
      </c>
      <c r="F31" s="16">
        <v>10280666</v>
      </c>
      <c r="G31" s="16">
        <v>6434869</v>
      </c>
      <c r="H31" s="16">
        <v>5580822</v>
      </c>
      <c r="I31" s="16">
        <v>3246149</v>
      </c>
      <c r="J31" s="16">
        <v>1218525</v>
      </c>
      <c r="K31" s="16">
        <v>258264</v>
      </c>
      <c r="L31" s="16">
        <v>857884</v>
      </c>
      <c r="M31" s="16">
        <v>854047</v>
      </c>
      <c r="N31" s="16">
        <v>78869</v>
      </c>
      <c r="O31" s="16">
        <v>86322</v>
      </c>
      <c r="P31" s="16">
        <v>178362</v>
      </c>
      <c r="Q31" s="16">
        <v>101161</v>
      </c>
      <c r="R31" s="16">
        <v>43473</v>
      </c>
      <c r="S31" s="16">
        <v>117020</v>
      </c>
      <c r="T31" s="16">
        <v>23931</v>
      </c>
      <c r="U31" s="16">
        <v>24481</v>
      </c>
      <c r="V31" s="16">
        <v>50889</v>
      </c>
      <c r="W31" s="16">
        <v>149539</v>
      </c>
      <c r="X31" s="16">
        <v>38089</v>
      </c>
      <c r="Y31" s="16">
        <v>3807708</v>
      </c>
      <c r="Z31" s="22" t="s">
        <v>268</v>
      </c>
      <c r="AA31" s="16">
        <v>531500</v>
      </c>
      <c r="AB31" s="16">
        <v>3234937</v>
      </c>
      <c r="AC31" s="16">
        <v>3807708</v>
      </c>
      <c r="AD31" s="16">
        <v>72820</v>
      </c>
      <c r="AE31" s="16">
        <v>970</v>
      </c>
    </row>
    <row r="32" spans="1:31">
      <c r="A32" s="21" t="s">
        <v>232</v>
      </c>
      <c r="B32" s="21" t="s">
        <v>233</v>
      </c>
      <c r="C32" s="21" t="s">
        <v>262</v>
      </c>
      <c r="D32" s="21" t="s">
        <v>215</v>
      </c>
      <c r="E32" s="21" t="s">
        <v>401</v>
      </c>
      <c r="F32" s="16">
        <v>40518224</v>
      </c>
      <c r="G32" s="16">
        <v>29103587</v>
      </c>
      <c r="H32" s="16">
        <v>26041021</v>
      </c>
      <c r="I32" s="16">
        <v>10967935</v>
      </c>
      <c r="J32" s="16">
        <v>13739647</v>
      </c>
      <c r="K32" s="16">
        <v>726174</v>
      </c>
      <c r="L32" s="16">
        <v>607265</v>
      </c>
      <c r="M32" s="16">
        <v>3062566</v>
      </c>
      <c r="N32" s="16">
        <v>158429</v>
      </c>
      <c r="O32" s="16">
        <v>552664</v>
      </c>
      <c r="P32" s="16">
        <v>497331</v>
      </c>
      <c r="Q32" s="16">
        <v>825623</v>
      </c>
      <c r="R32" s="16">
        <v>102339</v>
      </c>
      <c r="S32" s="16">
        <v>342714</v>
      </c>
      <c r="T32" s="16">
        <v>53854</v>
      </c>
      <c r="U32" s="16">
        <v>169940</v>
      </c>
      <c r="V32" s="16">
        <v>194719</v>
      </c>
      <c r="W32" s="16">
        <v>164953</v>
      </c>
      <c r="X32" s="16">
        <v>351235</v>
      </c>
      <c r="Y32" s="16">
        <v>10936246</v>
      </c>
      <c r="Z32" s="16">
        <v>127156</v>
      </c>
      <c r="AA32" s="16">
        <v>1928715</v>
      </c>
      <c r="AB32" s="16">
        <v>6488396</v>
      </c>
      <c r="AC32" s="16">
        <v>2308171</v>
      </c>
      <c r="AD32" s="16">
        <v>278494</v>
      </c>
      <c r="AE32" s="16">
        <v>396157</v>
      </c>
    </row>
    <row r="33" spans="1:31">
      <c r="A33" s="21" t="s">
        <v>232</v>
      </c>
      <c r="B33" s="21" t="s">
        <v>233</v>
      </c>
      <c r="C33" s="21" t="s">
        <v>262</v>
      </c>
      <c r="D33" s="21" t="s">
        <v>215</v>
      </c>
      <c r="E33" s="21" t="s">
        <v>514</v>
      </c>
      <c r="F33" s="16">
        <v>150</v>
      </c>
      <c r="G33" s="16">
        <v>55</v>
      </c>
      <c r="H33" s="16">
        <v>29</v>
      </c>
      <c r="I33" s="22" t="s">
        <v>268</v>
      </c>
      <c r="J33" s="16">
        <v>10</v>
      </c>
      <c r="K33" s="16">
        <v>1</v>
      </c>
      <c r="L33" s="16">
        <v>18</v>
      </c>
      <c r="M33" s="16">
        <v>26</v>
      </c>
      <c r="N33" s="22" t="s">
        <v>268</v>
      </c>
      <c r="O33" s="22" t="s">
        <v>268</v>
      </c>
      <c r="P33" s="22" t="s">
        <v>268</v>
      </c>
      <c r="Q33" s="22" t="s">
        <v>268</v>
      </c>
      <c r="R33" s="22" t="s">
        <v>268</v>
      </c>
      <c r="S33" s="22" t="s">
        <v>268</v>
      </c>
      <c r="T33" s="22" t="s">
        <v>268</v>
      </c>
      <c r="U33" s="22" t="s">
        <v>268</v>
      </c>
      <c r="V33" s="16">
        <v>17</v>
      </c>
      <c r="W33" s="16">
        <v>9</v>
      </c>
      <c r="X33" s="16">
        <v>1</v>
      </c>
      <c r="Y33" s="16">
        <v>94</v>
      </c>
      <c r="Z33" s="22" t="s">
        <v>268</v>
      </c>
      <c r="AA33" s="22" t="s">
        <v>268</v>
      </c>
      <c r="AB33" s="22" t="s">
        <v>268</v>
      </c>
      <c r="AC33" s="22" t="s">
        <v>268</v>
      </c>
      <c r="AD33" s="16">
        <v>61</v>
      </c>
      <c r="AE33" s="22" t="s">
        <v>268</v>
      </c>
    </row>
    <row r="34" spans="1:31">
      <c r="A34" s="21" t="s">
        <v>232</v>
      </c>
      <c r="B34" s="21" t="s">
        <v>233</v>
      </c>
      <c r="C34" s="21" t="s">
        <v>262</v>
      </c>
      <c r="D34" s="21" t="s">
        <v>215</v>
      </c>
      <c r="E34" s="21" t="s">
        <v>515</v>
      </c>
      <c r="F34" s="16">
        <v>165129</v>
      </c>
      <c r="G34" s="16">
        <v>3217</v>
      </c>
      <c r="H34" s="16">
        <v>2156</v>
      </c>
      <c r="I34" s="16">
        <v>655</v>
      </c>
      <c r="J34" s="16">
        <v>1129</v>
      </c>
      <c r="K34" s="16">
        <v>53</v>
      </c>
      <c r="L34" s="16">
        <v>319</v>
      </c>
      <c r="M34" s="16">
        <v>1061</v>
      </c>
      <c r="N34" s="22" t="s">
        <v>268</v>
      </c>
      <c r="O34" s="16">
        <v>6</v>
      </c>
      <c r="P34" s="16">
        <v>1</v>
      </c>
      <c r="Q34" s="16">
        <v>12</v>
      </c>
      <c r="R34" s="16">
        <v>18</v>
      </c>
      <c r="S34" s="16">
        <v>6</v>
      </c>
      <c r="T34" s="16">
        <v>2</v>
      </c>
      <c r="U34" s="16">
        <v>4</v>
      </c>
      <c r="V34" s="16">
        <v>856</v>
      </c>
      <c r="W34" s="16">
        <v>156</v>
      </c>
      <c r="X34" s="16">
        <v>774</v>
      </c>
      <c r="Y34" s="16">
        <v>161138</v>
      </c>
      <c r="Z34" s="22" t="s">
        <v>268</v>
      </c>
      <c r="AA34" s="16">
        <v>31</v>
      </c>
      <c r="AB34" s="22" t="s">
        <v>268</v>
      </c>
      <c r="AC34" s="22" t="s">
        <v>268</v>
      </c>
      <c r="AD34" s="16">
        <v>7627</v>
      </c>
      <c r="AE34" s="16">
        <v>19878</v>
      </c>
    </row>
    <row r="35" spans="1:31">
      <c r="A35" s="21" t="s">
        <v>232</v>
      </c>
      <c r="B35" s="21" t="s">
        <v>233</v>
      </c>
      <c r="C35" s="21" t="s">
        <v>262</v>
      </c>
      <c r="D35" s="21" t="s">
        <v>215</v>
      </c>
      <c r="E35" s="21" t="s">
        <v>516</v>
      </c>
      <c r="F35" s="16">
        <v>1070794</v>
      </c>
      <c r="G35" s="16">
        <v>111652</v>
      </c>
      <c r="H35" s="16">
        <v>99136</v>
      </c>
      <c r="I35" s="16">
        <v>38745</v>
      </c>
      <c r="J35" s="16">
        <v>55025</v>
      </c>
      <c r="K35" s="16">
        <v>1080</v>
      </c>
      <c r="L35" s="16">
        <v>4286</v>
      </c>
      <c r="M35" s="16">
        <v>12516</v>
      </c>
      <c r="N35" s="16">
        <v>31</v>
      </c>
      <c r="O35" s="16">
        <v>197</v>
      </c>
      <c r="P35" s="16">
        <v>102</v>
      </c>
      <c r="Q35" s="16">
        <v>559</v>
      </c>
      <c r="R35" s="16">
        <v>380</v>
      </c>
      <c r="S35" s="16">
        <v>341</v>
      </c>
      <c r="T35" s="16">
        <v>78</v>
      </c>
      <c r="U35" s="16">
        <v>268</v>
      </c>
      <c r="V35" s="16">
        <v>8616</v>
      </c>
      <c r="W35" s="16">
        <v>1944</v>
      </c>
      <c r="X35" s="16">
        <v>29485</v>
      </c>
      <c r="Y35" s="16">
        <v>929657</v>
      </c>
      <c r="Z35" s="22" t="s">
        <v>268</v>
      </c>
      <c r="AA35" s="16">
        <v>1377</v>
      </c>
      <c r="AB35" s="22" t="s">
        <v>268</v>
      </c>
      <c r="AC35" s="22" t="s">
        <v>268</v>
      </c>
      <c r="AD35" s="16">
        <v>47961</v>
      </c>
      <c r="AE35" s="16">
        <v>100266</v>
      </c>
    </row>
    <row r="36" spans="1:31">
      <c r="A36" s="21" t="s">
        <v>232</v>
      </c>
      <c r="B36" s="21" t="s">
        <v>233</v>
      </c>
      <c r="C36" s="21" t="s">
        <v>262</v>
      </c>
      <c r="D36" s="21" t="s">
        <v>215</v>
      </c>
      <c r="E36" s="21" t="s">
        <v>517</v>
      </c>
      <c r="F36" s="16">
        <v>1767415</v>
      </c>
      <c r="G36" s="16">
        <v>651004</v>
      </c>
      <c r="H36" s="16">
        <v>628732</v>
      </c>
      <c r="I36" s="16">
        <v>286148</v>
      </c>
      <c r="J36" s="16">
        <v>328345</v>
      </c>
      <c r="K36" s="16">
        <v>3293</v>
      </c>
      <c r="L36" s="16">
        <v>10946</v>
      </c>
      <c r="M36" s="16">
        <v>22272</v>
      </c>
      <c r="N36" s="16">
        <v>209</v>
      </c>
      <c r="O36" s="16">
        <v>1062</v>
      </c>
      <c r="P36" s="16">
        <v>935</v>
      </c>
      <c r="Q36" s="16">
        <v>3564</v>
      </c>
      <c r="R36" s="16">
        <v>978</v>
      </c>
      <c r="S36" s="16">
        <v>1352</v>
      </c>
      <c r="T36" s="16">
        <v>341</v>
      </c>
      <c r="U36" s="16">
        <v>1159</v>
      </c>
      <c r="V36" s="16">
        <v>9009</v>
      </c>
      <c r="W36" s="16">
        <v>3663</v>
      </c>
      <c r="X36" s="16">
        <v>61628</v>
      </c>
      <c r="Y36" s="16">
        <v>1054783</v>
      </c>
      <c r="Z36" s="22" t="s">
        <v>268</v>
      </c>
      <c r="AA36" s="16">
        <v>7437</v>
      </c>
      <c r="AB36" s="22" t="s">
        <v>268</v>
      </c>
      <c r="AC36" s="22" t="s">
        <v>268</v>
      </c>
      <c r="AD36" s="16">
        <v>45411</v>
      </c>
      <c r="AE36" s="16">
        <v>102824</v>
      </c>
    </row>
    <row r="37" spans="1:31">
      <c r="A37" s="21" t="s">
        <v>232</v>
      </c>
      <c r="B37" s="21" t="s">
        <v>233</v>
      </c>
      <c r="C37" s="21" t="s">
        <v>262</v>
      </c>
      <c r="D37" s="21" t="s">
        <v>215</v>
      </c>
      <c r="E37" s="21" t="s">
        <v>518</v>
      </c>
      <c r="F37" s="16">
        <v>2229532</v>
      </c>
      <c r="G37" s="16">
        <v>1412841</v>
      </c>
      <c r="H37" s="16">
        <v>1372066</v>
      </c>
      <c r="I37" s="16">
        <v>373705</v>
      </c>
      <c r="J37" s="16">
        <v>972029</v>
      </c>
      <c r="K37" s="16">
        <v>7725</v>
      </c>
      <c r="L37" s="16">
        <v>18607</v>
      </c>
      <c r="M37" s="16">
        <v>40775</v>
      </c>
      <c r="N37" s="16">
        <v>485</v>
      </c>
      <c r="O37" s="16">
        <v>2495</v>
      </c>
      <c r="P37" s="16">
        <v>4390</v>
      </c>
      <c r="Q37" s="16">
        <v>13023</v>
      </c>
      <c r="R37" s="16">
        <v>1281</v>
      </c>
      <c r="S37" s="16">
        <v>2988</v>
      </c>
      <c r="T37" s="16">
        <v>649</v>
      </c>
      <c r="U37" s="16">
        <v>3282</v>
      </c>
      <c r="V37" s="16">
        <v>7280</v>
      </c>
      <c r="W37" s="16">
        <v>4902</v>
      </c>
      <c r="X37" s="16">
        <v>38763</v>
      </c>
      <c r="Y37" s="16">
        <v>777928</v>
      </c>
      <c r="Z37" s="22" t="s">
        <v>268</v>
      </c>
      <c r="AA37" s="16">
        <v>24357</v>
      </c>
      <c r="AB37" s="22" t="s">
        <v>268</v>
      </c>
      <c r="AC37" s="22" t="s">
        <v>268</v>
      </c>
      <c r="AD37" s="16">
        <v>27386</v>
      </c>
      <c r="AE37" s="16">
        <v>39591</v>
      </c>
    </row>
    <row r="38" spans="1:31">
      <c r="A38" s="21" t="s">
        <v>232</v>
      </c>
      <c r="B38" s="21" t="s">
        <v>233</v>
      </c>
      <c r="C38" s="21" t="s">
        <v>262</v>
      </c>
      <c r="D38" s="21" t="s">
        <v>215</v>
      </c>
      <c r="E38" s="21" t="s">
        <v>519</v>
      </c>
      <c r="F38" s="16">
        <v>2701165</v>
      </c>
      <c r="G38" s="16">
        <v>2006667</v>
      </c>
      <c r="H38" s="16">
        <v>1931624</v>
      </c>
      <c r="I38" s="16">
        <v>325052</v>
      </c>
      <c r="J38" s="16">
        <v>1559917</v>
      </c>
      <c r="K38" s="16">
        <v>17056</v>
      </c>
      <c r="L38" s="16">
        <v>29599</v>
      </c>
      <c r="M38" s="16">
        <v>75043</v>
      </c>
      <c r="N38" s="16">
        <v>1029</v>
      </c>
      <c r="O38" s="16">
        <v>4799</v>
      </c>
      <c r="P38" s="16">
        <v>12075</v>
      </c>
      <c r="Q38" s="16">
        <v>31565</v>
      </c>
      <c r="R38" s="16">
        <v>1320</v>
      </c>
      <c r="S38" s="16">
        <v>4480</v>
      </c>
      <c r="T38" s="16">
        <v>897</v>
      </c>
      <c r="U38" s="16">
        <v>5892</v>
      </c>
      <c r="V38" s="16">
        <v>6699</v>
      </c>
      <c r="W38" s="16">
        <v>6287</v>
      </c>
      <c r="X38" s="16">
        <v>28479</v>
      </c>
      <c r="Y38" s="16">
        <v>666019</v>
      </c>
      <c r="Z38" s="22" t="s">
        <v>268</v>
      </c>
      <c r="AA38" s="16">
        <v>55334</v>
      </c>
      <c r="AB38" s="22" t="s">
        <v>268</v>
      </c>
      <c r="AC38" s="22" t="s">
        <v>268</v>
      </c>
      <c r="AD38" s="16">
        <v>18318</v>
      </c>
      <c r="AE38" s="16">
        <v>19935</v>
      </c>
    </row>
    <row r="39" spans="1:31">
      <c r="A39" s="21" t="s">
        <v>232</v>
      </c>
      <c r="B39" s="21" t="s">
        <v>233</v>
      </c>
      <c r="C39" s="21" t="s">
        <v>262</v>
      </c>
      <c r="D39" s="21" t="s">
        <v>215</v>
      </c>
      <c r="E39" s="21" t="s">
        <v>520</v>
      </c>
      <c r="F39" s="16">
        <v>3185730</v>
      </c>
      <c r="G39" s="16">
        <v>2485180</v>
      </c>
      <c r="H39" s="16">
        <v>2356160</v>
      </c>
      <c r="I39" s="16">
        <v>345380</v>
      </c>
      <c r="J39" s="16">
        <v>1926198</v>
      </c>
      <c r="K39" s="16">
        <v>33034</v>
      </c>
      <c r="L39" s="16">
        <v>51548</v>
      </c>
      <c r="M39" s="16">
        <v>129020</v>
      </c>
      <c r="N39" s="16">
        <v>1803</v>
      </c>
      <c r="O39" s="16">
        <v>9073</v>
      </c>
      <c r="P39" s="16">
        <v>22694</v>
      </c>
      <c r="Q39" s="16">
        <v>61347</v>
      </c>
      <c r="R39" s="16">
        <v>1604</v>
      </c>
      <c r="S39" s="16">
        <v>6121</v>
      </c>
      <c r="T39" s="16">
        <v>1356</v>
      </c>
      <c r="U39" s="16">
        <v>8185</v>
      </c>
      <c r="V39" s="16">
        <v>7992</v>
      </c>
      <c r="W39" s="16">
        <v>8845</v>
      </c>
      <c r="X39" s="16">
        <v>26210</v>
      </c>
      <c r="Y39" s="16">
        <v>674340</v>
      </c>
      <c r="Z39" s="22" t="s">
        <v>268</v>
      </c>
      <c r="AA39" s="16">
        <v>101417</v>
      </c>
      <c r="AB39" s="22" t="s">
        <v>268</v>
      </c>
      <c r="AC39" s="22" t="s">
        <v>268</v>
      </c>
      <c r="AD39" s="16">
        <v>15664</v>
      </c>
      <c r="AE39" s="16">
        <v>16021</v>
      </c>
    </row>
    <row r="40" spans="1:31">
      <c r="A40" s="21" t="s">
        <v>232</v>
      </c>
      <c r="B40" s="21" t="s">
        <v>233</v>
      </c>
      <c r="C40" s="21" t="s">
        <v>262</v>
      </c>
      <c r="D40" s="21" t="s">
        <v>215</v>
      </c>
      <c r="E40" s="21" t="s">
        <v>521</v>
      </c>
      <c r="F40" s="16">
        <v>3822385</v>
      </c>
      <c r="G40" s="16">
        <v>2961558</v>
      </c>
      <c r="H40" s="16">
        <v>2743784</v>
      </c>
      <c r="I40" s="16">
        <v>476429</v>
      </c>
      <c r="J40" s="16">
        <v>2115568</v>
      </c>
      <c r="K40" s="16">
        <v>56633</v>
      </c>
      <c r="L40" s="16">
        <v>95154</v>
      </c>
      <c r="M40" s="16">
        <v>217774</v>
      </c>
      <c r="N40" s="16">
        <v>4592</v>
      </c>
      <c r="O40" s="16">
        <v>20940</v>
      </c>
      <c r="P40" s="16">
        <v>34457</v>
      </c>
      <c r="Q40" s="16">
        <v>106495</v>
      </c>
      <c r="R40" s="16">
        <v>2451</v>
      </c>
      <c r="S40" s="16">
        <v>9900</v>
      </c>
      <c r="T40" s="16">
        <v>2414</v>
      </c>
      <c r="U40" s="16">
        <v>10329</v>
      </c>
      <c r="V40" s="16">
        <v>12606</v>
      </c>
      <c r="W40" s="16">
        <v>13590</v>
      </c>
      <c r="X40" s="16">
        <v>30087</v>
      </c>
      <c r="Y40" s="16">
        <v>830740</v>
      </c>
      <c r="Z40" s="22" t="s">
        <v>268</v>
      </c>
      <c r="AA40" s="16">
        <v>167128</v>
      </c>
      <c r="AB40" s="22" t="s">
        <v>268</v>
      </c>
      <c r="AC40" s="22" t="s">
        <v>268</v>
      </c>
      <c r="AD40" s="16">
        <v>17266</v>
      </c>
      <c r="AE40" s="16">
        <v>19236</v>
      </c>
    </row>
    <row r="41" spans="1:31">
      <c r="A41" s="21" t="s">
        <v>232</v>
      </c>
      <c r="B41" s="21" t="s">
        <v>233</v>
      </c>
      <c r="C41" s="21" t="s">
        <v>262</v>
      </c>
      <c r="D41" s="21" t="s">
        <v>215</v>
      </c>
      <c r="E41" s="21" t="s">
        <v>522</v>
      </c>
      <c r="F41" s="16">
        <v>3526467</v>
      </c>
      <c r="G41" s="16">
        <v>2690799</v>
      </c>
      <c r="H41" s="16">
        <v>2411194</v>
      </c>
      <c r="I41" s="16">
        <v>580079</v>
      </c>
      <c r="J41" s="16">
        <v>1649075</v>
      </c>
      <c r="K41" s="16">
        <v>64630</v>
      </c>
      <c r="L41" s="16">
        <v>117410</v>
      </c>
      <c r="M41" s="16">
        <v>279605</v>
      </c>
      <c r="N41" s="16">
        <v>8952</v>
      </c>
      <c r="O41" s="16">
        <v>41927</v>
      </c>
      <c r="P41" s="16">
        <v>33372</v>
      </c>
      <c r="Q41" s="16">
        <v>129849</v>
      </c>
      <c r="R41" s="16">
        <v>2987</v>
      </c>
      <c r="S41" s="16">
        <v>13349</v>
      </c>
      <c r="T41" s="16">
        <v>3780</v>
      </c>
      <c r="U41" s="16">
        <v>12365</v>
      </c>
      <c r="V41" s="16">
        <v>16230</v>
      </c>
      <c r="W41" s="16">
        <v>16794</v>
      </c>
      <c r="X41" s="16">
        <v>28230</v>
      </c>
      <c r="Y41" s="16">
        <v>807438</v>
      </c>
      <c r="Z41" s="22" t="s">
        <v>268</v>
      </c>
      <c r="AA41" s="16">
        <v>198070</v>
      </c>
      <c r="AB41" s="22" t="s">
        <v>268</v>
      </c>
      <c r="AC41" s="22" t="s">
        <v>268</v>
      </c>
      <c r="AD41" s="16">
        <v>15377</v>
      </c>
      <c r="AE41" s="16">
        <v>18747</v>
      </c>
    </row>
    <row r="42" spans="1:31">
      <c r="A42" s="21" t="s">
        <v>232</v>
      </c>
      <c r="B42" s="21" t="s">
        <v>233</v>
      </c>
      <c r="C42" s="21" t="s">
        <v>262</v>
      </c>
      <c r="D42" s="21" t="s">
        <v>215</v>
      </c>
      <c r="E42" s="21" t="s">
        <v>523</v>
      </c>
      <c r="F42" s="16">
        <v>3367951</v>
      </c>
      <c r="G42" s="16">
        <v>2603425</v>
      </c>
      <c r="H42" s="16">
        <v>2223742</v>
      </c>
      <c r="I42" s="16">
        <v>793708</v>
      </c>
      <c r="J42" s="16">
        <v>1244112</v>
      </c>
      <c r="K42" s="16">
        <v>64179</v>
      </c>
      <c r="L42" s="16">
        <v>121743</v>
      </c>
      <c r="M42" s="16">
        <v>379683</v>
      </c>
      <c r="N42" s="16">
        <v>15572</v>
      </c>
      <c r="O42" s="16">
        <v>90487</v>
      </c>
      <c r="P42" s="16">
        <v>31265</v>
      </c>
      <c r="Q42" s="16">
        <v>153237</v>
      </c>
      <c r="R42" s="16">
        <v>4542</v>
      </c>
      <c r="S42" s="16">
        <v>20035</v>
      </c>
      <c r="T42" s="16">
        <v>6106</v>
      </c>
      <c r="U42" s="16">
        <v>19120</v>
      </c>
      <c r="V42" s="16">
        <v>20201</v>
      </c>
      <c r="W42" s="16">
        <v>19118</v>
      </c>
      <c r="X42" s="16">
        <v>24173</v>
      </c>
      <c r="Y42" s="16">
        <v>740353</v>
      </c>
      <c r="Z42" s="22" t="s">
        <v>268</v>
      </c>
      <c r="AA42" s="16">
        <v>235514</v>
      </c>
      <c r="AB42" s="22" t="s">
        <v>268</v>
      </c>
      <c r="AC42" s="22" t="s">
        <v>268</v>
      </c>
      <c r="AD42" s="16">
        <v>13729</v>
      </c>
      <c r="AE42" s="16">
        <v>15156</v>
      </c>
    </row>
    <row r="43" spans="1:31">
      <c r="A43" s="21" t="s">
        <v>232</v>
      </c>
      <c r="B43" s="21" t="s">
        <v>233</v>
      </c>
      <c r="C43" s="21" t="s">
        <v>262</v>
      </c>
      <c r="D43" s="21" t="s">
        <v>215</v>
      </c>
      <c r="E43" s="21" t="s">
        <v>524</v>
      </c>
      <c r="F43" s="16">
        <v>3268219</v>
      </c>
      <c r="G43" s="16">
        <v>2596695</v>
      </c>
      <c r="H43" s="16">
        <v>2151803</v>
      </c>
      <c r="I43" s="16">
        <v>1066253</v>
      </c>
      <c r="J43" s="16">
        <v>934138</v>
      </c>
      <c r="K43" s="16">
        <v>60858</v>
      </c>
      <c r="L43" s="16">
        <v>90554</v>
      </c>
      <c r="M43" s="16">
        <v>444892</v>
      </c>
      <c r="N43" s="16">
        <v>16575</v>
      </c>
      <c r="O43" s="16">
        <v>136555</v>
      </c>
      <c r="P43" s="16">
        <v>33344</v>
      </c>
      <c r="Q43" s="16">
        <v>137165</v>
      </c>
      <c r="R43" s="16">
        <v>7859</v>
      </c>
      <c r="S43" s="16">
        <v>33167</v>
      </c>
      <c r="T43" s="16">
        <v>7618</v>
      </c>
      <c r="U43" s="16">
        <v>29178</v>
      </c>
      <c r="V43" s="16">
        <v>25209</v>
      </c>
      <c r="W43" s="16">
        <v>18222</v>
      </c>
      <c r="X43" s="16">
        <v>20517</v>
      </c>
      <c r="Y43" s="16">
        <v>651007</v>
      </c>
      <c r="Z43" s="22" t="s">
        <v>268</v>
      </c>
      <c r="AA43" s="16">
        <v>243949</v>
      </c>
      <c r="AB43" s="22" t="s">
        <v>268</v>
      </c>
      <c r="AC43" s="22" t="s">
        <v>268</v>
      </c>
      <c r="AD43" s="16">
        <v>11847</v>
      </c>
      <c r="AE43" s="16">
        <v>8824</v>
      </c>
    </row>
    <row r="44" spans="1:31">
      <c r="A44" s="21" t="s">
        <v>232</v>
      </c>
      <c r="B44" s="21" t="s">
        <v>233</v>
      </c>
      <c r="C44" s="21" t="s">
        <v>262</v>
      </c>
      <c r="D44" s="21" t="s">
        <v>215</v>
      </c>
      <c r="E44" s="21" t="s">
        <v>525</v>
      </c>
      <c r="F44" s="16">
        <v>3656701</v>
      </c>
      <c r="G44" s="16">
        <v>2945151</v>
      </c>
      <c r="H44" s="16">
        <v>2495290</v>
      </c>
      <c r="I44" s="16">
        <v>1509109</v>
      </c>
      <c r="J44" s="16">
        <v>867338</v>
      </c>
      <c r="K44" s="16">
        <v>70733</v>
      </c>
      <c r="L44" s="16">
        <v>48110</v>
      </c>
      <c r="M44" s="16">
        <v>449861</v>
      </c>
      <c r="N44" s="16">
        <v>14487</v>
      </c>
      <c r="O44" s="16">
        <v>127004</v>
      </c>
      <c r="P44" s="16">
        <v>56813</v>
      </c>
      <c r="Q44" s="16">
        <v>89028</v>
      </c>
      <c r="R44" s="16">
        <v>14738</v>
      </c>
      <c r="S44" s="16">
        <v>56953</v>
      </c>
      <c r="T44" s="16">
        <v>7330</v>
      </c>
      <c r="U44" s="16">
        <v>34381</v>
      </c>
      <c r="V44" s="16">
        <v>31835</v>
      </c>
      <c r="W44" s="16">
        <v>17292</v>
      </c>
      <c r="X44" s="16">
        <v>20591</v>
      </c>
      <c r="Y44" s="16">
        <v>690959</v>
      </c>
      <c r="Z44" s="22" t="s">
        <v>268</v>
      </c>
      <c r="AA44" s="16">
        <v>245855</v>
      </c>
      <c r="AB44" s="16">
        <v>1366696</v>
      </c>
      <c r="AC44" s="16">
        <v>690959</v>
      </c>
      <c r="AD44" s="16">
        <v>11925</v>
      </c>
      <c r="AE44" s="16">
        <v>4922</v>
      </c>
    </row>
    <row r="45" spans="1:31">
      <c r="A45" s="21" t="s">
        <v>232</v>
      </c>
      <c r="B45" s="21" t="s">
        <v>233</v>
      </c>
      <c r="C45" s="21" t="s">
        <v>262</v>
      </c>
      <c r="D45" s="21" t="s">
        <v>215</v>
      </c>
      <c r="E45" s="21" t="s">
        <v>526</v>
      </c>
      <c r="F45" s="16">
        <v>4006580</v>
      </c>
      <c r="G45" s="16">
        <v>3317518</v>
      </c>
      <c r="H45" s="16">
        <v>2918567</v>
      </c>
      <c r="I45" s="16">
        <v>1941923</v>
      </c>
      <c r="J45" s="16">
        <v>871202</v>
      </c>
      <c r="K45" s="16">
        <v>88713</v>
      </c>
      <c r="L45" s="16">
        <v>16729</v>
      </c>
      <c r="M45" s="16">
        <v>398951</v>
      </c>
      <c r="N45" s="16">
        <v>15962</v>
      </c>
      <c r="O45" s="16">
        <v>71161</v>
      </c>
      <c r="P45" s="16">
        <v>89763</v>
      </c>
      <c r="Q45" s="16">
        <v>45537</v>
      </c>
      <c r="R45" s="16">
        <v>22801</v>
      </c>
      <c r="S45" s="16">
        <v>77307</v>
      </c>
      <c r="T45" s="16">
        <v>5694</v>
      </c>
      <c r="U45" s="16">
        <v>25534</v>
      </c>
      <c r="V45" s="16">
        <v>28554</v>
      </c>
      <c r="W45" s="16">
        <v>16638</v>
      </c>
      <c r="X45" s="16">
        <v>19352</v>
      </c>
      <c r="Y45" s="16">
        <v>669710</v>
      </c>
      <c r="Z45" s="22" t="s">
        <v>268</v>
      </c>
      <c r="AA45" s="16">
        <v>245639</v>
      </c>
      <c r="AB45" s="16">
        <v>1901588</v>
      </c>
      <c r="AC45" s="16">
        <v>669710</v>
      </c>
      <c r="AD45" s="16">
        <v>11147</v>
      </c>
      <c r="AE45" s="16">
        <v>2326</v>
      </c>
    </row>
    <row r="46" spans="1:31">
      <c r="A46" s="21" t="s">
        <v>232</v>
      </c>
      <c r="B46" s="21" t="s">
        <v>233</v>
      </c>
      <c r="C46" s="21" t="s">
        <v>262</v>
      </c>
      <c r="D46" s="21" t="s">
        <v>215</v>
      </c>
      <c r="E46" s="21" t="s">
        <v>527</v>
      </c>
      <c r="F46" s="16">
        <v>2875783</v>
      </c>
      <c r="G46" s="16">
        <v>2465208</v>
      </c>
      <c r="H46" s="16">
        <v>2218028</v>
      </c>
      <c r="I46" s="16">
        <v>1521695</v>
      </c>
      <c r="J46" s="16">
        <v>611474</v>
      </c>
      <c r="K46" s="16">
        <v>82987</v>
      </c>
      <c r="L46" s="16">
        <v>1872</v>
      </c>
      <c r="M46" s="16">
        <v>247180</v>
      </c>
      <c r="N46" s="16">
        <v>19090</v>
      </c>
      <c r="O46" s="16">
        <v>17235</v>
      </c>
      <c r="P46" s="16">
        <v>76744</v>
      </c>
      <c r="Q46" s="16">
        <v>17622</v>
      </c>
      <c r="R46" s="16">
        <v>19639</v>
      </c>
      <c r="S46" s="16">
        <v>58629</v>
      </c>
      <c r="T46" s="16">
        <v>3930</v>
      </c>
      <c r="U46" s="16">
        <v>10194</v>
      </c>
      <c r="V46" s="16">
        <v>11944</v>
      </c>
      <c r="W46" s="16">
        <v>12153</v>
      </c>
      <c r="X46" s="16">
        <v>11339</v>
      </c>
      <c r="Y46" s="16">
        <v>399236</v>
      </c>
      <c r="Z46" s="22" t="s">
        <v>268</v>
      </c>
      <c r="AA46" s="16">
        <v>170240</v>
      </c>
      <c r="AB46" s="16">
        <v>1513384</v>
      </c>
      <c r="AC46" s="16">
        <v>399236</v>
      </c>
      <c r="AD46" s="16">
        <v>6731</v>
      </c>
      <c r="AE46" s="16">
        <v>588</v>
      </c>
    </row>
    <row r="47" spans="1:31">
      <c r="A47" s="21" t="s">
        <v>232</v>
      </c>
      <c r="B47" s="21" t="s">
        <v>233</v>
      </c>
      <c r="C47" s="21" t="s">
        <v>262</v>
      </c>
      <c r="D47" s="21" t="s">
        <v>215</v>
      </c>
      <c r="E47" s="21" t="s">
        <v>528</v>
      </c>
      <c r="F47" s="16">
        <v>1958114</v>
      </c>
      <c r="G47" s="16">
        <v>1680646</v>
      </c>
      <c r="H47" s="16">
        <v>1496829</v>
      </c>
      <c r="I47" s="16">
        <v>1033030</v>
      </c>
      <c r="J47" s="16">
        <v>385474</v>
      </c>
      <c r="K47" s="16">
        <v>78035</v>
      </c>
      <c r="L47" s="16">
        <v>290</v>
      </c>
      <c r="M47" s="16">
        <v>183817</v>
      </c>
      <c r="N47" s="16">
        <v>25046</v>
      </c>
      <c r="O47" s="16">
        <v>8185</v>
      </c>
      <c r="P47" s="16">
        <v>59276</v>
      </c>
      <c r="Q47" s="16">
        <v>14133</v>
      </c>
      <c r="R47" s="16">
        <v>13396</v>
      </c>
      <c r="S47" s="16">
        <v>37108</v>
      </c>
      <c r="T47" s="16">
        <v>4779</v>
      </c>
      <c r="U47" s="16">
        <v>5853</v>
      </c>
      <c r="V47" s="16">
        <v>5098</v>
      </c>
      <c r="W47" s="16">
        <v>10943</v>
      </c>
      <c r="X47" s="16">
        <v>6633</v>
      </c>
      <c r="Y47" s="16">
        <v>270835</v>
      </c>
      <c r="Z47" s="22" t="s">
        <v>268</v>
      </c>
      <c r="AA47" s="16">
        <v>125552</v>
      </c>
      <c r="AB47" s="16">
        <v>1031175</v>
      </c>
      <c r="AC47" s="16">
        <v>270835</v>
      </c>
      <c r="AD47" s="16">
        <v>4615</v>
      </c>
      <c r="AE47" s="16">
        <v>78</v>
      </c>
    </row>
    <row r="48" spans="1:31">
      <c r="A48" s="21" t="s">
        <v>232</v>
      </c>
      <c r="B48" s="21" t="s">
        <v>233</v>
      </c>
      <c r="C48" s="21" t="s">
        <v>262</v>
      </c>
      <c r="D48" s="21" t="s">
        <v>215</v>
      </c>
      <c r="E48" s="21" t="s">
        <v>623</v>
      </c>
      <c r="F48" s="16">
        <v>1454375</v>
      </c>
      <c r="G48" s="16">
        <v>1171971</v>
      </c>
      <c r="H48" s="16">
        <v>991881</v>
      </c>
      <c r="I48" s="16">
        <v>676024</v>
      </c>
      <c r="J48" s="16">
        <v>218613</v>
      </c>
      <c r="K48" s="16">
        <v>97164</v>
      </c>
      <c r="L48" s="16">
        <v>80</v>
      </c>
      <c r="M48" s="16">
        <v>180090</v>
      </c>
      <c r="N48" s="16">
        <v>34596</v>
      </c>
      <c r="O48" s="16">
        <v>21538</v>
      </c>
      <c r="P48" s="16">
        <v>42100</v>
      </c>
      <c r="Q48" s="16">
        <v>22487</v>
      </c>
      <c r="R48" s="16">
        <v>8345</v>
      </c>
      <c r="S48" s="16">
        <v>20978</v>
      </c>
      <c r="T48" s="16">
        <v>8880</v>
      </c>
      <c r="U48" s="16">
        <v>4196</v>
      </c>
      <c r="V48" s="16">
        <v>2573</v>
      </c>
      <c r="W48" s="16">
        <v>14397</v>
      </c>
      <c r="X48" s="16">
        <v>4973</v>
      </c>
      <c r="Y48" s="16">
        <v>277431</v>
      </c>
      <c r="Z48" s="22" t="s">
        <v>268</v>
      </c>
      <c r="AA48" s="16">
        <v>106815</v>
      </c>
      <c r="AB48" s="16">
        <v>675553</v>
      </c>
      <c r="AC48" s="16">
        <v>277431</v>
      </c>
      <c r="AD48" s="16">
        <v>5274</v>
      </c>
      <c r="AE48" s="16">
        <v>21</v>
      </c>
    </row>
    <row r="49" spans="1:31">
      <c r="A49" s="21" t="s">
        <v>232</v>
      </c>
      <c r="B49" s="21" t="s">
        <v>233</v>
      </c>
      <c r="C49" s="21" t="s">
        <v>262</v>
      </c>
      <c r="D49" s="21" t="s">
        <v>215</v>
      </c>
      <c r="E49" s="21" t="s">
        <v>624</v>
      </c>
      <c r="F49" s="16">
        <v>1461734</v>
      </c>
      <c r="G49" s="22" t="s">
        <v>268</v>
      </c>
      <c r="H49" s="22" t="s">
        <v>268</v>
      </c>
      <c r="I49" s="22" t="s">
        <v>268</v>
      </c>
      <c r="J49" s="22" t="s">
        <v>268</v>
      </c>
      <c r="K49" s="22" t="s">
        <v>268</v>
      </c>
      <c r="L49" s="22" t="s">
        <v>268</v>
      </c>
      <c r="M49" s="22" t="s">
        <v>268</v>
      </c>
      <c r="N49" s="22" t="s">
        <v>268</v>
      </c>
      <c r="O49" s="22" t="s">
        <v>268</v>
      </c>
      <c r="P49" s="22" t="s">
        <v>268</v>
      </c>
      <c r="Q49" s="22" t="s">
        <v>268</v>
      </c>
      <c r="R49" s="22" t="s">
        <v>268</v>
      </c>
      <c r="S49" s="22" t="s">
        <v>268</v>
      </c>
      <c r="T49" s="22" t="s">
        <v>268</v>
      </c>
      <c r="U49" s="22" t="s">
        <v>268</v>
      </c>
      <c r="V49" s="22" t="s">
        <v>268</v>
      </c>
      <c r="W49" s="22" t="s">
        <v>268</v>
      </c>
      <c r="X49" s="22" t="s">
        <v>268</v>
      </c>
      <c r="Y49" s="16">
        <v>1334578</v>
      </c>
      <c r="Z49" s="16">
        <v>127156</v>
      </c>
      <c r="AA49" s="22" t="s">
        <v>268</v>
      </c>
      <c r="AB49" s="22" t="s">
        <v>268</v>
      </c>
      <c r="AC49" s="22" t="s">
        <v>268</v>
      </c>
      <c r="AD49" s="16">
        <v>18155</v>
      </c>
      <c r="AE49" s="16">
        <v>27744</v>
      </c>
    </row>
    <row r="50" spans="1:31">
      <c r="A50" s="21" t="s">
        <v>232</v>
      </c>
      <c r="B50" s="21" t="s">
        <v>233</v>
      </c>
      <c r="C50" s="21" t="s">
        <v>262</v>
      </c>
      <c r="D50" s="21" t="s">
        <v>215</v>
      </c>
      <c r="E50" s="21" t="s">
        <v>461</v>
      </c>
      <c r="F50" s="16">
        <v>25104787</v>
      </c>
      <c r="G50" s="16">
        <v>17523038</v>
      </c>
      <c r="H50" s="16">
        <v>15920397</v>
      </c>
      <c r="I50" s="16">
        <v>4286154</v>
      </c>
      <c r="J50" s="16">
        <v>10785536</v>
      </c>
      <c r="K50" s="16">
        <v>308541</v>
      </c>
      <c r="L50" s="16">
        <v>540166</v>
      </c>
      <c r="M50" s="16">
        <v>1602641</v>
      </c>
      <c r="N50" s="16">
        <v>49248</v>
      </c>
      <c r="O50" s="16">
        <v>307541</v>
      </c>
      <c r="P50" s="16">
        <v>172635</v>
      </c>
      <c r="Q50" s="16">
        <v>636816</v>
      </c>
      <c r="R50" s="16">
        <v>23420</v>
      </c>
      <c r="S50" s="16">
        <v>91739</v>
      </c>
      <c r="T50" s="16">
        <v>23241</v>
      </c>
      <c r="U50" s="16">
        <v>89782</v>
      </c>
      <c r="V50" s="16">
        <v>114698</v>
      </c>
      <c r="W50" s="16">
        <v>93521</v>
      </c>
      <c r="X50" s="16">
        <v>288346</v>
      </c>
      <c r="Y50" s="16">
        <v>7293403</v>
      </c>
      <c r="Z50" s="22" t="s">
        <v>268</v>
      </c>
      <c r="AA50" s="16">
        <v>1034614</v>
      </c>
      <c r="AB50" s="22" t="s">
        <v>268</v>
      </c>
      <c r="AC50" s="22" t="s">
        <v>268</v>
      </c>
      <c r="AD50" s="16">
        <v>220586</v>
      </c>
      <c r="AE50" s="16">
        <v>360478</v>
      </c>
    </row>
    <row r="51" spans="1:31">
      <c r="A51" s="21" t="s">
        <v>232</v>
      </c>
      <c r="B51" s="21" t="s">
        <v>233</v>
      </c>
      <c r="C51" s="21" t="s">
        <v>262</v>
      </c>
      <c r="D51" s="21" t="s">
        <v>215</v>
      </c>
      <c r="E51" s="21" t="s">
        <v>462</v>
      </c>
      <c r="F51" s="16">
        <v>13951553</v>
      </c>
      <c r="G51" s="16">
        <v>11580494</v>
      </c>
      <c r="H51" s="16">
        <v>10120595</v>
      </c>
      <c r="I51" s="16">
        <v>6681781</v>
      </c>
      <c r="J51" s="16">
        <v>2954101</v>
      </c>
      <c r="K51" s="16">
        <v>417632</v>
      </c>
      <c r="L51" s="16">
        <v>67081</v>
      </c>
      <c r="M51" s="16">
        <v>1459899</v>
      </c>
      <c r="N51" s="16">
        <v>109181</v>
      </c>
      <c r="O51" s="16">
        <v>245123</v>
      </c>
      <c r="P51" s="16">
        <v>324696</v>
      </c>
      <c r="Q51" s="16">
        <v>188807</v>
      </c>
      <c r="R51" s="16">
        <v>78919</v>
      </c>
      <c r="S51" s="16">
        <v>250975</v>
      </c>
      <c r="T51" s="16">
        <v>30613</v>
      </c>
      <c r="U51" s="16">
        <v>80158</v>
      </c>
      <c r="V51" s="16">
        <v>80004</v>
      </c>
      <c r="W51" s="16">
        <v>71423</v>
      </c>
      <c r="X51" s="16">
        <v>62888</v>
      </c>
      <c r="Y51" s="16">
        <v>2308171</v>
      </c>
      <c r="Z51" s="22" t="s">
        <v>268</v>
      </c>
      <c r="AA51" s="16">
        <v>894101</v>
      </c>
      <c r="AB51" s="16">
        <v>6488396</v>
      </c>
      <c r="AC51" s="16">
        <v>2308171</v>
      </c>
      <c r="AD51" s="16">
        <v>39692</v>
      </c>
      <c r="AE51" s="16">
        <v>7935</v>
      </c>
    </row>
    <row r="52" spans="1:31">
      <c r="A52" s="21" t="s">
        <v>232</v>
      </c>
      <c r="B52" s="21" t="s">
        <v>233</v>
      </c>
      <c r="C52" s="21" t="s">
        <v>262</v>
      </c>
      <c r="D52" s="21" t="s">
        <v>215</v>
      </c>
      <c r="E52" s="21" t="s">
        <v>463</v>
      </c>
      <c r="F52" s="16">
        <v>6288272</v>
      </c>
      <c r="G52" s="16">
        <v>5317825</v>
      </c>
      <c r="H52" s="16">
        <v>4706738</v>
      </c>
      <c r="I52" s="16">
        <v>3230749</v>
      </c>
      <c r="J52" s="16">
        <v>1215561</v>
      </c>
      <c r="K52" s="16">
        <v>258186</v>
      </c>
      <c r="L52" s="16">
        <v>2242</v>
      </c>
      <c r="M52" s="16">
        <v>611087</v>
      </c>
      <c r="N52" s="16">
        <v>78732</v>
      </c>
      <c r="O52" s="16">
        <v>46958</v>
      </c>
      <c r="P52" s="16">
        <v>178120</v>
      </c>
      <c r="Q52" s="16">
        <v>54242</v>
      </c>
      <c r="R52" s="16">
        <v>41380</v>
      </c>
      <c r="S52" s="16">
        <v>116715</v>
      </c>
      <c r="T52" s="16">
        <v>17589</v>
      </c>
      <c r="U52" s="16">
        <v>20243</v>
      </c>
      <c r="V52" s="16">
        <v>19615</v>
      </c>
      <c r="W52" s="16">
        <v>37493</v>
      </c>
      <c r="X52" s="16">
        <v>22945</v>
      </c>
      <c r="Y52" s="16">
        <v>947502</v>
      </c>
      <c r="Z52" s="22" t="s">
        <v>268</v>
      </c>
      <c r="AA52" s="16">
        <v>402607</v>
      </c>
      <c r="AB52" s="16">
        <v>3220112</v>
      </c>
      <c r="AC52" s="16">
        <v>947502</v>
      </c>
      <c r="AD52" s="16">
        <v>16620</v>
      </c>
      <c r="AE52" s="16">
        <v>687</v>
      </c>
    </row>
    <row r="53" spans="1:31">
      <c r="A53" s="21" t="s">
        <v>232</v>
      </c>
      <c r="B53" s="21" t="s">
        <v>233</v>
      </c>
      <c r="C53" s="21" t="s">
        <v>262</v>
      </c>
      <c r="D53" s="21" t="s">
        <v>216</v>
      </c>
      <c r="E53" s="21" t="s">
        <v>401</v>
      </c>
      <c r="F53" s="16">
        <v>15186725</v>
      </c>
      <c r="G53" s="16">
        <v>4786002</v>
      </c>
      <c r="H53" s="16">
        <v>4069550</v>
      </c>
      <c r="I53" s="16">
        <v>190905</v>
      </c>
      <c r="J53" s="16">
        <v>209543</v>
      </c>
      <c r="K53" s="16">
        <v>11832</v>
      </c>
      <c r="L53" s="16">
        <v>3657270</v>
      </c>
      <c r="M53" s="16">
        <v>716452</v>
      </c>
      <c r="N53" s="16">
        <v>795</v>
      </c>
      <c r="O53" s="16">
        <v>56149</v>
      </c>
      <c r="P53" s="16">
        <v>2034</v>
      </c>
      <c r="Q53" s="16">
        <v>92073</v>
      </c>
      <c r="R53" s="16">
        <v>5126</v>
      </c>
      <c r="S53" s="16">
        <v>16442</v>
      </c>
      <c r="T53" s="16">
        <v>10733</v>
      </c>
      <c r="U53" s="16">
        <v>15985</v>
      </c>
      <c r="V53" s="16">
        <v>151465</v>
      </c>
      <c r="W53" s="16">
        <v>365650</v>
      </c>
      <c r="X53" s="16">
        <v>152963</v>
      </c>
      <c r="Y53" s="16">
        <v>10214796</v>
      </c>
      <c r="Z53" s="16">
        <v>32964</v>
      </c>
      <c r="AA53" s="16">
        <v>408988</v>
      </c>
      <c r="AB53" s="16">
        <v>45499</v>
      </c>
      <c r="AC53" s="16">
        <v>4408635</v>
      </c>
      <c r="AD53" s="16">
        <v>260038</v>
      </c>
      <c r="AE53" s="16">
        <v>135888</v>
      </c>
    </row>
    <row r="54" spans="1:31">
      <c r="A54" s="21" t="s">
        <v>232</v>
      </c>
      <c r="B54" s="21" t="s">
        <v>233</v>
      </c>
      <c r="C54" s="21" t="s">
        <v>262</v>
      </c>
      <c r="D54" s="21" t="s">
        <v>216</v>
      </c>
      <c r="E54" s="21" t="s">
        <v>514</v>
      </c>
      <c r="F54" s="16">
        <v>63</v>
      </c>
      <c r="G54" s="16">
        <v>27</v>
      </c>
      <c r="H54" s="16">
        <v>11</v>
      </c>
      <c r="I54" s="22" t="s">
        <v>268</v>
      </c>
      <c r="J54" s="16">
        <v>3</v>
      </c>
      <c r="K54" s="16">
        <v>1</v>
      </c>
      <c r="L54" s="16">
        <v>7</v>
      </c>
      <c r="M54" s="16">
        <v>16</v>
      </c>
      <c r="N54" s="22" t="s">
        <v>268</v>
      </c>
      <c r="O54" s="22" t="s">
        <v>268</v>
      </c>
      <c r="P54" s="22" t="s">
        <v>268</v>
      </c>
      <c r="Q54" s="22" t="s">
        <v>268</v>
      </c>
      <c r="R54" s="22" t="s">
        <v>268</v>
      </c>
      <c r="S54" s="22" t="s">
        <v>268</v>
      </c>
      <c r="T54" s="22" t="s">
        <v>268</v>
      </c>
      <c r="U54" s="22" t="s">
        <v>268</v>
      </c>
      <c r="V54" s="16">
        <v>11</v>
      </c>
      <c r="W54" s="16">
        <v>5</v>
      </c>
      <c r="X54" s="16">
        <v>2</v>
      </c>
      <c r="Y54" s="16">
        <v>34</v>
      </c>
      <c r="Z54" s="22" t="s">
        <v>268</v>
      </c>
      <c r="AA54" s="16">
        <v>1</v>
      </c>
      <c r="AB54" s="22" t="s">
        <v>268</v>
      </c>
      <c r="AC54" s="22" t="s">
        <v>268</v>
      </c>
      <c r="AD54" s="16">
        <v>16</v>
      </c>
      <c r="AE54" s="22" t="s">
        <v>268</v>
      </c>
    </row>
    <row r="55" spans="1:31">
      <c r="A55" s="21" t="s">
        <v>232</v>
      </c>
      <c r="B55" s="21" t="s">
        <v>233</v>
      </c>
      <c r="C55" s="21" t="s">
        <v>262</v>
      </c>
      <c r="D55" s="21" t="s">
        <v>216</v>
      </c>
      <c r="E55" s="21" t="s">
        <v>515</v>
      </c>
      <c r="F55" s="16">
        <v>129232</v>
      </c>
      <c r="G55" s="16">
        <v>2194</v>
      </c>
      <c r="H55" s="16">
        <v>953</v>
      </c>
      <c r="I55" s="16">
        <v>124</v>
      </c>
      <c r="J55" s="16">
        <v>68</v>
      </c>
      <c r="K55" s="16">
        <v>33</v>
      </c>
      <c r="L55" s="16">
        <v>728</v>
      </c>
      <c r="M55" s="16">
        <v>1241</v>
      </c>
      <c r="N55" s="22" t="s">
        <v>268</v>
      </c>
      <c r="O55" s="16">
        <v>2</v>
      </c>
      <c r="P55" s="22" t="s">
        <v>268</v>
      </c>
      <c r="Q55" s="16">
        <v>2</v>
      </c>
      <c r="R55" s="16">
        <v>4</v>
      </c>
      <c r="S55" s="16">
        <v>1</v>
      </c>
      <c r="T55" s="16">
        <v>1</v>
      </c>
      <c r="U55" s="16">
        <v>1</v>
      </c>
      <c r="V55" s="16">
        <v>1093</v>
      </c>
      <c r="W55" s="16">
        <v>137</v>
      </c>
      <c r="X55" s="16">
        <v>553</v>
      </c>
      <c r="Y55" s="16">
        <v>126485</v>
      </c>
      <c r="Z55" s="22" t="s">
        <v>268</v>
      </c>
      <c r="AA55" s="16">
        <v>15</v>
      </c>
      <c r="AB55" s="22" t="s">
        <v>268</v>
      </c>
      <c r="AC55" s="22" t="s">
        <v>268</v>
      </c>
      <c r="AD55" s="16">
        <v>5984</v>
      </c>
      <c r="AE55" s="16">
        <v>6646</v>
      </c>
    </row>
    <row r="56" spans="1:31">
      <c r="A56" s="21" t="s">
        <v>232</v>
      </c>
      <c r="B56" s="21" t="s">
        <v>233</v>
      </c>
      <c r="C56" s="21" t="s">
        <v>262</v>
      </c>
      <c r="D56" s="21" t="s">
        <v>216</v>
      </c>
      <c r="E56" s="21" t="s">
        <v>516</v>
      </c>
      <c r="F56" s="16">
        <v>818609</v>
      </c>
      <c r="G56" s="16">
        <v>42292</v>
      </c>
      <c r="H56" s="16">
        <v>26532</v>
      </c>
      <c r="I56" s="16">
        <v>5299</v>
      </c>
      <c r="J56" s="16">
        <v>2353</v>
      </c>
      <c r="K56" s="16">
        <v>340</v>
      </c>
      <c r="L56" s="16">
        <v>18540</v>
      </c>
      <c r="M56" s="16">
        <v>15760</v>
      </c>
      <c r="N56" s="16">
        <v>6</v>
      </c>
      <c r="O56" s="16">
        <v>33</v>
      </c>
      <c r="P56" s="16">
        <v>4</v>
      </c>
      <c r="Q56" s="16">
        <v>36</v>
      </c>
      <c r="R56" s="16">
        <v>147</v>
      </c>
      <c r="S56" s="16">
        <v>67</v>
      </c>
      <c r="T56" s="16">
        <v>9</v>
      </c>
      <c r="U56" s="16">
        <v>16</v>
      </c>
      <c r="V56" s="16">
        <v>13643</v>
      </c>
      <c r="W56" s="16">
        <v>1799</v>
      </c>
      <c r="X56" s="16">
        <v>15422</v>
      </c>
      <c r="Y56" s="16">
        <v>760895</v>
      </c>
      <c r="Z56" s="22" t="s">
        <v>268</v>
      </c>
      <c r="AA56" s="16">
        <v>554</v>
      </c>
      <c r="AB56" s="22" t="s">
        <v>268</v>
      </c>
      <c r="AC56" s="22" t="s">
        <v>268</v>
      </c>
      <c r="AD56" s="16">
        <v>38709</v>
      </c>
      <c r="AE56" s="16">
        <v>51469</v>
      </c>
    </row>
    <row r="57" spans="1:31">
      <c r="A57" s="21" t="s">
        <v>232</v>
      </c>
      <c r="B57" s="21" t="s">
        <v>233</v>
      </c>
      <c r="C57" s="21" t="s">
        <v>262</v>
      </c>
      <c r="D57" s="21" t="s">
        <v>216</v>
      </c>
      <c r="E57" s="21" t="s">
        <v>517</v>
      </c>
      <c r="F57" s="16">
        <v>871549</v>
      </c>
      <c r="G57" s="16">
        <v>115889</v>
      </c>
      <c r="H57" s="16">
        <v>98666</v>
      </c>
      <c r="I57" s="16">
        <v>24880</v>
      </c>
      <c r="J57" s="16">
        <v>12670</v>
      </c>
      <c r="K57" s="16">
        <v>449</v>
      </c>
      <c r="L57" s="16">
        <v>60667</v>
      </c>
      <c r="M57" s="16">
        <v>17223</v>
      </c>
      <c r="N57" s="16">
        <v>17</v>
      </c>
      <c r="O57" s="16">
        <v>103</v>
      </c>
      <c r="P57" s="16">
        <v>34</v>
      </c>
      <c r="Q57" s="16">
        <v>164</v>
      </c>
      <c r="R57" s="16">
        <v>241</v>
      </c>
      <c r="S57" s="16">
        <v>270</v>
      </c>
      <c r="T57" s="16">
        <v>32</v>
      </c>
      <c r="U57" s="16">
        <v>60</v>
      </c>
      <c r="V57" s="16">
        <v>12765</v>
      </c>
      <c r="W57" s="16">
        <v>3537</v>
      </c>
      <c r="X57" s="16">
        <v>23539</v>
      </c>
      <c r="Y57" s="16">
        <v>732121</v>
      </c>
      <c r="Z57" s="22" t="s">
        <v>268</v>
      </c>
      <c r="AA57" s="16">
        <v>2095</v>
      </c>
      <c r="AB57" s="22" t="s">
        <v>268</v>
      </c>
      <c r="AC57" s="22" t="s">
        <v>268</v>
      </c>
      <c r="AD57" s="16">
        <v>31451</v>
      </c>
      <c r="AE57" s="16">
        <v>33897</v>
      </c>
    </row>
    <row r="58" spans="1:31">
      <c r="A58" s="21" t="s">
        <v>232</v>
      </c>
      <c r="B58" s="21" t="s">
        <v>233</v>
      </c>
      <c r="C58" s="21" t="s">
        <v>262</v>
      </c>
      <c r="D58" s="21" t="s">
        <v>216</v>
      </c>
      <c r="E58" s="21" t="s">
        <v>518</v>
      </c>
      <c r="F58" s="16">
        <v>687965</v>
      </c>
      <c r="G58" s="16">
        <v>195519</v>
      </c>
      <c r="H58" s="16">
        <v>179619</v>
      </c>
      <c r="I58" s="16">
        <v>24039</v>
      </c>
      <c r="J58" s="16">
        <v>30188</v>
      </c>
      <c r="K58" s="16">
        <v>506</v>
      </c>
      <c r="L58" s="16">
        <v>124886</v>
      </c>
      <c r="M58" s="16">
        <v>15900</v>
      </c>
      <c r="N58" s="16">
        <v>22</v>
      </c>
      <c r="O58" s="16">
        <v>163</v>
      </c>
      <c r="P58" s="16">
        <v>120</v>
      </c>
      <c r="Q58" s="16">
        <v>450</v>
      </c>
      <c r="R58" s="16">
        <v>215</v>
      </c>
      <c r="S58" s="16">
        <v>739</v>
      </c>
      <c r="T58" s="16">
        <v>56</v>
      </c>
      <c r="U58" s="16">
        <v>99</v>
      </c>
      <c r="V58" s="16">
        <v>7965</v>
      </c>
      <c r="W58" s="16">
        <v>6071</v>
      </c>
      <c r="X58" s="16">
        <v>12540</v>
      </c>
      <c r="Y58" s="16">
        <v>479906</v>
      </c>
      <c r="Z58" s="22" t="s">
        <v>268</v>
      </c>
      <c r="AA58" s="16">
        <v>5372</v>
      </c>
      <c r="AB58" s="22" t="s">
        <v>268</v>
      </c>
      <c r="AC58" s="22" t="s">
        <v>268</v>
      </c>
      <c r="AD58" s="16">
        <v>18228</v>
      </c>
      <c r="AE58" s="16">
        <v>14917</v>
      </c>
    </row>
    <row r="59" spans="1:31">
      <c r="A59" s="21" t="s">
        <v>232</v>
      </c>
      <c r="B59" s="21" t="s">
        <v>233</v>
      </c>
      <c r="C59" s="21" t="s">
        <v>262</v>
      </c>
      <c r="D59" s="21" t="s">
        <v>216</v>
      </c>
      <c r="E59" s="21" t="s">
        <v>519</v>
      </c>
      <c r="F59" s="16">
        <v>678245</v>
      </c>
      <c r="G59" s="16">
        <v>298678</v>
      </c>
      <c r="H59" s="16">
        <v>278955</v>
      </c>
      <c r="I59" s="16">
        <v>16512</v>
      </c>
      <c r="J59" s="16">
        <v>40057</v>
      </c>
      <c r="K59" s="16">
        <v>618</v>
      </c>
      <c r="L59" s="16">
        <v>221768</v>
      </c>
      <c r="M59" s="16">
        <v>19723</v>
      </c>
      <c r="N59" s="16">
        <v>32</v>
      </c>
      <c r="O59" s="16">
        <v>219</v>
      </c>
      <c r="P59" s="16">
        <v>227</v>
      </c>
      <c r="Q59" s="16">
        <v>871</v>
      </c>
      <c r="R59" s="16">
        <v>137</v>
      </c>
      <c r="S59" s="16">
        <v>1609</v>
      </c>
      <c r="T59" s="16">
        <v>62</v>
      </c>
      <c r="U59" s="16">
        <v>168</v>
      </c>
      <c r="V59" s="16">
        <v>6216</v>
      </c>
      <c r="W59" s="16">
        <v>10182</v>
      </c>
      <c r="X59" s="16">
        <v>9397</v>
      </c>
      <c r="Y59" s="16">
        <v>370170</v>
      </c>
      <c r="Z59" s="22" t="s">
        <v>268</v>
      </c>
      <c r="AA59" s="16">
        <v>10855</v>
      </c>
      <c r="AB59" s="22" t="s">
        <v>268</v>
      </c>
      <c r="AC59" s="22" t="s">
        <v>268</v>
      </c>
      <c r="AD59" s="16">
        <v>11282</v>
      </c>
      <c r="AE59" s="16">
        <v>7724</v>
      </c>
    </row>
    <row r="60" spans="1:31">
      <c r="A60" s="21" t="s">
        <v>232</v>
      </c>
      <c r="B60" s="21" t="s">
        <v>233</v>
      </c>
      <c r="C60" s="21" t="s">
        <v>262</v>
      </c>
      <c r="D60" s="21" t="s">
        <v>216</v>
      </c>
      <c r="E60" s="21" t="s">
        <v>520</v>
      </c>
      <c r="F60" s="16">
        <v>778271</v>
      </c>
      <c r="G60" s="16">
        <v>412718</v>
      </c>
      <c r="H60" s="16">
        <v>384534</v>
      </c>
      <c r="I60" s="16">
        <v>14214</v>
      </c>
      <c r="J60" s="16">
        <v>38813</v>
      </c>
      <c r="K60" s="16">
        <v>944</v>
      </c>
      <c r="L60" s="16">
        <v>330563</v>
      </c>
      <c r="M60" s="16">
        <v>28184</v>
      </c>
      <c r="N60" s="16">
        <v>64</v>
      </c>
      <c r="O60" s="16">
        <v>361</v>
      </c>
      <c r="P60" s="16">
        <v>266</v>
      </c>
      <c r="Q60" s="16">
        <v>1128</v>
      </c>
      <c r="R60" s="16">
        <v>173</v>
      </c>
      <c r="S60" s="16">
        <v>2767</v>
      </c>
      <c r="T60" s="16">
        <v>125</v>
      </c>
      <c r="U60" s="16">
        <v>335</v>
      </c>
      <c r="V60" s="16">
        <v>6172</v>
      </c>
      <c r="W60" s="16">
        <v>16793</v>
      </c>
      <c r="X60" s="16">
        <v>10042</v>
      </c>
      <c r="Y60" s="16">
        <v>355511</v>
      </c>
      <c r="Z60" s="22" t="s">
        <v>268</v>
      </c>
      <c r="AA60" s="16">
        <v>18632</v>
      </c>
      <c r="AB60" s="22" t="s">
        <v>268</v>
      </c>
      <c r="AC60" s="22" t="s">
        <v>268</v>
      </c>
      <c r="AD60" s="16">
        <v>10348</v>
      </c>
      <c r="AE60" s="16">
        <v>4586</v>
      </c>
    </row>
    <row r="61" spans="1:31">
      <c r="A61" s="21" t="s">
        <v>232</v>
      </c>
      <c r="B61" s="21" t="s">
        <v>233</v>
      </c>
      <c r="C61" s="21" t="s">
        <v>262</v>
      </c>
      <c r="D61" s="21" t="s">
        <v>216</v>
      </c>
      <c r="E61" s="21" t="s">
        <v>521</v>
      </c>
      <c r="F61" s="16">
        <v>1026458</v>
      </c>
      <c r="G61" s="16">
        <v>564216</v>
      </c>
      <c r="H61" s="16">
        <v>518856</v>
      </c>
      <c r="I61" s="16">
        <v>16667</v>
      </c>
      <c r="J61" s="16">
        <v>32244</v>
      </c>
      <c r="K61" s="16">
        <v>1764</v>
      </c>
      <c r="L61" s="16">
        <v>468181</v>
      </c>
      <c r="M61" s="16">
        <v>45360</v>
      </c>
      <c r="N61" s="16">
        <v>89</v>
      </c>
      <c r="O61" s="16">
        <v>808</v>
      </c>
      <c r="P61" s="16">
        <v>264</v>
      </c>
      <c r="Q61" s="16">
        <v>1841</v>
      </c>
      <c r="R61" s="16">
        <v>214</v>
      </c>
      <c r="S61" s="16">
        <v>3716</v>
      </c>
      <c r="T61" s="16">
        <v>319</v>
      </c>
      <c r="U61" s="16">
        <v>779</v>
      </c>
      <c r="V61" s="16">
        <v>8288</v>
      </c>
      <c r="W61" s="16">
        <v>29042</v>
      </c>
      <c r="X61" s="16">
        <v>13954</v>
      </c>
      <c r="Y61" s="16">
        <v>448288</v>
      </c>
      <c r="Z61" s="22" t="s">
        <v>268</v>
      </c>
      <c r="AA61" s="16">
        <v>31917</v>
      </c>
      <c r="AB61" s="22" t="s">
        <v>268</v>
      </c>
      <c r="AC61" s="22" t="s">
        <v>268</v>
      </c>
      <c r="AD61" s="16">
        <v>12218</v>
      </c>
      <c r="AE61" s="16">
        <v>3193</v>
      </c>
    </row>
    <row r="62" spans="1:31">
      <c r="A62" s="21" t="s">
        <v>232</v>
      </c>
      <c r="B62" s="21" t="s">
        <v>233</v>
      </c>
      <c r="C62" s="21" t="s">
        <v>262</v>
      </c>
      <c r="D62" s="21" t="s">
        <v>216</v>
      </c>
      <c r="E62" s="21" t="s">
        <v>522</v>
      </c>
      <c r="F62" s="16">
        <v>1013907</v>
      </c>
      <c r="G62" s="16">
        <v>523743</v>
      </c>
      <c r="H62" s="16">
        <v>469284</v>
      </c>
      <c r="I62" s="16">
        <v>16278</v>
      </c>
      <c r="J62" s="16">
        <v>21421</v>
      </c>
      <c r="K62" s="16">
        <v>2182</v>
      </c>
      <c r="L62" s="16">
        <v>429403</v>
      </c>
      <c r="M62" s="16">
        <v>54459</v>
      </c>
      <c r="N62" s="16">
        <v>119</v>
      </c>
      <c r="O62" s="16">
        <v>1341</v>
      </c>
      <c r="P62" s="16">
        <v>217</v>
      </c>
      <c r="Q62" s="16">
        <v>2457</v>
      </c>
      <c r="R62" s="16">
        <v>256</v>
      </c>
      <c r="S62" s="16">
        <v>3126</v>
      </c>
      <c r="T62" s="16">
        <v>519</v>
      </c>
      <c r="U62" s="16">
        <v>1175</v>
      </c>
      <c r="V62" s="16">
        <v>10091</v>
      </c>
      <c r="W62" s="16">
        <v>35158</v>
      </c>
      <c r="X62" s="16">
        <v>13662</v>
      </c>
      <c r="Y62" s="16">
        <v>476502</v>
      </c>
      <c r="Z62" s="22" t="s">
        <v>268</v>
      </c>
      <c r="AA62" s="16">
        <v>37840</v>
      </c>
      <c r="AB62" s="22" t="s">
        <v>268</v>
      </c>
      <c r="AC62" s="22" t="s">
        <v>268</v>
      </c>
      <c r="AD62" s="16">
        <v>13096</v>
      </c>
      <c r="AE62" s="16">
        <v>1486</v>
      </c>
    </row>
    <row r="63" spans="1:31">
      <c r="A63" s="21" t="s">
        <v>232</v>
      </c>
      <c r="B63" s="21" t="s">
        <v>233</v>
      </c>
      <c r="C63" s="21" t="s">
        <v>262</v>
      </c>
      <c r="D63" s="21" t="s">
        <v>216</v>
      </c>
      <c r="E63" s="21" t="s">
        <v>523</v>
      </c>
      <c r="F63" s="16">
        <v>925706</v>
      </c>
      <c r="G63" s="16">
        <v>420595</v>
      </c>
      <c r="H63" s="16">
        <v>362299</v>
      </c>
      <c r="I63" s="16">
        <v>16357</v>
      </c>
      <c r="J63" s="16">
        <v>13548</v>
      </c>
      <c r="K63" s="16">
        <v>2161</v>
      </c>
      <c r="L63" s="16">
        <v>330233</v>
      </c>
      <c r="M63" s="16">
        <v>58296</v>
      </c>
      <c r="N63" s="16">
        <v>112</v>
      </c>
      <c r="O63" s="16">
        <v>2038</v>
      </c>
      <c r="P63" s="16">
        <v>161</v>
      </c>
      <c r="Q63" s="16">
        <v>4028</v>
      </c>
      <c r="R63" s="16">
        <v>290</v>
      </c>
      <c r="S63" s="16">
        <v>1947</v>
      </c>
      <c r="T63" s="16">
        <v>679</v>
      </c>
      <c r="U63" s="16">
        <v>1832</v>
      </c>
      <c r="V63" s="16">
        <v>10742</v>
      </c>
      <c r="W63" s="16">
        <v>36467</v>
      </c>
      <c r="X63" s="16">
        <v>11699</v>
      </c>
      <c r="Y63" s="16">
        <v>493412</v>
      </c>
      <c r="Z63" s="22" t="s">
        <v>268</v>
      </c>
      <c r="AA63" s="16">
        <v>39720</v>
      </c>
      <c r="AB63" s="22" t="s">
        <v>268</v>
      </c>
      <c r="AC63" s="22" t="s">
        <v>268</v>
      </c>
      <c r="AD63" s="16">
        <v>12676</v>
      </c>
      <c r="AE63" s="16">
        <v>1015</v>
      </c>
    </row>
    <row r="64" spans="1:31">
      <c r="A64" s="21" t="s">
        <v>232</v>
      </c>
      <c r="B64" s="21" t="s">
        <v>233</v>
      </c>
      <c r="C64" s="21" t="s">
        <v>262</v>
      </c>
      <c r="D64" s="21" t="s">
        <v>216</v>
      </c>
      <c r="E64" s="21" t="s">
        <v>524</v>
      </c>
      <c r="F64" s="16">
        <v>834459</v>
      </c>
      <c r="G64" s="16">
        <v>330615</v>
      </c>
      <c r="H64" s="16">
        <v>271468</v>
      </c>
      <c r="I64" s="16">
        <v>14161</v>
      </c>
      <c r="J64" s="16">
        <v>7485</v>
      </c>
      <c r="K64" s="16">
        <v>1548</v>
      </c>
      <c r="L64" s="16">
        <v>248274</v>
      </c>
      <c r="M64" s="16">
        <v>59147</v>
      </c>
      <c r="N64" s="16">
        <v>77</v>
      </c>
      <c r="O64" s="16">
        <v>2671</v>
      </c>
      <c r="P64" s="16">
        <v>144</v>
      </c>
      <c r="Q64" s="16">
        <v>6695</v>
      </c>
      <c r="R64" s="16">
        <v>354</v>
      </c>
      <c r="S64" s="16">
        <v>992</v>
      </c>
      <c r="T64" s="16">
        <v>741</v>
      </c>
      <c r="U64" s="16">
        <v>2459</v>
      </c>
      <c r="V64" s="16">
        <v>11246</v>
      </c>
      <c r="W64" s="16">
        <v>33768</v>
      </c>
      <c r="X64" s="16">
        <v>9032</v>
      </c>
      <c r="Y64" s="16">
        <v>494812</v>
      </c>
      <c r="Z64" s="22" t="s">
        <v>268</v>
      </c>
      <c r="AA64" s="16">
        <v>38731</v>
      </c>
      <c r="AB64" s="16">
        <v>6818</v>
      </c>
      <c r="AC64" s="22" t="s">
        <v>268</v>
      </c>
      <c r="AD64" s="16">
        <v>11091</v>
      </c>
      <c r="AE64" s="16">
        <v>898</v>
      </c>
    </row>
    <row r="65" spans="1:31">
      <c r="A65" s="21" t="s">
        <v>232</v>
      </c>
      <c r="B65" s="21" t="s">
        <v>233</v>
      </c>
      <c r="C65" s="21" t="s">
        <v>262</v>
      </c>
      <c r="D65" s="21" t="s">
        <v>216</v>
      </c>
      <c r="E65" s="21" t="s">
        <v>525</v>
      </c>
      <c r="F65" s="16">
        <v>991159</v>
      </c>
      <c r="G65" s="16">
        <v>342391</v>
      </c>
      <c r="H65" s="16">
        <v>272693</v>
      </c>
      <c r="I65" s="16">
        <v>13583</v>
      </c>
      <c r="J65" s="16">
        <v>4494</v>
      </c>
      <c r="K65" s="16">
        <v>835</v>
      </c>
      <c r="L65" s="16">
        <v>253781</v>
      </c>
      <c r="M65" s="16">
        <v>69698</v>
      </c>
      <c r="N65" s="16">
        <v>57</v>
      </c>
      <c r="O65" s="16">
        <v>3425</v>
      </c>
      <c r="P65" s="16">
        <v>174</v>
      </c>
      <c r="Q65" s="16">
        <v>11209</v>
      </c>
      <c r="R65" s="16">
        <v>416</v>
      </c>
      <c r="S65" s="16">
        <v>550</v>
      </c>
      <c r="T65" s="16">
        <v>836</v>
      </c>
      <c r="U65" s="16">
        <v>2555</v>
      </c>
      <c r="V65" s="16">
        <v>14175</v>
      </c>
      <c r="W65" s="16">
        <v>36301</v>
      </c>
      <c r="X65" s="16">
        <v>8632</v>
      </c>
      <c r="Y65" s="16">
        <v>640136</v>
      </c>
      <c r="Z65" s="22" t="s">
        <v>268</v>
      </c>
      <c r="AA65" s="16">
        <v>42954</v>
      </c>
      <c r="AB65" s="16">
        <v>11447</v>
      </c>
      <c r="AC65" s="16">
        <v>640136</v>
      </c>
      <c r="AD65" s="16">
        <v>12231</v>
      </c>
      <c r="AE65" s="16">
        <v>750</v>
      </c>
    </row>
    <row r="66" spans="1:31">
      <c r="A66" s="21" t="s">
        <v>232</v>
      </c>
      <c r="B66" s="21" t="s">
        <v>233</v>
      </c>
      <c r="C66" s="21" t="s">
        <v>262</v>
      </c>
      <c r="D66" s="21" t="s">
        <v>216</v>
      </c>
      <c r="E66" s="21" t="s">
        <v>526</v>
      </c>
      <c r="F66" s="16">
        <v>1337719</v>
      </c>
      <c r="G66" s="16">
        <v>420081</v>
      </c>
      <c r="H66" s="16">
        <v>331596</v>
      </c>
      <c r="I66" s="16">
        <v>13391</v>
      </c>
      <c r="J66" s="16">
        <v>3235</v>
      </c>
      <c r="K66" s="16">
        <v>373</v>
      </c>
      <c r="L66" s="16">
        <v>314597</v>
      </c>
      <c r="M66" s="16">
        <v>88485</v>
      </c>
      <c r="N66" s="16">
        <v>63</v>
      </c>
      <c r="O66" s="16">
        <v>5621</v>
      </c>
      <c r="P66" s="16">
        <v>181</v>
      </c>
      <c r="Q66" s="16">
        <v>16273</v>
      </c>
      <c r="R66" s="16">
        <v>586</v>
      </c>
      <c r="S66" s="16">
        <v>353</v>
      </c>
      <c r="T66" s="16">
        <v>1012</v>
      </c>
      <c r="U66" s="16">
        <v>2268</v>
      </c>
      <c r="V66" s="16">
        <v>17784</v>
      </c>
      <c r="W66" s="16">
        <v>44344</v>
      </c>
      <c r="X66" s="16">
        <v>9345</v>
      </c>
      <c r="Y66" s="16">
        <v>908293</v>
      </c>
      <c r="Z66" s="22" t="s">
        <v>268</v>
      </c>
      <c r="AA66" s="16">
        <v>51409</v>
      </c>
      <c r="AB66" s="16">
        <v>12409</v>
      </c>
      <c r="AC66" s="16">
        <v>908293</v>
      </c>
      <c r="AD66" s="16">
        <v>14309</v>
      </c>
      <c r="AE66" s="16">
        <v>644</v>
      </c>
    </row>
    <row r="67" spans="1:31">
      <c r="A67" s="21" t="s">
        <v>232</v>
      </c>
      <c r="B67" s="21" t="s">
        <v>233</v>
      </c>
      <c r="C67" s="21" t="s">
        <v>262</v>
      </c>
      <c r="D67" s="21" t="s">
        <v>216</v>
      </c>
      <c r="E67" s="21" t="s">
        <v>527</v>
      </c>
      <c r="F67" s="16">
        <v>1310374</v>
      </c>
      <c r="G67" s="16">
        <v>388848</v>
      </c>
      <c r="H67" s="16">
        <v>309306</v>
      </c>
      <c r="I67" s="16">
        <v>8388</v>
      </c>
      <c r="J67" s="16">
        <v>1777</v>
      </c>
      <c r="K67" s="16">
        <v>57</v>
      </c>
      <c r="L67" s="16">
        <v>299084</v>
      </c>
      <c r="M67" s="16">
        <v>79542</v>
      </c>
      <c r="N67" s="16">
        <v>61</v>
      </c>
      <c r="O67" s="16">
        <v>7516</v>
      </c>
      <c r="P67" s="16">
        <v>137</v>
      </c>
      <c r="Q67" s="16">
        <v>15524</v>
      </c>
      <c r="R67" s="16">
        <v>514</v>
      </c>
      <c r="S67" s="16">
        <v>181</v>
      </c>
      <c r="T67" s="16">
        <v>1291</v>
      </c>
      <c r="U67" s="16">
        <v>1591</v>
      </c>
      <c r="V67" s="16">
        <v>12930</v>
      </c>
      <c r="W67" s="16">
        <v>39797</v>
      </c>
      <c r="X67" s="16">
        <v>6347</v>
      </c>
      <c r="Y67" s="16">
        <v>915179</v>
      </c>
      <c r="Z67" s="22" t="s">
        <v>268</v>
      </c>
      <c r="AA67" s="16">
        <v>45216</v>
      </c>
      <c r="AB67" s="16">
        <v>8046</v>
      </c>
      <c r="AC67" s="16">
        <v>915179</v>
      </c>
      <c r="AD67" s="16">
        <v>13852</v>
      </c>
      <c r="AE67" s="16">
        <v>225</v>
      </c>
    </row>
    <row r="68" spans="1:31">
      <c r="A68" s="21" t="s">
        <v>232</v>
      </c>
      <c r="B68" s="21" t="s">
        <v>233</v>
      </c>
      <c r="C68" s="21" t="s">
        <v>262</v>
      </c>
      <c r="D68" s="21" t="s">
        <v>216</v>
      </c>
      <c r="E68" s="21" t="s">
        <v>528</v>
      </c>
      <c r="F68" s="16">
        <v>1230859</v>
      </c>
      <c r="G68" s="16">
        <v>338315</v>
      </c>
      <c r="H68" s="16">
        <v>267312</v>
      </c>
      <c r="I68" s="16">
        <v>4700</v>
      </c>
      <c r="J68" s="16">
        <v>803</v>
      </c>
      <c r="K68" s="16">
        <v>20</v>
      </c>
      <c r="L68" s="16">
        <v>261789</v>
      </c>
      <c r="M68" s="16">
        <v>71003</v>
      </c>
      <c r="N68" s="16">
        <v>38</v>
      </c>
      <c r="O68" s="16">
        <v>10120</v>
      </c>
      <c r="P68" s="16">
        <v>71</v>
      </c>
      <c r="Q68" s="16">
        <v>14228</v>
      </c>
      <c r="R68" s="16">
        <v>534</v>
      </c>
      <c r="S68" s="16">
        <v>85</v>
      </c>
      <c r="T68" s="16">
        <v>1618</v>
      </c>
      <c r="U68" s="16">
        <v>1201</v>
      </c>
      <c r="V68" s="16">
        <v>9130</v>
      </c>
      <c r="W68" s="16">
        <v>33978</v>
      </c>
      <c r="X68" s="16">
        <v>4407</v>
      </c>
      <c r="Y68" s="16">
        <v>888137</v>
      </c>
      <c r="Z68" s="22" t="s">
        <v>268</v>
      </c>
      <c r="AA68" s="16">
        <v>38663</v>
      </c>
      <c r="AB68" s="16">
        <v>4554</v>
      </c>
      <c r="AC68" s="16">
        <v>888137</v>
      </c>
      <c r="AD68" s="16">
        <v>15320</v>
      </c>
      <c r="AE68" s="16">
        <v>41</v>
      </c>
    </row>
    <row r="69" spans="1:31">
      <c r="A69" s="21" t="s">
        <v>232</v>
      </c>
      <c r="B69" s="21" t="s">
        <v>233</v>
      </c>
      <c r="C69" s="21" t="s">
        <v>262</v>
      </c>
      <c r="D69" s="21" t="s">
        <v>216</v>
      </c>
      <c r="E69" s="21" t="s">
        <v>623</v>
      </c>
      <c r="F69" s="16">
        <v>1451161</v>
      </c>
      <c r="G69" s="16">
        <v>389881</v>
      </c>
      <c r="H69" s="16">
        <v>297466</v>
      </c>
      <c r="I69" s="16">
        <v>2312</v>
      </c>
      <c r="J69" s="16">
        <v>384</v>
      </c>
      <c r="K69" s="16">
        <v>1</v>
      </c>
      <c r="L69" s="16">
        <v>294769</v>
      </c>
      <c r="M69" s="16">
        <v>92415</v>
      </c>
      <c r="N69" s="16">
        <v>38</v>
      </c>
      <c r="O69" s="16">
        <v>21728</v>
      </c>
      <c r="P69" s="16">
        <v>34</v>
      </c>
      <c r="Q69" s="16">
        <v>17167</v>
      </c>
      <c r="R69" s="16">
        <v>1045</v>
      </c>
      <c r="S69" s="16">
        <v>39</v>
      </c>
      <c r="T69" s="16">
        <v>3433</v>
      </c>
      <c r="U69" s="16">
        <v>1446</v>
      </c>
      <c r="V69" s="16">
        <v>9214</v>
      </c>
      <c r="W69" s="16">
        <v>38271</v>
      </c>
      <c r="X69" s="16">
        <v>4390</v>
      </c>
      <c r="Y69" s="16">
        <v>1056890</v>
      </c>
      <c r="Z69" s="22" t="s">
        <v>268</v>
      </c>
      <c r="AA69" s="16">
        <v>45014</v>
      </c>
      <c r="AB69" s="16">
        <v>2225</v>
      </c>
      <c r="AC69" s="16">
        <v>1056890</v>
      </c>
      <c r="AD69" s="16">
        <v>27028</v>
      </c>
      <c r="AE69" s="16">
        <v>17</v>
      </c>
    </row>
    <row r="70" spans="1:31">
      <c r="A70" s="21" t="s">
        <v>232</v>
      </c>
      <c r="B70" s="21" t="s">
        <v>233</v>
      </c>
      <c r="C70" s="21" t="s">
        <v>262</v>
      </c>
      <c r="D70" s="21" t="s">
        <v>216</v>
      </c>
      <c r="E70" s="21" t="s">
        <v>624</v>
      </c>
      <c r="F70" s="16">
        <v>1100989</v>
      </c>
      <c r="G70" s="22" t="s">
        <v>268</v>
      </c>
      <c r="H70" s="22" t="s">
        <v>268</v>
      </c>
      <c r="I70" s="22" t="s">
        <v>268</v>
      </c>
      <c r="J70" s="22" t="s">
        <v>268</v>
      </c>
      <c r="K70" s="22" t="s">
        <v>268</v>
      </c>
      <c r="L70" s="22" t="s">
        <v>268</v>
      </c>
      <c r="M70" s="22" t="s">
        <v>268</v>
      </c>
      <c r="N70" s="22" t="s">
        <v>268</v>
      </c>
      <c r="O70" s="22" t="s">
        <v>268</v>
      </c>
      <c r="P70" s="22" t="s">
        <v>268</v>
      </c>
      <c r="Q70" s="22" t="s">
        <v>268</v>
      </c>
      <c r="R70" s="22" t="s">
        <v>268</v>
      </c>
      <c r="S70" s="22" t="s">
        <v>268</v>
      </c>
      <c r="T70" s="22" t="s">
        <v>268</v>
      </c>
      <c r="U70" s="22" t="s">
        <v>268</v>
      </c>
      <c r="V70" s="22" t="s">
        <v>268</v>
      </c>
      <c r="W70" s="22" t="s">
        <v>268</v>
      </c>
      <c r="X70" s="22" t="s">
        <v>268</v>
      </c>
      <c r="Y70" s="16">
        <v>1068025</v>
      </c>
      <c r="Z70" s="16">
        <v>32964</v>
      </c>
      <c r="AA70" s="22" t="s">
        <v>268</v>
      </c>
      <c r="AB70" s="22" t="s">
        <v>268</v>
      </c>
      <c r="AC70" s="22" t="s">
        <v>268</v>
      </c>
      <c r="AD70" s="16">
        <v>12199</v>
      </c>
      <c r="AE70" s="16">
        <v>8380</v>
      </c>
    </row>
    <row r="71" spans="1:31">
      <c r="A71" s="21" t="s">
        <v>232</v>
      </c>
      <c r="B71" s="21" t="s">
        <v>233</v>
      </c>
      <c r="C71" s="21" t="s">
        <v>262</v>
      </c>
      <c r="D71" s="21" t="s">
        <v>216</v>
      </c>
      <c r="E71" s="21" t="s">
        <v>461</v>
      </c>
      <c r="F71" s="16">
        <v>7764401</v>
      </c>
      <c r="G71" s="16">
        <v>2906459</v>
      </c>
      <c r="H71" s="16">
        <v>2591166</v>
      </c>
      <c r="I71" s="16">
        <v>148531</v>
      </c>
      <c r="J71" s="16">
        <v>198847</v>
      </c>
      <c r="K71" s="16">
        <v>10545</v>
      </c>
      <c r="L71" s="16">
        <v>2233243</v>
      </c>
      <c r="M71" s="16">
        <v>315293</v>
      </c>
      <c r="N71" s="16">
        <v>538</v>
      </c>
      <c r="O71" s="16">
        <v>7739</v>
      </c>
      <c r="P71" s="16">
        <v>1437</v>
      </c>
      <c r="Q71" s="16">
        <v>17672</v>
      </c>
      <c r="R71" s="16">
        <v>2031</v>
      </c>
      <c r="S71" s="16">
        <v>15234</v>
      </c>
      <c r="T71" s="16">
        <v>2543</v>
      </c>
      <c r="U71" s="16">
        <v>6924</v>
      </c>
      <c r="V71" s="16">
        <v>88221</v>
      </c>
      <c r="W71" s="16">
        <v>172954</v>
      </c>
      <c r="X71" s="16">
        <v>119840</v>
      </c>
      <c r="Y71" s="16">
        <v>4738102</v>
      </c>
      <c r="Z71" s="22" t="s">
        <v>268</v>
      </c>
      <c r="AA71" s="16">
        <v>185731</v>
      </c>
      <c r="AB71" s="16">
        <v>6818</v>
      </c>
      <c r="AC71" s="22" t="s">
        <v>268</v>
      </c>
      <c r="AD71" s="16">
        <v>165083</v>
      </c>
      <c r="AE71" s="16">
        <v>125831</v>
      </c>
    </row>
    <row r="72" spans="1:31">
      <c r="A72" s="21" t="s">
        <v>232</v>
      </c>
      <c r="B72" s="21" t="s">
        <v>233</v>
      </c>
      <c r="C72" s="21" t="s">
        <v>262</v>
      </c>
      <c r="D72" s="21" t="s">
        <v>216</v>
      </c>
      <c r="E72" s="21" t="s">
        <v>462</v>
      </c>
      <c r="F72" s="16">
        <v>6321272</v>
      </c>
      <c r="G72" s="16">
        <v>1879516</v>
      </c>
      <c r="H72" s="16">
        <v>1478373</v>
      </c>
      <c r="I72" s="16">
        <v>42374</v>
      </c>
      <c r="J72" s="16">
        <v>10693</v>
      </c>
      <c r="K72" s="16">
        <v>1286</v>
      </c>
      <c r="L72" s="16">
        <v>1424020</v>
      </c>
      <c r="M72" s="16">
        <v>401143</v>
      </c>
      <c r="N72" s="16">
        <v>257</v>
      </c>
      <c r="O72" s="16">
        <v>48410</v>
      </c>
      <c r="P72" s="16">
        <v>597</v>
      </c>
      <c r="Q72" s="16">
        <v>74401</v>
      </c>
      <c r="R72" s="16">
        <v>3095</v>
      </c>
      <c r="S72" s="16">
        <v>1208</v>
      </c>
      <c r="T72" s="16">
        <v>8190</v>
      </c>
      <c r="U72" s="16">
        <v>9061</v>
      </c>
      <c r="V72" s="16">
        <v>63233</v>
      </c>
      <c r="W72" s="16">
        <v>192691</v>
      </c>
      <c r="X72" s="16">
        <v>33121</v>
      </c>
      <c r="Y72" s="16">
        <v>4408635</v>
      </c>
      <c r="Z72" s="22" t="s">
        <v>268</v>
      </c>
      <c r="AA72" s="16">
        <v>223256</v>
      </c>
      <c r="AB72" s="16">
        <v>38681</v>
      </c>
      <c r="AC72" s="16">
        <v>4408635</v>
      </c>
      <c r="AD72" s="16">
        <v>82740</v>
      </c>
      <c r="AE72" s="16">
        <v>1677</v>
      </c>
    </row>
    <row r="73" spans="1:31">
      <c r="A73" s="21" t="s">
        <v>232</v>
      </c>
      <c r="B73" s="21" t="s">
        <v>233</v>
      </c>
      <c r="C73" s="21" t="s">
        <v>262</v>
      </c>
      <c r="D73" s="21" t="s">
        <v>216</v>
      </c>
      <c r="E73" s="21" t="s">
        <v>463</v>
      </c>
      <c r="F73" s="16">
        <v>3992394</v>
      </c>
      <c r="G73" s="16">
        <v>1117044</v>
      </c>
      <c r="H73" s="16">
        <v>874084</v>
      </c>
      <c r="I73" s="16">
        <v>15400</v>
      </c>
      <c r="J73" s="16">
        <v>2964</v>
      </c>
      <c r="K73" s="16">
        <v>78</v>
      </c>
      <c r="L73" s="16">
        <v>855642</v>
      </c>
      <c r="M73" s="16">
        <v>242960</v>
      </c>
      <c r="N73" s="16">
        <v>137</v>
      </c>
      <c r="O73" s="16">
        <v>39364</v>
      </c>
      <c r="P73" s="16">
        <v>242</v>
      </c>
      <c r="Q73" s="16">
        <v>46919</v>
      </c>
      <c r="R73" s="16">
        <v>2093</v>
      </c>
      <c r="S73" s="16">
        <v>305</v>
      </c>
      <c r="T73" s="16">
        <v>6342</v>
      </c>
      <c r="U73" s="16">
        <v>4238</v>
      </c>
      <c r="V73" s="16">
        <v>31274</v>
      </c>
      <c r="W73" s="16">
        <v>112046</v>
      </c>
      <c r="X73" s="16">
        <v>15144</v>
      </c>
      <c r="Y73" s="16">
        <v>2860206</v>
      </c>
      <c r="Z73" s="22" t="s">
        <v>268</v>
      </c>
      <c r="AA73" s="16">
        <v>128893</v>
      </c>
      <c r="AB73" s="16">
        <v>14825</v>
      </c>
      <c r="AC73" s="16">
        <v>2860206</v>
      </c>
      <c r="AD73" s="16">
        <v>56200</v>
      </c>
      <c r="AE73" s="16">
        <v>283</v>
      </c>
    </row>
    <row r="74" spans="1:31">
      <c r="A74" s="21" t="s">
        <v>232</v>
      </c>
      <c r="B74" s="21" t="s">
        <v>237</v>
      </c>
      <c r="C74" s="21" t="s">
        <v>264</v>
      </c>
      <c r="D74" s="21" t="s">
        <v>214</v>
      </c>
      <c r="E74" s="21" t="s">
        <v>401</v>
      </c>
      <c r="F74" s="16">
        <v>716740</v>
      </c>
      <c r="G74" s="16">
        <v>467025</v>
      </c>
      <c r="H74" s="16">
        <v>396063</v>
      </c>
      <c r="I74" s="16">
        <v>149328</v>
      </c>
      <c r="J74" s="16">
        <v>175135</v>
      </c>
      <c r="K74" s="16">
        <v>9867</v>
      </c>
      <c r="L74" s="16">
        <v>61733</v>
      </c>
      <c r="M74" s="16">
        <v>70962</v>
      </c>
      <c r="N74" s="16">
        <v>3574</v>
      </c>
      <c r="O74" s="16">
        <v>11896</v>
      </c>
      <c r="P74" s="16">
        <v>9848</v>
      </c>
      <c r="Q74" s="16">
        <v>14968</v>
      </c>
      <c r="R74" s="16">
        <v>2174</v>
      </c>
      <c r="S74" s="16">
        <v>7277</v>
      </c>
      <c r="T74" s="16">
        <v>1575</v>
      </c>
      <c r="U74" s="16">
        <v>4509</v>
      </c>
      <c r="V74" s="16">
        <v>5413</v>
      </c>
      <c r="W74" s="16">
        <v>9728</v>
      </c>
      <c r="X74" s="16">
        <v>5536</v>
      </c>
      <c r="Y74" s="16">
        <v>242940</v>
      </c>
      <c r="Z74" s="16">
        <v>1239</v>
      </c>
      <c r="AA74" s="16">
        <v>43735</v>
      </c>
      <c r="AB74" s="16">
        <v>94175</v>
      </c>
      <c r="AC74" s="16">
        <v>92410</v>
      </c>
      <c r="AD74" s="16">
        <v>6064</v>
      </c>
      <c r="AE74" s="16">
        <v>6607</v>
      </c>
    </row>
    <row r="75" spans="1:31">
      <c r="A75" s="21" t="s">
        <v>232</v>
      </c>
      <c r="B75" s="21" t="s">
        <v>237</v>
      </c>
      <c r="C75" s="21" t="s">
        <v>264</v>
      </c>
      <c r="D75" s="21" t="s">
        <v>214</v>
      </c>
      <c r="E75" s="21" t="s">
        <v>514</v>
      </c>
      <c r="F75" s="16">
        <v>5</v>
      </c>
      <c r="G75" s="16">
        <v>1</v>
      </c>
      <c r="H75" s="22" t="s">
        <v>268</v>
      </c>
      <c r="I75" s="22" t="s">
        <v>268</v>
      </c>
      <c r="J75" s="22" t="s">
        <v>268</v>
      </c>
      <c r="K75" s="22" t="s">
        <v>268</v>
      </c>
      <c r="L75" s="22" t="s">
        <v>268</v>
      </c>
      <c r="M75" s="16">
        <v>1</v>
      </c>
      <c r="N75" s="22" t="s">
        <v>268</v>
      </c>
      <c r="O75" s="22" t="s">
        <v>268</v>
      </c>
      <c r="P75" s="22" t="s">
        <v>268</v>
      </c>
      <c r="Q75" s="22" t="s">
        <v>268</v>
      </c>
      <c r="R75" s="22" t="s">
        <v>268</v>
      </c>
      <c r="S75" s="22" t="s">
        <v>268</v>
      </c>
      <c r="T75" s="22" t="s">
        <v>268</v>
      </c>
      <c r="U75" s="22" t="s">
        <v>268</v>
      </c>
      <c r="V75" s="16">
        <v>1</v>
      </c>
      <c r="W75" s="22" t="s">
        <v>268</v>
      </c>
      <c r="X75" s="22" t="s">
        <v>268</v>
      </c>
      <c r="Y75" s="16">
        <v>4</v>
      </c>
      <c r="Z75" s="22" t="s">
        <v>268</v>
      </c>
      <c r="AA75" s="22" t="s">
        <v>268</v>
      </c>
      <c r="AB75" s="22" t="s">
        <v>268</v>
      </c>
      <c r="AC75" s="22" t="s">
        <v>268</v>
      </c>
      <c r="AD75" s="16">
        <v>3</v>
      </c>
      <c r="AE75" s="22" t="s">
        <v>268</v>
      </c>
    </row>
    <row r="76" spans="1:31">
      <c r="A76" s="21" t="s">
        <v>232</v>
      </c>
      <c r="B76" s="21" t="s">
        <v>237</v>
      </c>
      <c r="C76" s="21" t="s">
        <v>264</v>
      </c>
      <c r="D76" s="21" t="s">
        <v>214</v>
      </c>
      <c r="E76" s="21" t="s">
        <v>515</v>
      </c>
      <c r="F76" s="16">
        <v>4092</v>
      </c>
      <c r="G76" s="16">
        <v>99</v>
      </c>
      <c r="H76" s="16">
        <v>45</v>
      </c>
      <c r="I76" s="16">
        <v>11</v>
      </c>
      <c r="J76" s="16">
        <v>16</v>
      </c>
      <c r="K76" s="16">
        <v>3</v>
      </c>
      <c r="L76" s="16">
        <v>15</v>
      </c>
      <c r="M76" s="16">
        <v>54</v>
      </c>
      <c r="N76" s="22" t="s">
        <v>268</v>
      </c>
      <c r="O76" s="22" t="s">
        <v>268</v>
      </c>
      <c r="P76" s="22" t="s">
        <v>268</v>
      </c>
      <c r="Q76" s="22" t="s">
        <v>268</v>
      </c>
      <c r="R76" s="16">
        <v>1</v>
      </c>
      <c r="S76" s="22" t="s">
        <v>268</v>
      </c>
      <c r="T76" s="22" t="s">
        <v>268</v>
      </c>
      <c r="U76" s="22" t="s">
        <v>268</v>
      </c>
      <c r="V76" s="16">
        <v>47</v>
      </c>
      <c r="W76" s="16">
        <v>6</v>
      </c>
      <c r="X76" s="16">
        <v>21</v>
      </c>
      <c r="Y76" s="16">
        <v>3972</v>
      </c>
      <c r="Z76" s="22" t="s">
        <v>268</v>
      </c>
      <c r="AA76" s="22" t="s">
        <v>268</v>
      </c>
      <c r="AB76" s="22" t="s">
        <v>268</v>
      </c>
      <c r="AC76" s="22" t="s">
        <v>268</v>
      </c>
      <c r="AD76" s="16">
        <v>208</v>
      </c>
      <c r="AE76" s="16">
        <v>336</v>
      </c>
    </row>
    <row r="77" spans="1:31">
      <c r="A77" s="21" t="s">
        <v>232</v>
      </c>
      <c r="B77" s="21" t="s">
        <v>237</v>
      </c>
      <c r="C77" s="21" t="s">
        <v>264</v>
      </c>
      <c r="D77" s="21" t="s">
        <v>214</v>
      </c>
      <c r="E77" s="21" t="s">
        <v>516</v>
      </c>
      <c r="F77" s="16">
        <v>22032</v>
      </c>
      <c r="G77" s="16">
        <v>2379</v>
      </c>
      <c r="H77" s="16">
        <v>1975</v>
      </c>
      <c r="I77" s="16">
        <v>591</v>
      </c>
      <c r="J77" s="16">
        <v>1001</v>
      </c>
      <c r="K77" s="16">
        <v>11</v>
      </c>
      <c r="L77" s="16">
        <v>372</v>
      </c>
      <c r="M77" s="16">
        <v>404</v>
      </c>
      <c r="N77" s="16">
        <v>2</v>
      </c>
      <c r="O77" s="16">
        <v>5</v>
      </c>
      <c r="P77" s="16">
        <v>2</v>
      </c>
      <c r="Q77" s="16">
        <v>11</v>
      </c>
      <c r="R77" s="16">
        <v>6</v>
      </c>
      <c r="S77" s="16">
        <v>9</v>
      </c>
      <c r="T77" s="16">
        <v>3</v>
      </c>
      <c r="U77" s="16">
        <v>6</v>
      </c>
      <c r="V77" s="16">
        <v>308</v>
      </c>
      <c r="W77" s="16">
        <v>52</v>
      </c>
      <c r="X77" s="16">
        <v>479</v>
      </c>
      <c r="Y77" s="16">
        <v>19174</v>
      </c>
      <c r="Z77" s="22" t="s">
        <v>268</v>
      </c>
      <c r="AA77" s="16">
        <v>43</v>
      </c>
      <c r="AB77" s="22" t="s">
        <v>268</v>
      </c>
      <c r="AC77" s="22" t="s">
        <v>268</v>
      </c>
      <c r="AD77" s="16">
        <v>1199</v>
      </c>
      <c r="AE77" s="16">
        <v>1998</v>
      </c>
    </row>
    <row r="78" spans="1:31">
      <c r="A78" s="21" t="s">
        <v>232</v>
      </c>
      <c r="B78" s="21" t="s">
        <v>237</v>
      </c>
      <c r="C78" s="21" t="s">
        <v>264</v>
      </c>
      <c r="D78" s="21" t="s">
        <v>214</v>
      </c>
      <c r="E78" s="21" t="s">
        <v>517</v>
      </c>
      <c r="F78" s="16">
        <v>28077</v>
      </c>
      <c r="G78" s="16">
        <v>10655</v>
      </c>
      <c r="H78" s="16">
        <v>10065</v>
      </c>
      <c r="I78" s="16">
        <v>3116</v>
      </c>
      <c r="J78" s="16">
        <v>5744</v>
      </c>
      <c r="K78" s="16">
        <v>63</v>
      </c>
      <c r="L78" s="16">
        <v>1142</v>
      </c>
      <c r="M78" s="16">
        <v>590</v>
      </c>
      <c r="N78" s="16">
        <v>2</v>
      </c>
      <c r="O78" s="16">
        <v>13</v>
      </c>
      <c r="P78" s="16">
        <v>24</v>
      </c>
      <c r="Q78" s="16">
        <v>85</v>
      </c>
      <c r="R78" s="16">
        <v>15</v>
      </c>
      <c r="S78" s="16">
        <v>36</v>
      </c>
      <c r="T78" s="16">
        <v>6</v>
      </c>
      <c r="U78" s="16">
        <v>34</v>
      </c>
      <c r="V78" s="16">
        <v>262</v>
      </c>
      <c r="W78" s="16">
        <v>113</v>
      </c>
      <c r="X78" s="16">
        <v>789</v>
      </c>
      <c r="Y78" s="16">
        <v>16633</v>
      </c>
      <c r="Z78" s="22" t="s">
        <v>268</v>
      </c>
      <c r="AA78" s="16">
        <v>213</v>
      </c>
      <c r="AB78" s="22" t="s">
        <v>268</v>
      </c>
      <c r="AC78" s="22" t="s">
        <v>268</v>
      </c>
      <c r="AD78" s="16">
        <v>871</v>
      </c>
      <c r="AE78" s="16">
        <v>1655</v>
      </c>
    </row>
    <row r="79" spans="1:31">
      <c r="A79" s="21" t="s">
        <v>232</v>
      </c>
      <c r="B79" s="21" t="s">
        <v>237</v>
      </c>
      <c r="C79" s="21" t="s">
        <v>264</v>
      </c>
      <c r="D79" s="21" t="s">
        <v>214</v>
      </c>
      <c r="E79" s="21" t="s">
        <v>518</v>
      </c>
      <c r="F79" s="16">
        <v>33997</v>
      </c>
      <c r="G79" s="16">
        <v>21815</v>
      </c>
      <c r="H79" s="16">
        <v>20928</v>
      </c>
      <c r="I79" s="16">
        <v>3680</v>
      </c>
      <c r="J79" s="16">
        <v>14676</v>
      </c>
      <c r="K79" s="16">
        <v>127</v>
      </c>
      <c r="L79" s="16">
        <v>2445</v>
      </c>
      <c r="M79" s="16">
        <v>887</v>
      </c>
      <c r="N79" s="16">
        <v>12</v>
      </c>
      <c r="O79" s="16">
        <v>31</v>
      </c>
      <c r="P79" s="16">
        <v>96</v>
      </c>
      <c r="Q79" s="16">
        <v>240</v>
      </c>
      <c r="R79" s="16">
        <v>16</v>
      </c>
      <c r="S79" s="16">
        <v>63</v>
      </c>
      <c r="T79" s="16">
        <v>8</v>
      </c>
      <c r="U79" s="16">
        <v>63</v>
      </c>
      <c r="V79" s="16">
        <v>170</v>
      </c>
      <c r="W79" s="16">
        <v>188</v>
      </c>
      <c r="X79" s="16">
        <v>450</v>
      </c>
      <c r="Y79" s="16">
        <v>11732</v>
      </c>
      <c r="Z79" s="22" t="s">
        <v>268</v>
      </c>
      <c r="AA79" s="16">
        <v>564</v>
      </c>
      <c r="AB79" s="22" t="s">
        <v>268</v>
      </c>
      <c r="AC79" s="22" t="s">
        <v>268</v>
      </c>
      <c r="AD79" s="16">
        <v>462</v>
      </c>
      <c r="AE79" s="16">
        <v>777</v>
      </c>
    </row>
    <row r="80" spans="1:31">
      <c r="A80" s="21" t="s">
        <v>232</v>
      </c>
      <c r="B80" s="21" t="s">
        <v>237</v>
      </c>
      <c r="C80" s="21" t="s">
        <v>264</v>
      </c>
      <c r="D80" s="21" t="s">
        <v>214</v>
      </c>
      <c r="E80" s="21" t="s">
        <v>519</v>
      </c>
      <c r="F80" s="16">
        <v>41685</v>
      </c>
      <c r="G80" s="16">
        <v>31276</v>
      </c>
      <c r="H80" s="16">
        <v>29605</v>
      </c>
      <c r="I80" s="16">
        <v>3233</v>
      </c>
      <c r="J80" s="16">
        <v>21971</v>
      </c>
      <c r="K80" s="16">
        <v>308</v>
      </c>
      <c r="L80" s="16">
        <v>4093</v>
      </c>
      <c r="M80" s="16">
        <v>1671</v>
      </c>
      <c r="N80" s="16">
        <v>13</v>
      </c>
      <c r="O80" s="16">
        <v>76</v>
      </c>
      <c r="P80" s="16">
        <v>242</v>
      </c>
      <c r="Q80" s="16">
        <v>542</v>
      </c>
      <c r="R80" s="16">
        <v>11</v>
      </c>
      <c r="S80" s="16">
        <v>142</v>
      </c>
      <c r="T80" s="16">
        <v>9</v>
      </c>
      <c r="U80" s="16">
        <v>153</v>
      </c>
      <c r="V80" s="16">
        <v>164</v>
      </c>
      <c r="W80" s="16">
        <v>319</v>
      </c>
      <c r="X80" s="16">
        <v>375</v>
      </c>
      <c r="Y80" s="16">
        <v>10034</v>
      </c>
      <c r="Z80" s="22" t="s">
        <v>268</v>
      </c>
      <c r="AA80" s="16">
        <v>1285</v>
      </c>
      <c r="AB80" s="22" t="s">
        <v>268</v>
      </c>
      <c r="AC80" s="22" t="s">
        <v>268</v>
      </c>
      <c r="AD80" s="16">
        <v>301</v>
      </c>
      <c r="AE80" s="16">
        <v>417</v>
      </c>
    </row>
    <row r="81" spans="1:31">
      <c r="A81" s="21" t="s">
        <v>232</v>
      </c>
      <c r="B81" s="21" t="s">
        <v>237</v>
      </c>
      <c r="C81" s="21" t="s">
        <v>264</v>
      </c>
      <c r="D81" s="21" t="s">
        <v>214</v>
      </c>
      <c r="E81" s="21" t="s">
        <v>520</v>
      </c>
      <c r="F81" s="16">
        <v>48420</v>
      </c>
      <c r="G81" s="16">
        <v>37576</v>
      </c>
      <c r="H81" s="16">
        <v>34967</v>
      </c>
      <c r="I81" s="16">
        <v>3251</v>
      </c>
      <c r="J81" s="16">
        <v>25405</v>
      </c>
      <c r="K81" s="16">
        <v>515</v>
      </c>
      <c r="L81" s="16">
        <v>5796</v>
      </c>
      <c r="M81" s="16">
        <v>2609</v>
      </c>
      <c r="N81" s="16">
        <v>21</v>
      </c>
      <c r="O81" s="16">
        <v>117</v>
      </c>
      <c r="P81" s="16">
        <v>449</v>
      </c>
      <c r="Q81" s="16">
        <v>974</v>
      </c>
      <c r="R81" s="16">
        <v>24</v>
      </c>
      <c r="S81" s="16">
        <v>174</v>
      </c>
      <c r="T81" s="16">
        <v>20</v>
      </c>
      <c r="U81" s="16">
        <v>188</v>
      </c>
      <c r="V81" s="16">
        <v>165</v>
      </c>
      <c r="W81" s="16">
        <v>477</v>
      </c>
      <c r="X81" s="16">
        <v>370</v>
      </c>
      <c r="Y81" s="16">
        <v>10474</v>
      </c>
      <c r="Z81" s="22" t="s">
        <v>268</v>
      </c>
      <c r="AA81" s="16">
        <v>2122</v>
      </c>
      <c r="AB81" s="22" t="s">
        <v>268</v>
      </c>
      <c r="AC81" s="22" t="s">
        <v>268</v>
      </c>
      <c r="AD81" s="16">
        <v>291</v>
      </c>
      <c r="AE81" s="16">
        <v>291</v>
      </c>
    </row>
    <row r="82" spans="1:31">
      <c r="A82" s="21" t="s">
        <v>232</v>
      </c>
      <c r="B82" s="21" t="s">
        <v>237</v>
      </c>
      <c r="C82" s="21" t="s">
        <v>264</v>
      </c>
      <c r="D82" s="21" t="s">
        <v>214</v>
      </c>
      <c r="E82" s="21" t="s">
        <v>521</v>
      </c>
      <c r="F82" s="16">
        <v>53357</v>
      </c>
      <c r="G82" s="16">
        <v>40220</v>
      </c>
      <c r="H82" s="16">
        <v>36572</v>
      </c>
      <c r="I82" s="16">
        <v>4744</v>
      </c>
      <c r="J82" s="16">
        <v>24067</v>
      </c>
      <c r="K82" s="16">
        <v>683</v>
      </c>
      <c r="L82" s="16">
        <v>7078</v>
      </c>
      <c r="M82" s="16">
        <v>3648</v>
      </c>
      <c r="N82" s="16">
        <v>81</v>
      </c>
      <c r="O82" s="16">
        <v>258</v>
      </c>
      <c r="P82" s="16">
        <v>568</v>
      </c>
      <c r="Q82" s="16">
        <v>1359</v>
      </c>
      <c r="R82" s="16">
        <v>43</v>
      </c>
      <c r="S82" s="16">
        <v>238</v>
      </c>
      <c r="T82" s="16">
        <v>53</v>
      </c>
      <c r="U82" s="16">
        <v>222</v>
      </c>
      <c r="V82" s="16">
        <v>205</v>
      </c>
      <c r="W82" s="16">
        <v>621</v>
      </c>
      <c r="X82" s="16">
        <v>428</v>
      </c>
      <c r="Y82" s="16">
        <v>12709</v>
      </c>
      <c r="Z82" s="22" t="s">
        <v>268</v>
      </c>
      <c r="AA82" s="16">
        <v>2864</v>
      </c>
      <c r="AB82" s="22" t="s">
        <v>268</v>
      </c>
      <c r="AC82" s="22" t="s">
        <v>268</v>
      </c>
      <c r="AD82" s="16">
        <v>328</v>
      </c>
      <c r="AE82" s="16">
        <v>290</v>
      </c>
    </row>
    <row r="83" spans="1:31">
      <c r="A83" s="21" t="s">
        <v>232</v>
      </c>
      <c r="B83" s="21" t="s">
        <v>237</v>
      </c>
      <c r="C83" s="21" t="s">
        <v>264</v>
      </c>
      <c r="D83" s="21" t="s">
        <v>214</v>
      </c>
      <c r="E83" s="21" t="s">
        <v>522</v>
      </c>
      <c r="F83" s="16">
        <v>49422</v>
      </c>
      <c r="G83" s="16">
        <v>35733</v>
      </c>
      <c r="H83" s="16">
        <v>30690</v>
      </c>
      <c r="I83" s="16">
        <v>6485</v>
      </c>
      <c r="J83" s="16">
        <v>17073</v>
      </c>
      <c r="K83" s="16">
        <v>723</v>
      </c>
      <c r="L83" s="16">
        <v>6409</v>
      </c>
      <c r="M83" s="16">
        <v>5043</v>
      </c>
      <c r="N83" s="16">
        <v>199</v>
      </c>
      <c r="O83" s="16">
        <v>661</v>
      </c>
      <c r="P83" s="16">
        <v>654</v>
      </c>
      <c r="Q83" s="16">
        <v>1756</v>
      </c>
      <c r="R83" s="16">
        <v>40</v>
      </c>
      <c r="S83" s="16">
        <v>298</v>
      </c>
      <c r="T83" s="16">
        <v>80</v>
      </c>
      <c r="U83" s="16">
        <v>310</v>
      </c>
      <c r="V83" s="16">
        <v>319</v>
      </c>
      <c r="W83" s="16">
        <v>726</v>
      </c>
      <c r="X83" s="16">
        <v>411</v>
      </c>
      <c r="Y83" s="16">
        <v>13278</v>
      </c>
      <c r="Z83" s="22" t="s">
        <v>268</v>
      </c>
      <c r="AA83" s="16">
        <v>3587</v>
      </c>
      <c r="AB83" s="22" t="s">
        <v>268</v>
      </c>
      <c r="AC83" s="22" t="s">
        <v>268</v>
      </c>
      <c r="AD83" s="16">
        <v>336</v>
      </c>
      <c r="AE83" s="16">
        <v>206</v>
      </c>
    </row>
    <row r="84" spans="1:31">
      <c r="A84" s="21" t="s">
        <v>232</v>
      </c>
      <c r="B84" s="21" t="s">
        <v>237</v>
      </c>
      <c r="C84" s="21" t="s">
        <v>264</v>
      </c>
      <c r="D84" s="21" t="s">
        <v>214</v>
      </c>
      <c r="E84" s="21" t="s">
        <v>523</v>
      </c>
      <c r="F84" s="16">
        <v>54033</v>
      </c>
      <c r="G84" s="16">
        <v>38818</v>
      </c>
      <c r="H84" s="16">
        <v>30888</v>
      </c>
      <c r="I84" s="16">
        <v>10596</v>
      </c>
      <c r="J84" s="16">
        <v>13837</v>
      </c>
      <c r="K84" s="16">
        <v>728</v>
      </c>
      <c r="L84" s="16">
        <v>5727</v>
      </c>
      <c r="M84" s="16">
        <v>7930</v>
      </c>
      <c r="N84" s="16">
        <v>450</v>
      </c>
      <c r="O84" s="16">
        <v>1774</v>
      </c>
      <c r="P84" s="16">
        <v>759</v>
      </c>
      <c r="Q84" s="16">
        <v>2400</v>
      </c>
      <c r="R84" s="16">
        <v>76</v>
      </c>
      <c r="S84" s="16">
        <v>446</v>
      </c>
      <c r="T84" s="16">
        <v>136</v>
      </c>
      <c r="U84" s="16">
        <v>526</v>
      </c>
      <c r="V84" s="16">
        <v>417</v>
      </c>
      <c r="W84" s="16">
        <v>946</v>
      </c>
      <c r="X84" s="16">
        <v>398</v>
      </c>
      <c r="Y84" s="16">
        <v>14817</v>
      </c>
      <c r="Z84" s="22" t="s">
        <v>268</v>
      </c>
      <c r="AA84" s="16">
        <v>4859</v>
      </c>
      <c r="AB84" s="22" t="s">
        <v>268</v>
      </c>
      <c r="AC84" s="22" t="s">
        <v>268</v>
      </c>
      <c r="AD84" s="16">
        <v>338</v>
      </c>
      <c r="AE84" s="16">
        <v>179</v>
      </c>
    </row>
    <row r="85" spans="1:31">
      <c r="A85" s="21" t="s">
        <v>232</v>
      </c>
      <c r="B85" s="21" t="s">
        <v>237</v>
      </c>
      <c r="C85" s="21" t="s">
        <v>264</v>
      </c>
      <c r="D85" s="21" t="s">
        <v>214</v>
      </c>
      <c r="E85" s="21" t="s">
        <v>524</v>
      </c>
      <c r="F85" s="16">
        <v>62268</v>
      </c>
      <c r="G85" s="16">
        <v>45214</v>
      </c>
      <c r="H85" s="16">
        <v>34998</v>
      </c>
      <c r="I85" s="16">
        <v>16861</v>
      </c>
      <c r="J85" s="16">
        <v>12084</v>
      </c>
      <c r="K85" s="16">
        <v>902</v>
      </c>
      <c r="L85" s="16">
        <v>5151</v>
      </c>
      <c r="M85" s="16">
        <v>10216</v>
      </c>
      <c r="N85" s="16">
        <v>484</v>
      </c>
      <c r="O85" s="16">
        <v>2780</v>
      </c>
      <c r="P85" s="16">
        <v>812</v>
      </c>
      <c r="Q85" s="16">
        <v>2392</v>
      </c>
      <c r="R85" s="16">
        <v>168</v>
      </c>
      <c r="S85" s="16">
        <v>813</v>
      </c>
      <c r="T85" s="16">
        <v>178</v>
      </c>
      <c r="U85" s="16">
        <v>851</v>
      </c>
      <c r="V85" s="16">
        <v>666</v>
      </c>
      <c r="W85" s="16">
        <v>1072</v>
      </c>
      <c r="X85" s="16">
        <v>416</v>
      </c>
      <c r="Y85" s="16">
        <v>16638</v>
      </c>
      <c r="Z85" s="22" t="s">
        <v>268</v>
      </c>
      <c r="AA85" s="16">
        <v>5674</v>
      </c>
      <c r="AB85" s="16">
        <v>123</v>
      </c>
      <c r="AC85" s="22" t="s">
        <v>268</v>
      </c>
      <c r="AD85" s="16">
        <v>330</v>
      </c>
      <c r="AE85" s="16">
        <v>104</v>
      </c>
    </row>
    <row r="86" spans="1:31">
      <c r="A86" s="21" t="s">
        <v>232</v>
      </c>
      <c r="B86" s="21" t="s">
        <v>237</v>
      </c>
      <c r="C86" s="21" t="s">
        <v>264</v>
      </c>
      <c r="D86" s="21" t="s">
        <v>214</v>
      </c>
      <c r="E86" s="21" t="s">
        <v>525</v>
      </c>
      <c r="F86" s="16">
        <v>73101</v>
      </c>
      <c r="G86" s="16">
        <v>52776</v>
      </c>
      <c r="H86" s="16">
        <v>41971</v>
      </c>
      <c r="I86" s="16">
        <v>24351</v>
      </c>
      <c r="J86" s="16">
        <v>12010</v>
      </c>
      <c r="K86" s="16">
        <v>1056</v>
      </c>
      <c r="L86" s="16">
        <v>4554</v>
      </c>
      <c r="M86" s="16">
        <v>10805</v>
      </c>
      <c r="N86" s="16">
        <v>333</v>
      </c>
      <c r="O86" s="16">
        <v>2633</v>
      </c>
      <c r="P86" s="16">
        <v>1302</v>
      </c>
      <c r="Q86" s="16">
        <v>1756</v>
      </c>
      <c r="R86" s="16">
        <v>357</v>
      </c>
      <c r="S86" s="16">
        <v>1327</v>
      </c>
      <c r="T86" s="16">
        <v>181</v>
      </c>
      <c r="U86" s="16">
        <v>917</v>
      </c>
      <c r="V86" s="16">
        <v>893</v>
      </c>
      <c r="W86" s="16">
        <v>1106</v>
      </c>
      <c r="X86" s="16">
        <v>434</v>
      </c>
      <c r="Y86" s="16">
        <v>19891</v>
      </c>
      <c r="Z86" s="22" t="s">
        <v>268</v>
      </c>
      <c r="AA86" s="16">
        <v>6051</v>
      </c>
      <c r="AB86" s="16">
        <v>22296</v>
      </c>
      <c r="AC86" s="16">
        <v>19891</v>
      </c>
      <c r="AD86" s="16">
        <v>358</v>
      </c>
      <c r="AE86" s="16">
        <v>42</v>
      </c>
    </row>
    <row r="87" spans="1:31">
      <c r="A87" s="21" t="s">
        <v>232</v>
      </c>
      <c r="B87" s="21" t="s">
        <v>237</v>
      </c>
      <c r="C87" s="21" t="s">
        <v>264</v>
      </c>
      <c r="D87" s="21" t="s">
        <v>214</v>
      </c>
      <c r="E87" s="21" t="s">
        <v>526</v>
      </c>
      <c r="F87" s="16">
        <v>75663</v>
      </c>
      <c r="G87" s="16">
        <v>54533</v>
      </c>
      <c r="H87" s="16">
        <v>44978</v>
      </c>
      <c r="I87" s="16">
        <v>27940</v>
      </c>
      <c r="J87" s="16">
        <v>11170</v>
      </c>
      <c r="K87" s="16">
        <v>1197</v>
      </c>
      <c r="L87" s="16">
        <v>4671</v>
      </c>
      <c r="M87" s="16">
        <v>9555</v>
      </c>
      <c r="N87" s="16">
        <v>283</v>
      </c>
      <c r="O87" s="16">
        <v>1408</v>
      </c>
      <c r="P87" s="16">
        <v>1766</v>
      </c>
      <c r="Q87" s="16">
        <v>1191</v>
      </c>
      <c r="R87" s="16">
        <v>520</v>
      </c>
      <c r="S87" s="16">
        <v>1603</v>
      </c>
      <c r="T87" s="16">
        <v>156</v>
      </c>
      <c r="U87" s="16">
        <v>628</v>
      </c>
      <c r="V87" s="16">
        <v>815</v>
      </c>
      <c r="W87" s="16">
        <v>1185</v>
      </c>
      <c r="X87" s="16">
        <v>415</v>
      </c>
      <c r="Y87" s="16">
        <v>20715</v>
      </c>
      <c r="Z87" s="22" t="s">
        <v>268</v>
      </c>
      <c r="AA87" s="16">
        <v>5965</v>
      </c>
      <c r="AB87" s="16">
        <v>27431</v>
      </c>
      <c r="AC87" s="16">
        <v>20715</v>
      </c>
      <c r="AD87" s="16">
        <v>261</v>
      </c>
      <c r="AE87" s="16">
        <v>24</v>
      </c>
    </row>
    <row r="88" spans="1:31">
      <c r="A88" s="21" t="s">
        <v>232</v>
      </c>
      <c r="B88" s="21" t="s">
        <v>237</v>
      </c>
      <c r="C88" s="21" t="s">
        <v>264</v>
      </c>
      <c r="D88" s="21" t="s">
        <v>214</v>
      </c>
      <c r="E88" s="21" t="s">
        <v>527</v>
      </c>
      <c r="F88" s="16">
        <v>54171</v>
      </c>
      <c r="G88" s="16">
        <v>37475</v>
      </c>
      <c r="H88" s="16">
        <v>31520</v>
      </c>
      <c r="I88" s="16">
        <v>19450</v>
      </c>
      <c r="J88" s="16">
        <v>7188</v>
      </c>
      <c r="K88" s="16">
        <v>920</v>
      </c>
      <c r="L88" s="16">
        <v>3962</v>
      </c>
      <c r="M88" s="16">
        <v>5955</v>
      </c>
      <c r="N88" s="16">
        <v>342</v>
      </c>
      <c r="O88" s="16">
        <v>467</v>
      </c>
      <c r="P88" s="16">
        <v>1303</v>
      </c>
      <c r="Q88" s="16">
        <v>717</v>
      </c>
      <c r="R88" s="16">
        <v>397</v>
      </c>
      <c r="S88" s="16">
        <v>1011</v>
      </c>
      <c r="T88" s="16">
        <v>127</v>
      </c>
      <c r="U88" s="16">
        <v>239</v>
      </c>
      <c r="V88" s="16">
        <v>447</v>
      </c>
      <c r="W88" s="16">
        <v>905</v>
      </c>
      <c r="X88" s="16">
        <v>238</v>
      </c>
      <c r="Y88" s="16">
        <v>16458</v>
      </c>
      <c r="Z88" s="22" t="s">
        <v>268</v>
      </c>
      <c r="AA88" s="16">
        <v>3883</v>
      </c>
      <c r="AB88" s="16">
        <v>19338</v>
      </c>
      <c r="AC88" s="16">
        <v>16458</v>
      </c>
      <c r="AD88" s="16">
        <v>181</v>
      </c>
      <c r="AE88" s="16">
        <v>11</v>
      </c>
    </row>
    <row r="89" spans="1:31">
      <c r="A89" s="21" t="s">
        <v>232</v>
      </c>
      <c r="B89" s="21" t="s">
        <v>237</v>
      </c>
      <c r="C89" s="21" t="s">
        <v>264</v>
      </c>
      <c r="D89" s="21" t="s">
        <v>214</v>
      </c>
      <c r="E89" s="21" t="s">
        <v>528</v>
      </c>
      <c r="F89" s="16">
        <v>46279</v>
      </c>
      <c r="G89" s="16">
        <v>30279</v>
      </c>
      <c r="H89" s="16">
        <v>24845</v>
      </c>
      <c r="I89" s="16">
        <v>14451</v>
      </c>
      <c r="J89" s="16">
        <v>5212</v>
      </c>
      <c r="K89" s="16">
        <v>1009</v>
      </c>
      <c r="L89" s="16">
        <v>4173</v>
      </c>
      <c r="M89" s="16">
        <v>5434</v>
      </c>
      <c r="N89" s="16">
        <v>565</v>
      </c>
      <c r="O89" s="16">
        <v>517</v>
      </c>
      <c r="P89" s="16">
        <v>1120</v>
      </c>
      <c r="Q89" s="16">
        <v>670</v>
      </c>
      <c r="R89" s="16">
        <v>285</v>
      </c>
      <c r="S89" s="16">
        <v>709</v>
      </c>
      <c r="T89" s="16">
        <v>197</v>
      </c>
      <c r="U89" s="16">
        <v>198</v>
      </c>
      <c r="V89" s="16">
        <v>280</v>
      </c>
      <c r="W89" s="16">
        <v>893</v>
      </c>
      <c r="X89" s="16">
        <v>171</v>
      </c>
      <c r="Y89" s="16">
        <v>15829</v>
      </c>
      <c r="Z89" s="22" t="s">
        <v>268</v>
      </c>
      <c r="AA89" s="16">
        <v>3414</v>
      </c>
      <c r="AB89" s="16">
        <v>14422</v>
      </c>
      <c r="AC89" s="16">
        <v>15829</v>
      </c>
      <c r="AD89" s="16">
        <v>187</v>
      </c>
      <c r="AE89" s="16">
        <v>2</v>
      </c>
    </row>
    <row r="90" spans="1:31">
      <c r="A90" s="21" t="s">
        <v>232</v>
      </c>
      <c r="B90" s="21" t="s">
        <v>237</v>
      </c>
      <c r="C90" s="21" t="s">
        <v>264</v>
      </c>
      <c r="D90" s="21" t="s">
        <v>214</v>
      </c>
      <c r="E90" s="21" t="s">
        <v>623</v>
      </c>
      <c r="F90" s="16">
        <v>47834</v>
      </c>
      <c r="G90" s="16">
        <v>28176</v>
      </c>
      <c r="H90" s="16">
        <v>22016</v>
      </c>
      <c r="I90" s="16">
        <v>10568</v>
      </c>
      <c r="J90" s="16">
        <v>3681</v>
      </c>
      <c r="K90" s="16">
        <v>1622</v>
      </c>
      <c r="L90" s="16">
        <v>6145</v>
      </c>
      <c r="M90" s="16">
        <v>6160</v>
      </c>
      <c r="N90" s="16">
        <v>787</v>
      </c>
      <c r="O90" s="16">
        <v>1156</v>
      </c>
      <c r="P90" s="16">
        <v>751</v>
      </c>
      <c r="Q90" s="16">
        <v>875</v>
      </c>
      <c r="R90" s="16">
        <v>215</v>
      </c>
      <c r="S90" s="16">
        <v>408</v>
      </c>
      <c r="T90" s="16">
        <v>421</v>
      </c>
      <c r="U90" s="16">
        <v>174</v>
      </c>
      <c r="V90" s="16">
        <v>254</v>
      </c>
      <c r="W90" s="16">
        <v>1119</v>
      </c>
      <c r="X90" s="16">
        <v>141</v>
      </c>
      <c r="Y90" s="16">
        <v>19517</v>
      </c>
      <c r="Z90" s="22" t="s">
        <v>268</v>
      </c>
      <c r="AA90" s="16">
        <v>3211</v>
      </c>
      <c r="AB90" s="16">
        <v>10565</v>
      </c>
      <c r="AC90" s="16">
        <v>19517</v>
      </c>
      <c r="AD90" s="16">
        <v>289</v>
      </c>
      <c r="AE90" s="16">
        <v>1</v>
      </c>
    </row>
    <row r="91" spans="1:31">
      <c r="A91" s="21" t="s">
        <v>232</v>
      </c>
      <c r="B91" s="21" t="s">
        <v>237</v>
      </c>
      <c r="C91" s="21" t="s">
        <v>264</v>
      </c>
      <c r="D91" s="21" t="s">
        <v>214</v>
      </c>
      <c r="E91" s="21" t="s">
        <v>624</v>
      </c>
      <c r="F91" s="16">
        <v>22304</v>
      </c>
      <c r="G91" s="22" t="s">
        <v>268</v>
      </c>
      <c r="H91" s="22" t="s">
        <v>268</v>
      </c>
      <c r="I91" s="22" t="s">
        <v>268</v>
      </c>
      <c r="J91" s="22" t="s">
        <v>268</v>
      </c>
      <c r="K91" s="22" t="s">
        <v>268</v>
      </c>
      <c r="L91" s="22" t="s">
        <v>268</v>
      </c>
      <c r="M91" s="22" t="s">
        <v>268</v>
      </c>
      <c r="N91" s="22" t="s">
        <v>268</v>
      </c>
      <c r="O91" s="22" t="s">
        <v>268</v>
      </c>
      <c r="P91" s="22" t="s">
        <v>268</v>
      </c>
      <c r="Q91" s="22" t="s">
        <v>268</v>
      </c>
      <c r="R91" s="22" t="s">
        <v>268</v>
      </c>
      <c r="S91" s="22" t="s">
        <v>268</v>
      </c>
      <c r="T91" s="22" t="s">
        <v>268</v>
      </c>
      <c r="U91" s="22" t="s">
        <v>268</v>
      </c>
      <c r="V91" s="22" t="s">
        <v>268</v>
      </c>
      <c r="W91" s="22" t="s">
        <v>268</v>
      </c>
      <c r="X91" s="22" t="s">
        <v>268</v>
      </c>
      <c r="Y91" s="16">
        <v>21065</v>
      </c>
      <c r="Z91" s="16">
        <v>1239</v>
      </c>
      <c r="AA91" s="22" t="s">
        <v>268</v>
      </c>
      <c r="AB91" s="22" t="s">
        <v>268</v>
      </c>
      <c r="AC91" s="22" t="s">
        <v>268</v>
      </c>
      <c r="AD91" s="16">
        <v>121</v>
      </c>
      <c r="AE91" s="16">
        <v>274</v>
      </c>
    </row>
    <row r="92" spans="1:31">
      <c r="A92" s="21" t="s">
        <v>232</v>
      </c>
      <c r="B92" s="21" t="s">
        <v>237</v>
      </c>
      <c r="C92" s="21" t="s">
        <v>264</v>
      </c>
      <c r="D92" s="21" t="s">
        <v>214</v>
      </c>
      <c r="E92" s="21" t="s">
        <v>461</v>
      </c>
      <c r="F92" s="16">
        <v>397383</v>
      </c>
      <c r="G92" s="16">
        <v>263785</v>
      </c>
      <c r="H92" s="16">
        <v>230733</v>
      </c>
      <c r="I92" s="16">
        <v>52568</v>
      </c>
      <c r="J92" s="16">
        <v>135874</v>
      </c>
      <c r="K92" s="16">
        <v>4063</v>
      </c>
      <c r="L92" s="16">
        <v>38228</v>
      </c>
      <c r="M92" s="16">
        <v>33052</v>
      </c>
      <c r="N92" s="16">
        <v>1264</v>
      </c>
      <c r="O92" s="16">
        <v>5715</v>
      </c>
      <c r="P92" s="16">
        <v>3606</v>
      </c>
      <c r="Q92" s="16">
        <v>9759</v>
      </c>
      <c r="R92" s="16">
        <v>400</v>
      </c>
      <c r="S92" s="16">
        <v>2219</v>
      </c>
      <c r="T92" s="16">
        <v>493</v>
      </c>
      <c r="U92" s="16">
        <v>2353</v>
      </c>
      <c r="V92" s="16">
        <v>2723</v>
      </c>
      <c r="W92" s="16">
        <v>4520</v>
      </c>
      <c r="X92" s="16">
        <v>4137</v>
      </c>
      <c r="Y92" s="16">
        <v>129461</v>
      </c>
      <c r="Z92" s="22" t="s">
        <v>268</v>
      </c>
      <c r="AA92" s="16">
        <v>21211</v>
      </c>
      <c r="AB92" s="16">
        <v>123</v>
      </c>
      <c r="AC92" s="22" t="s">
        <v>268</v>
      </c>
      <c r="AD92" s="16">
        <v>4664</v>
      </c>
      <c r="AE92" s="16">
        <v>6253</v>
      </c>
    </row>
    <row r="93" spans="1:31">
      <c r="A93" s="21" t="s">
        <v>232</v>
      </c>
      <c r="B93" s="21" t="s">
        <v>237</v>
      </c>
      <c r="C93" s="21" t="s">
        <v>264</v>
      </c>
      <c r="D93" s="21" t="s">
        <v>214</v>
      </c>
      <c r="E93" s="21" t="s">
        <v>462</v>
      </c>
      <c r="F93" s="16">
        <v>297048</v>
      </c>
      <c r="G93" s="16">
        <v>203239</v>
      </c>
      <c r="H93" s="16">
        <v>165330</v>
      </c>
      <c r="I93" s="16">
        <v>96760</v>
      </c>
      <c r="J93" s="16">
        <v>39261</v>
      </c>
      <c r="K93" s="16">
        <v>5804</v>
      </c>
      <c r="L93" s="16">
        <v>23505</v>
      </c>
      <c r="M93" s="16">
        <v>37909</v>
      </c>
      <c r="N93" s="16">
        <v>2310</v>
      </c>
      <c r="O93" s="16">
        <v>6181</v>
      </c>
      <c r="P93" s="16">
        <v>6242</v>
      </c>
      <c r="Q93" s="16">
        <v>5209</v>
      </c>
      <c r="R93" s="16">
        <v>1774</v>
      </c>
      <c r="S93" s="16">
        <v>5058</v>
      </c>
      <c r="T93" s="16">
        <v>1082</v>
      </c>
      <c r="U93" s="16">
        <v>2156</v>
      </c>
      <c r="V93" s="16">
        <v>2689</v>
      </c>
      <c r="W93" s="16">
        <v>5208</v>
      </c>
      <c r="X93" s="16">
        <v>1399</v>
      </c>
      <c r="Y93" s="16">
        <v>92410</v>
      </c>
      <c r="Z93" s="22" t="s">
        <v>268</v>
      </c>
      <c r="AA93" s="16">
        <v>22524</v>
      </c>
      <c r="AB93" s="16">
        <v>94052</v>
      </c>
      <c r="AC93" s="16">
        <v>92410</v>
      </c>
      <c r="AD93" s="16">
        <v>1276</v>
      </c>
      <c r="AE93" s="16">
        <v>80</v>
      </c>
    </row>
    <row r="94" spans="1:31">
      <c r="A94" s="21" t="s">
        <v>232</v>
      </c>
      <c r="B94" s="21" t="s">
        <v>237</v>
      </c>
      <c r="C94" s="21" t="s">
        <v>264</v>
      </c>
      <c r="D94" s="21" t="s">
        <v>214</v>
      </c>
      <c r="E94" s="21" t="s">
        <v>463</v>
      </c>
      <c r="F94" s="16">
        <v>148284</v>
      </c>
      <c r="G94" s="16">
        <v>95930</v>
      </c>
      <c r="H94" s="16">
        <v>78381</v>
      </c>
      <c r="I94" s="16">
        <v>44469</v>
      </c>
      <c r="J94" s="16">
        <v>16081</v>
      </c>
      <c r="K94" s="16">
        <v>3551</v>
      </c>
      <c r="L94" s="16">
        <v>14280</v>
      </c>
      <c r="M94" s="16">
        <v>17549</v>
      </c>
      <c r="N94" s="16">
        <v>1694</v>
      </c>
      <c r="O94" s="16">
        <v>2140</v>
      </c>
      <c r="P94" s="16">
        <v>3174</v>
      </c>
      <c r="Q94" s="16">
        <v>2262</v>
      </c>
      <c r="R94" s="16">
        <v>897</v>
      </c>
      <c r="S94" s="16">
        <v>2128</v>
      </c>
      <c r="T94" s="16">
        <v>745</v>
      </c>
      <c r="U94" s="16">
        <v>611</v>
      </c>
      <c r="V94" s="16">
        <v>981</v>
      </c>
      <c r="W94" s="16">
        <v>2917</v>
      </c>
      <c r="X94" s="16">
        <v>550</v>
      </c>
      <c r="Y94" s="16">
        <v>51804</v>
      </c>
      <c r="Z94" s="22" t="s">
        <v>268</v>
      </c>
      <c r="AA94" s="16">
        <v>10508</v>
      </c>
      <c r="AB94" s="16">
        <v>44325</v>
      </c>
      <c r="AC94" s="16">
        <v>51804</v>
      </c>
      <c r="AD94" s="16">
        <v>657</v>
      </c>
      <c r="AE94" s="16">
        <v>14</v>
      </c>
    </row>
    <row r="95" spans="1:31">
      <c r="A95" s="21" t="s">
        <v>232</v>
      </c>
      <c r="B95" s="21" t="s">
        <v>237</v>
      </c>
      <c r="C95" s="21" t="s">
        <v>264</v>
      </c>
      <c r="D95" s="21" t="s">
        <v>215</v>
      </c>
      <c r="E95" s="21" t="s">
        <v>401</v>
      </c>
      <c r="F95" s="16">
        <v>511462</v>
      </c>
      <c r="G95" s="16">
        <v>392002</v>
      </c>
      <c r="H95" s="16">
        <v>336103</v>
      </c>
      <c r="I95" s="16">
        <v>147090</v>
      </c>
      <c r="J95" s="16">
        <v>172098</v>
      </c>
      <c r="K95" s="16">
        <v>9684</v>
      </c>
      <c r="L95" s="16">
        <v>7231</v>
      </c>
      <c r="M95" s="16">
        <v>55899</v>
      </c>
      <c r="N95" s="16">
        <v>3555</v>
      </c>
      <c r="O95" s="16">
        <v>10316</v>
      </c>
      <c r="P95" s="16">
        <v>9805</v>
      </c>
      <c r="Q95" s="16">
        <v>12436</v>
      </c>
      <c r="R95" s="16">
        <v>2051</v>
      </c>
      <c r="S95" s="16">
        <v>6921</v>
      </c>
      <c r="T95" s="16">
        <v>1192</v>
      </c>
      <c r="U95" s="16">
        <v>4030</v>
      </c>
      <c r="V95" s="16">
        <v>2861</v>
      </c>
      <c r="W95" s="16">
        <v>2732</v>
      </c>
      <c r="X95" s="16">
        <v>3770</v>
      </c>
      <c r="Y95" s="16">
        <v>114719</v>
      </c>
      <c r="Z95" s="16">
        <v>971</v>
      </c>
      <c r="AA95" s="16">
        <v>34778</v>
      </c>
      <c r="AB95" s="16">
        <v>93391</v>
      </c>
      <c r="AC95" s="16">
        <v>29745</v>
      </c>
      <c r="AD95" s="16">
        <v>2964</v>
      </c>
      <c r="AE95" s="16">
        <v>3878</v>
      </c>
    </row>
    <row r="96" spans="1:31">
      <c r="A96" s="21" t="s">
        <v>232</v>
      </c>
      <c r="B96" s="21" t="s">
        <v>237</v>
      </c>
      <c r="C96" s="21" t="s">
        <v>264</v>
      </c>
      <c r="D96" s="21" t="s">
        <v>215</v>
      </c>
      <c r="E96" s="21" t="s">
        <v>514</v>
      </c>
      <c r="F96" s="16">
        <v>5</v>
      </c>
      <c r="G96" s="16">
        <v>1</v>
      </c>
      <c r="H96" s="22" t="s">
        <v>268</v>
      </c>
      <c r="I96" s="22" t="s">
        <v>268</v>
      </c>
      <c r="J96" s="22" t="s">
        <v>268</v>
      </c>
      <c r="K96" s="22" t="s">
        <v>268</v>
      </c>
      <c r="L96" s="22" t="s">
        <v>268</v>
      </c>
      <c r="M96" s="16">
        <v>1</v>
      </c>
      <c r="N96" s="22" t="s">
        <v>268</v>
      </c>
      <c r="O96" s="22" t="s">
        <v>268</v>
      </c>
      <c r="P96" s="22" t="s">
        <v>268</v>
      </c>
      <c r="Q96" s="22" t="s">
        <v>268</v>
      </c>
      <c r="R96" s="22" t="s">
        <v>268</v>
      </c>
      <c r="S96" s="22" t="s">
        <v>268</v>
      </c>
      <c r="T96" s="22" t="s">
        <v>268</v>
      </c>
      <c r="U96" s="22" t="s">
        <v>268</v>
      </c>
      <c r="V96" s="16">
        <v>1</v>
      </c>
      <c r="W96" s="22" t="s">
        <v>268</v>
      </c>
      <c r="X96" s="22" t="s">
        <v>268</v>
      </c>
      <c r="Y96" s="16">
        <v>4</v>
      </c>
      <c r="Z96" s="22" t="s">
        <v>268</v>
      </c>
      <c r="AA96" s="22" t="s">
        <v>268</v>
      </c>
      <c r="AB96" s="22" t="s">
        <v>268</v>
      </c>
      <c r="AC96" s="22" t="s">
        <v>268</v>
      </c>
      <c r="AD96" s="16">
        <v>3</v>
      </c>
      <c r="AE96" s="22" t="s">
        <v>268</v>
      </c>
    </row>
    <row r="97" spans="1:31">
      <c r="A97" s="21" t="s">
        <v>232</v>
      </c>
      <c r="B97" s="21" t="s">
        <v>237</v>
      </c>
      <c r="C97" s="21" t="s">
        <v>264</v>
      </c>
      <c r="D97" s="21" t="s">
        <v>215</v>
      </c>
      <c r="E97" s="21" t="s">
        <v>515</v>
      </c>
      <c r="F97" s="16">
        <v>2279</v>
      </c>
      <c r="G97" s="16">
        <v>56</v>
      </c>
      <c r="H97" s="16">
        <v>32</v>
      </c>
      <c r="I97" s="16">
        <v>9</v>
      </c>
      <c r="J97" s="16">
        <v>15</v>
      </c>
      <c r="K97" s="16">
        <v>2</v>
      </c>
      <c r="L97" s="16">
        <v>6</v>
      </c>
      <c r="M97" s="16">
        <v>24</v>
      </c>
      <c r="N97" s="22" t="s">
        <v>268</v>
      </c>
      <c r="O97" s="22" t="s">
        <v>268</v>
      </c>
      <c r="P97" s="22" t="s">
        <v>268</v>
      </c>
      <c r="Q97" s="22" t="s">
        <v>268</v>
      </c>
      <c r="R97" s="16">
        <v>1</v>
      </c>
      <c r="S97" s="22" t="s">
        <v>268</v>
      </c>
      <c r="T97" s="22" t="s">
        <v>268</v>
      </c>
      <c r="U97" s="22" t="s">
        <v>268</v>
      </c>
      <c r="V97" s="16">
        <v>20</v>
      </c>
      <c r="W97" s="16">
        <v>3</v>
      </c>
      <c r="X97" s="16">
        <v>14</v>
      </c>
      <c r="Y97" s="16">
        <v>2209</v>
      </c>
      <c r="Z97" s="22" t="s">
        <v>268</v>
      </c>
      <c r="AA97" s="22" t="s">
        <v>268</v>
      </c>
      <c r="AB97" s="22" t="s">
        <v>268</v>
      </c>
      <c r="AC97" s="22" t="s">
        <v>268</v>
      </c>
      <c r="AD97" s="16">
        <v>135</v>
      </c>
      <c r="AE97" s="16">
        <v>206</v>
      </c>
    </row>
    <row r="98" spans="1:31">
      <c r="A98" s="21" t="s">
        <v>232</v>
      </c>
      <c r="B98" s="21" t="s">
        <v>237</v>
      </c>
      <c r="C98" s="21" t="s">
        <v>264</v>
      </c>
      <c r="D98" s="21" t="s">
        <v>215</v>
      </c>
      <c r="E98" s="21" t="s">
        <v>516</v>
      </c>
      <c r="F98" s="16">
        <v>12280</v>
      </c>
      <c r="G98" s="16">
        <v>1727</v>
      </c>
      <c r="H98" s="16">
        <v>1556</v>
      </c>
      <c r="I98" s="16">
        <v>533</v>
      </c>
      <c r="J98" s="16">
        <v>968</v>
      </c>
      <c r="K98" s="16">
        <v>10</v>
      </c>
      <c r="L98" s="16">
        <v>45</v>
      </c>
      <c r="M98" s="16">
        <v>171</v>
      </c>
      <c r="N98" s="16">
        <v>2</v>
      </c>
      <c r="O98" s="16">
        <v>4</v>
      </c>
      <c r="P98" s="16">
        <v>2</v>
      </c>
      <c r="Q98" s="16">
        <v>11</v>
      </c>
      <c r="R98" s="16">
        <v>4</v>
      </c>
      <c r="S98" s="16">
        <v>9</v>
      </c>
      <c r="T98" s="16">
        <v>2</v>
      </c>
      <c r="U98" s="16">
        <v>6</v>
      </c>
      <c r="V98" s="16">
        <v>112</v>
      </c>
      <c r="W98" s="16">
        <v>19</v>
      </c>
      <c r="X98" s="16">
        <v>323</v>
      </c>
      <c r="Y98" s="16">
        <v>10230</v>
      </c>
      <c r="Z98" s="22" t="s">
        <v>268</v>
      </c>
      <c r="AA98" s="16">
        <v>30</v>
      </c>
      <c r="AB98" s="22" t="s">
        <v>268</v>
      </c>
      <c r="AC98" s="22" t="s">
        <v>268</v>
      </c>
      <c r="AD98" s="16">
        <v>593</v>
      </c>
      <c r="AE98" s="16">
        <v>974</v>
      </c>
    </row>
    <row r="99" spans="1:31">
      <c r="A99" s="21" t="s">
        <v>232</v>
      </c>
      <c r="B99" s="21" t="s">
        <v>237</v>
      </c>
      <c r="C99" s="21" t="s">
        <v>264</v>
      </c>
      <c r="D99" s="21" t="s">
        <v>215</v>
      </c>
      <c r="E99" s="21" t="s">
        <v>517</v>
      </c>
      <c r="F99" s="16">
        <v>18549</v>
      </c>
      <c r="G99" s="16">
        <v>8998</v>
      </c>
      <c r="H99" s="16">
        <v>8645</v>
      </c>
      <c r="I99" s="16">
        <v>2901</v>
      </c>
      <c r="J99" s="16">
        <v>5555</v>
      </c>
      <c r="K99" s="16">
        <v>56</v>
      </c>
      <c r="L99" s="16">
        <v>133</v>
      </c>
      <c r="M99" s="16">
        <v>353</v>
      </c>
      <c r="N99" s="16">
        <v>2</v>
      </c>
      <c r="O99" s="16">
        <v>12</v>
      </c>
      <c r="P99" s="16">
        <v>24</v>
      </c>
      <c r="Q99" s="16">
        <v>81</v>
      </c>
      <c r="R99" s="16">
        <v>13</v>
      </c>
      <c r="S99" s="16">
        <v>30</v>
      </c>
      <c r="T99" s="16">
        <v>6</v>
      </c>
      <c r="U99" s="16">
        <v>33</v>
      </c>
      <c r="V99" s="16">
        <v>100</v>
      </c>
      <c r="W99" s="16">
        <v>52</v>
      </c>
      <c r="X99" s="16">
        <v>552</v>
      </c>
      <c r="Y99" s="16">
        <v>8999</v>
      </c>
      <c r="Z99" s="22" t="s">
        <v>268</v>
      </c>
      <c r="AA99" s="16">
        <v>168</v>
      </c>
      <c r="AB99" s="22" t="s">
        <v>268</v>
      </c>
      <c r="AC99" s="22" t="s">
        <v>268</v>
      </c>
      <c r="AD99" s="16">
        <v>426</v>
      </c>
      <c r="AE99" s="16">
        <v>968</v>
      </c>
    </row>
    <row r="100" spans="1:31">
      <c r="A100" s="21" t="s">
        <v>232</v>
      </c>
      <c r="B100" s="21" t="s">
        <v>237</v>
      </c>
      <c r="C100" s="21" t="s">
        <v>264</v>
      </c>
      <c r="D100" s="21" t="s">
        <v>215</v>
      </c>
      <c r="E100" s="21" t="s">
        <v>518</v>
      </c>
      <c r="F100" s="16">
        <v>25756</v>
      </c>
      <c r="G100" s="16">
        <v>18658</v>
      </c>
      <c r="H100" s="16">
        <v>18018</v>
      </c>
      <c r="I100" s="16">
        <v>3482</v>
      </c>
      <c r="J100" s="16">
        <v>14240</v>
      </c>
      <c r="K100" s="16">
        <v>120</v>
      </c>
      <c r="L100" s="16">
        <v>176</v>
      </c>
      <c r="M100" s="16">
        <v>640</v>
      </c>
      <c r="N100" s="16">
        <v>12</v>
      </c>
      <c r="O100" s="16">
        <v>29</v>
      </c>
      <c r="P100" s="16">
        <v>94</v>
      </c>
      <c r="Q100" s="16">
        <v>232</v>
      </c>
      <c r="R100" s="16">
        <v>14</v>
      </c>
      <c r="S100" s="16">
        <v>46</v>
      </c>
      <c r="T100" s="16">
        <v>8</v>
      </c>
      <c r="U100" s="16">
        <v>61</v>
      </c>
      <c r="V100" s="16">
        <v>75</v>
      </c>
      <c r="W100" s="16">
        <v>69</v>
      </c>
      <c r="X100" s="16">
        <v>327</v>
      </c>
      <c r="Y100" s="16">
        <v>6771</v>
      </c>
      <c r="Z100" s="22" t="s">
        <v>268</v>
      </c>
      <c r="AA100" s="16">
        <v>452</v>
      </c>
      <c r="AB100" s="22" t="s">
        <v>268</v>
      </c>
      <c r="AC100" s="22" t="s">
        <v>268</v>
      </c>
      <c r="AD100" s="16">
        <v>224</v>
      </c>
      <c r="AE100" s="16">
        <v>421</v>
      </c>
    </row>
    <row r="101" spans="1:31">
      <c r="A101" s="21" t="s">
        <v>232</v>
      </c>
      <c r="B101" s="21" t="s">
        <v>237</v>
      </c>
      <c r="C101" s="21" t="s">
        <v>264</v>
      </c>
      <c r="D101" s="21" t="s">
        <v>215</v>
      </c>
      <c r="E101" s="21" t="s">
        <v>519</v>
      </c>
      <c r="F101" s="16">
        <v>32747</v>
      </c>
      <c r="G101" s="16">
        <v>26345</v>
      </c>
      <c r="H101" s="16">
        <v>25049</v>
      </c>
      <c r="I101" s="16">
        <v>3067</v>
      </c>
      <c r="J101" s="16">
        <v>21385</v>
      </c>
      <c r="K101" s="16">
        <v>299</v>
      </c>
      <c r="L101" s="16">
        <v>298</v>
      </c>
      <c r="M101" s="16">
        <v>1296</v>
      </c>
      <c r="N101" s="16">
        <v>13</v>
      </c>
      <c r="O101" s="16">
        <v>74</v>
      </c>
      <c r="P101" s="16">
        <v>239</v>
      </c>
      <c r="Q101" s="16">
        <v>529</v>
      </c>
      <c r="R101" s="16">
        <v>10</v>
      </c>
      <c r="S101" s="16">
        <v>99</v>
      </c>
      <c r="T101" s="16">
        <v>7</v>
      </c>
      <c r="U101" s="16">
        <v>147</v>
      </c>
      <c r="V101" s="16">
        <v>74</v>
      </c>
      <c r="W101" s="16">
        <v>104</v>
      </c>
      <c r="X101" s="16">
        <v>261</v>
      </c>
      <c r="Y101" s="16">
        <v>6141</v>
      </c>
      <c r="Z101" s="22" t="s">
        <v>268</v>
      </c>
      <c r="AA101" s="16">
        <v>1034</v>
      </c>
      <c r="AB101" s="22" t="s">
        <v>268</v>
      </c>
      <c r="AC101" s="22" t="s">
        <v>268</v>
      </c>
      <c r="AD101" s="16">
        <v>180</v>
      </c>
      <c r="AE101" s="16">
        <v>223</v>
      </c>
    </row>
    <row r="102" spans="1:31">
      <c r="A102" s="21" t="s">
        <v>232</v>
      </c>
      <c r="B102" s="21" t="s">
        <v>237</v>
      </c>
      <c r="C102" s="21" t="s">
        <v>264</v>
      </c>
      <c r="D102" s="21" t="s">
        <v>215</v>
      </c>
      <c r="E102" s="21" t="s">
        <v>520</v>
      </c>
      <c r="F102" s="16">
        <v>37789</v>
      </c>
      <c r="G102" s="16">
        <v>31047</v>
      </c>
      <c r="H102" s="16">
        <v>28966</v>
      </c>
      <c r="I102" s="16">
        <v>3131</v>
      </c>
      <c r="J102" s="16">
        <v>24846</v>
      </c>
      <c r="K102" s="16">
        <v>496</v>
      </c>
      <c r="L102" s="16">
        <v>493</v>
      </c>
      <c r="M102" s="16">
        <v>2081</v>
      </c>
      <c r="N102" s="16">
        <v>21</v>
      </c>
      <c r="O102" s="16">
        <v>107</v>
      </c>
      <c r="P102" s="16">
        <v>442</v>
      </c>
      <c r="Q102" s="16">
        <v>952</v>
      </c>
      <c r="R102" s="16">
        <v>19</v>
      </c>
      <c r="S102" s="16">
        <v>110</v>
      </c>
      <c r="T102" s="16">
        <v>17</v>
      </c>
      <c r="U102" s="16">
        <v>174</v>
      </c>
      <c r="V102" s="16">
        <v>89</v>
      </c>
      <c r="W102" s="16">
        <v>150</v>
      </c>
      <c r="X102" s="16">
        <v>250</v>
      </c>
      <c r="Y102" s="16">
        <v>6492</v>
      </c>
      <c r="Z102" s="22" t="s">
        <v>268</v>
      </c>
      <c r="AA102" s="16">
        <v>1744</v>
      </c>
      <c r="AB102" s="22" t="s">
        <v>268</v>
      </c>
      <c r="AC102" s="22" t="s">
        <v>268</v>
      </c>
      <c r="AD102" s="16">
        <v>163</v>
      </c>
      <c r="AE102" s="16">
        <v>200</v>
      </c>
    </row>
    <row r="103" spans="1:31">
      <c r="A103" s="21" t="s">
        <v>232</v>
      </c>
      <c r="B103" s="21" t="s">
        <v>237</v>
      </c>
      <c r="C103" s="21" t="s">
        <v>264</v>
      </c>
      <c r="D103" s="21" t="s">
        <v>215</v>
      </c>
      <c r="E103" s="21" t="s">
        <v>521</v>
      </c>
      <c r="F103" s="16">
        <v>40552</v>
      </c>
      <c r="G103" s="16">
        <v>32583</v>
      </c>
      <c r="H103" s="16">
        <v>29647</v>
      </c>
      <c r="I103" s="16">
        <v>4590</v>
      </c>
      <c r="J103" s="16">
        <v>23637</v>
      </c>
      <c r="K103" s="16">
        <v>665</v>
      </c>
      <c r="L103" s="16">
        <v>755</v>
      </c>
      <c r="M103" s="16">
        <v>2936</v>
      </c>
      <c r="N103" s="16">
        <v>79</v>
      </c>
      <c r="O103" s="16">
        <v>246</v>
      </c>
      <c r="P103" s="16">
        <v>564</v>
      </c>
      <c r="Q103" s="16">
        <v>1328</v>
      </c>
      <c r="R103" s="16">
        <v>40</v>
      </c>
      <c r="S103" s="16">
        <v>152</v>
      </c>
      <c r="T103" s="16">
        <v>51</v>
      </c>
      <c r="U103" s="16">
        <v>200</v>
      </c>
      <c r="V103" s="16">
        <v>116</v>
      </c>
      <c r="W103" s="16">
        <v>160</v>
      </c>
      <c r="X103" s="16">
        <v>272</v>
      </c>
      <c r="Y103" s="16">
        <v>7697</v>
      </c>
      <c r="Z103" s="22" t="s">
        <v>268</v>
      </c>
      <c r="AA103" s="16">
        <v>2326</v>
      </c>
      <c r="AB103" s="22" t="s">
        <v>268</v>
      </c>
      <c r="AC103" s="22" t="s">
        <v>268</v>
      </c>
      <c r="AD103" s="16">
        <v>183</v>
      </c>
      <c r="AE103" s="16">
        <v>231</v>
      </c>
    </row>
    <row r="104" spans="1:31">
      <c r="A104" s="21" t="s">
        <v>232</v>
      </c>
      <c r="B104" s="21" t="s">
        <v>237</v>
      </c>
      <c r="C104" s="21" t="s">
        <v>264</v>
      </c>
      <c r="D104" s="21" t="s">
        <v>215</v>
      </c>
      <c r="E104" s="21" t="s">
        <v>522</v>
      </c>
      <c r="F104" s="16">
        <v>37033</v>
      </c>
      <c r="G104" s="16">
        <v>29175</v>
      </c>
      <c r="H104" s="16">
        <v>24932</v>
      </c>
      <c r="I104" s="16">
        <v>6305</v>
      </c>
      <c r="J104" s="16">
        <v>16792</v>
      </c>
      <c r="K104" s="16">
        <v>700</v>
      </c>
      <c r="L104" s="16">
        <v>1135</v>
      </c>
      <c r="M104" s="16">
        <v>4243</v>
      </c>
      <c r="N104" s="16">
        <v>196</v>
      </c>
      <c r="O104" s="16">
        <v>645</v>
      </c>
      <c r="P104" s="16">
        <v>650</v>
      </c>
      <c r="Q104" s="16">
        <v>1699</v>
      </c>
      <c r="R104" s="16">
        <v>37</v>
      </c>
      <c r="S104" s="16">
        <v>246</v>
      </c>
      <c r="T104" s="16">
        <v>74</v>
      </c>
      <c r="U104" s="16">
        <v>275</v>
      </c>
      <c r="V104" s="16">
        <v>177</v>
      </c>
      <c r="W104" s="16">
        <v>244</v>
      </c>
      <c r="X104" s="16">
        <v>265</v>
      </c>
      <c r="Y104" s="16">
        <v>7593</v>
      </c>
      <c r="Z104" s="22" t="s">
        <v>268</v>
      </c>
      <c r="AA104" s="16">
        <v>3020</v>
      </c>
      <c r="AB104" s="22" t="s">
        <v>268</v>
      </c>
      <c r="AC104" s="22" t="s">
        <v>268</v>
      </c>
      <c r="AD104" s="16">
        <v>176</v>
      </c>
      <c r="AE104" s="16">
        <v>178</v>
      </c>
    </row>
    <row r="105" spans="1:31">
      <c r="A105" s="21" t="s">
        <v>232</v>
      </c>
      <c r="B105" s="21" t="s">
        <v>237</v>
      </c>
      <c r="C105" s="21" t="s">
        <v>264</v>
      </c>
      <c r="D105" s="21" t="s">
        <v>215</v>
      </c>
      <c r="E105" s="21" t="s">
        <v>523</v>
      </c>
      <c r="F105" s="16">
        <v>41508</v>
      </c>
      <c r="G105" s="16">
        <v>33110</v>
      </c>
      <c r="H105" s="16">
        <v>26243</v>
      </c>
      <c r="I105" s="16">
        <v>10386</v>
      </c>
      <c r="J105" s="16">
        <v>13630</v>
      </c>
      <c r="K105" s="16">
        <v>691</v>
      </c>
      <c r="L105" s="16">
        <v>1536</v>
      </c>
      <c r="M105" s="16">
        <v>6867</v>
      </c>
      <c r="N105" s="16">
        <v>448</v>
      </c>
      <c r="O105" s="16">
        <v>1728</v>
      </c>
      <c r="P105" s="16">
        <v>753</v>
      </c>
      <c r="Q105" s="16">
        <v>2296</v>
      </c>
      <c r="R105" s="16">
        <v>75</v>
      </c>
      <c r="S105" s="16">
        <v>406</v>
      </c>
      <c r="T105" s="16">
        <v>125</v>
      </c>
      <c r="U105" s="16">
        <v>486</v>
      </c>
      <c r="V105" s="16">
        <v>244</v>
      </c>
      <c r="W105" s="16">
        <v>306</v>
      </c>
      <c r="X105" s="16">
        <v>271</v>
      </c>
      <c r="Y105" s="16">
        <v>8127</v>
      </c>
      <c r="Z105" s="22" t="s">
        <v>268</v>
      </c>
      <c r="AA105" s="16">
        <v>4129</v>
      </c>
      <c r="AB105" s="22" t="s">
        <v>268</v>
      </c>
      <c r="AC105" s="22" t="s">
        <v>268</v>
      </c>
      <c r="AD105" s="16">
        <v>177</v>
      </c>
      <c r="AE105" s="16">
        <v>156</v>
      </c>
    </row>
    <row r="106" spans="1:31">
      <c r="A106" s="21" t="s">
        <v>232</v>
      </c>
      <c r="B106" s="21" t="s">
        <v>237</v>
      </c>
      <c r="C106" s="21" t="s">
        <v>264</v>
      </c>
      <c r="D106" s="21" t="s">
        <v>215</v>
      </c>
      <c r="E106" s="21" t="s">
        <v>524</v>
      </c>
      <c r="F106" s="16">
        <v>49023</v>
      </c>
      <c r="G106" s="16">
        <v>39947</v>
      </c>
      <c r="H106" s="16">
        <v>30965</v>
      </c>
      <c r="I106" s="16">
        <v>16640</v>
      </c>
      <c r="J106" s="16">
        <v>11947</v>
      </c>
      <c r="K106" s="16">
        <v>870</v>
      </c>
      <c r="L106" s="16">
        <v>1508</v>
      </c>
      <c r="M106" s="16">
        <v>8982</v>
      </c>
      <c r="N106" s="16">
        <v>482</v>
      </c>
      <c r="O106" s="16">
        <v>2733</v>
      </c>
      <c r="P106" s="16">
        <v>809</v>
      </c>
      <c r="Q106" s="16">
        <v>2232</v>
      </c>
      <c r="R106" s="16">
        <v>160</v>
      </c>
      <c r="S106" s="16">
        <v>785</v>
      </c>
      <c r="T106" s="16">
        <v>164</v>
      </c>
      <c r="U106" s="16">
        <v>777</v>
      </c>
      <c r="V106" s="16">
        <v>467</v>
      </c>
      <c r="W106" s="16">
        <v>373</v>
      </c>
      <c r="X106" s="16">
        <v>295</v>
      </c>
      <c r="Y106" s="16">
        <v>8781</v>
      </c>
      <c r="Z106" s="22" t="s">
        <v>268</v>
      </c>
      <c r="AA106" s="16">
        <v>4818</v>
      </c>
      <c r="AB106" s="22" t="s">
        <v>268</v>
      </c>
      <c r="AC106" s="22" t="s">
        <v>268</v>
      </c>
      <c r="AD106" s="16">
        <v>179</v>
      </c>
      <c r="AE106" s="16">
        <v>88</v>
      </c>
    </row>
    <row r="107" spans="1:31">
      <c r="A107" s="21" t="s">
        <v>232</v>
      </c>
      <c r="B107" s="21" t="s">
        <v>237</v>
      </c>
      <c r="C107" s="21" t="s">
        <v>264</v>
      </c>
      <c r="D107" s="21" t="s">
        <v>215</v>
      </c>
      <c r="E107" s="21" t="s">
        <v>525</v>
      </c>
      <c r="F107" s="16">
        <v>57247</v>
      </c>
      <c r="G107" s="16">
        <v>47207</v>
      </c>
      <c r="H107" s="16">
        <v>37929</v>
      </c>
      <c r="I107" s="16">
        <v>24111</v>
      </c>
      <c r="J107" s="16">
        <v>11948</v>
      </c>
      <c r="K107" s="16">
        <v>1033</v>
      </c>
      <c r="L107" s="16">
        <v>837</v>
      </c>
      <c r="M107" s="16">
        <v>9278</v>
      </c>
      <c r="N107" s="16">
        <v>331</v>
      </c>
      <c r="O107" s="16">
        <v>2571</v>
      </c>
      <c r="P107" s="16">
        <v>1298</v>
      </c>
      <c r="Q107" s="16">
        <v>1467</v>
      </c>
      <c r="R107" s="16">
        <v>341</v>
      </c>
      <c r="S107" s="16">
        <v>1320</v>
      </c>
      <c r="T107" s="16">
        <v>161</v>
      </c>
      <c r="U107" s="16">
        <v>850</v>
      </c>
      <c r="V107" s="16">
        <v>604</v>
      </c>
      <c r="W107" s="16">
        <v>335</v>
      </c>
      <c r="X107" s="16">
        <v>309</v>
      </c>
      <c r="Y107" s="16">
        <v>9731</v>
      </c>
      <c r="Z107" s="22" t="s">
        <v>268</v>
      </c>
      <c r="AA107" s="16">
        <v>5080</v>
      </c>
      <c r="AB107" s="16">
        <v>22091</v>
      </c>
      <c r="AC107" s="16">
        <v>9731</v>
      </c>
      <c r="AD107" s="16">
        <v>178</v>
      </c>
      <c r="AE107" s="16">
        <v>21</v>
      </c>
    </row>
    <row r="108" spans="1:31">
      <c r="A108" s="21" t="s">
        <v>232</v>
      </c>
      <c r="B108" s="21" t="s">
        <v>237</v>
      </c>
      <c r="C108" s="21" t="s">
        <v>264</v>
      </c>
      <c r="D108" s="21" t="s">
        <v>215</v>
      </c>
      <c r="E108" s="21" t="s">
        <v>526</v>
      </c>
      <c r="F108" s="16">
        <v>56333</v>
      </c>
      <c r="G108" s="16">
        <v>47931</v>
      </c>
      <c r="H108" s="16">
        <v>40276</v>
      </c>
      <c r="I108" s="16">
        <v>27697</v>
      </c>
      <c r="J108" s="16">
        <v>11112</v>
      </c>
      <c r="K108" s="16">
        <v>1191</v>
      </c>
      <c r="L108" s="16">
        <v>276</v>
      </c>
      <c r="M108" s="16">
        <v>7655</v>
      </c>
      <c r="N108" s="16">
        <v>280</v>
      </c>
      <c r="O108" s="16">
        <v>1293</v>
      </c>
      <c r="P108" s="16">
        <v>1759</v>
      </c>
      <c r="Q108" s="16">
        <v>768</v>
      </c>
      <c r="R108" s="16">
        <v>511</v>
      </c>
      <c r="S108" s="16">
        <v>1594</v>
      </c>
      <c r="T108" s="16">
        <v>131</v>
      </c>
      <c r="U108" s="16">
        <v>566</v>
      </c>
      <c r="V108" s="16">
        <v>446</v>
      </c>
      <c r="W108" s="16">
        <v>307</v>
      </c>
      <c r="X108" s="16">
        <v>294</v>
      </c>
      <c r="Y108" s="16">
        <v>8108</v>
      </c>
      <c r="Z108" s="22" t="s">
        <v>268</v>
      </c>
      <c r="AA108" s="16">
        <v>4809</v>
      </c>
      <c r="AB108" s="16">
        <v>27200</v>
      </c>
      <c r="AC108" s="16">
        <v>8108</v>
      </c>
      <c r="AD108" s="16">
        <v>112</v>
      </c>
      <c r="AE108" s="16">
        <v>6</v>
      </c>
    </row>
    <row r="109" spans="1:31">
      <c r="A109" s="21" t="s">
        <v>232</v>
      </c>
      <c r="B109" s="21" t="s">
        <v>237</v>
      </c>
      <c r="C109" s="21" t="s">
        <v>264</v>
      </c>
      <c r="D109" s="21" t="s">
        <v>215</v>
      </c>
      <c r="E109" s="21" t="s">
        <v>527</v>
      </c>
      <c r="F109" s="16">
        <v>36412</v>
      </c>
      <c r="G109" s="16">
        <v>31698</v>
      </c>
      <c r="H109" s="16">
        <v>27431</v>
      </c>
      <c r="I109" s="16">
        <v>19327</v>
      </c>
      <c r="J109" s="16">
        <v>7158</v>
      </c>
      <c r="K109" s="16">
        <v>920</v>
      </c>
      <c r="L109" s="16">
        <v>26</v>
      </c>
      <c r="M109" s="16">
        <v>4267</v>
      </c>
      <c r="N109" s="16">
        <v>340</v>
      </c>
      <c r="O109" s="16">
        <v>297</v>
      </c>
      <c r="P109" s="16">
        <v>1302</v>
      </c>
      <c r="Q109" s="16">
        <v>274</v>
      </c>
      <c r="R109" s="16">
        <v>374</v>
      </c>
      <c r="S109" s="16">
        <v>1009</v>
      </c>
      <c r="T109" s="16">
        <v>91</v>
      </c>
      <c r="U109" s="16">
        <v>199</v>
      </c>
      <c r="V109" s="16">
        <v>195</v>
      </c>
      <c r="W109" s="16">
        <v>186</v>
      </c>
      <c r="X109" s="16">
        <v>163</v>
      </c>
      <c r="Y109" s="16">
        <v>4551</v>
      </c>
      <c r="Z109" s="22" t="s">
        <v>268</v>
      </c>
      <c r="AA109" s="16">
        <v>2878</v>
      </c>
      <c r="AB109" s="16">
        <v>19220</v>
      </c>
      <c r="AC109" s="16">
        <v>4551</v>
      </c>
      <c r="AD109" s="16">
        <v>64</v>
      </c>
      <c r="AE109" s="16">
        <v>6</v>
      </c>
    </row>
    <row r="110" spans="1:31">
      <c r="A110" s="21" t="s">
        <v>232</v>
      </c>
      <c r="B110" s="21" t="s">
        <v>237</v>
      </c>
      <c r="C110" s="21" t="s">
        <v>264</v>
      </c>
      <c r="D110" s="21" t="s">
        <v>215</v>
      </c>
      <c r="E110" s="21" t="s">
        <v>528</v>
      </c>
      <c r="F110" s="16">
        <v>27682</v>
      </c>
      <c r="G110" s="16">
        <v>24179</v>
      </c>
      <c r="H110" s="16">
        <v>20588</v>
      </c>
      <c r="I110" s="16">
        <v>14383</v>
      </c>
      <c r="J110" s="16">
        <v>5192</v>
      </c>
      <c r="K110" s="16">
        <v>1009</v>
      </c>
      <c r="L110" s="16">
        <v>4</v>
      </c>
      <c r="M110" s="16">
        <v>3591</v>
      </c>
      <c r="N110" s="16">
        <v>563</v>
      </c>
      <c r="O110" s="16">
        <v>169</v>
      </c>
      <c r="P110" s="16">
        <v>1119</v>
      </c>
      <c r="Q110" s="16">
        <v>239</v>
      </c>
      <c r="R110" s="16">
        <v>267</v>
      </c>
      <c r="S110" s="16">
        <v>707</v>
      </c>
      <c r="T110" s="16">
        <v>123</v>
      </c>
      <c r="U110" s="16">
        <v>150</v>
      </c>
      <c r="V110" s="16">
        <v>80</v>
      </c>
      <c r="W110" s="16">
        <v>174</v>
      </c>
      <c r="X110" s="16">
        <v>96</v>
      </c>
      <c r="Y110" s="16">
        <v>3407</v>
      </c>
      <c r="Z110" s="22" t="s">
        <v>268</v>
      </c>
      <c r="AA110" s="16">
        <v>2389</v>
      </c>
      <c r="AB110" s="16">
        <v>14355</v>
      </c>
      <c r="AC110" s="16">
        <v>3407</v>
      </c>
      <c r="AD110" s="16">
        <v>37</v>
      </c>
      <c r="AE110" s="22" t="s">
        <v>268</v>
      </c>
    </row>
    <row r="111" spans="1:31">
      <c r="A111" s="21" t="s">
        <v>232</v>
      </c>
      <c r="B111" s="21" t="s">
        <v>237</v>
      </c>
      <c r="C111" s="21" t="s">
        <v>264</v>
      </c>
      <c r="D111" s="21" t="s">
        <v>215</v>
      </c>
      <c r="E111" s="21" t="s">
        <v>623</v>
      </c>
      <c r="F111" s="16">
        <v>23366</v>
      </c>
      <c r="G111" s="16">
        <v>19340</v>
      </c>
      <c r="H111" s="16">
        <v>15826</v>
      </c>
      <c r="I111" s="16">
        <v>10528</v>
      </c>
      <c r="J111" s="16">
        <v>3673</v>
      </c>
      <c r="K111" s="16">
        <v>1622</v>
      </c>
      <c r="L111" s="16">
        <v>3</v>
      </c>
      <c r="M111" s="16">
        <v>3514</v>
      </c>
      <c r="N111" s="16">
        <v>786</v>
      </c>
      <c r="O111" s="16">
        <v>408</v>
      </c>
      <c r="P111" s="16">
        <v>750</v>
      </c>
      <c r="Q111" s="16">
        <v>328</v>
      </c>
      <c r="R111" s="16">
        <v>185</v>
      </c>
      <c r="S111" s="16">
        <v>408</v>
      </c>
      <c r="T111" s="16">
        <v>232</v>
      </c>
      <c r="U111" s="16">
        <v>106</v>
      </c>
      <c r="V111" s="16">
        <v>61</v>
      </c>
      <c r="W111" s="16">
        <v>250</v>
      </c>
      <c r="X111" s="16">
        <v>78</v>
      </c>
      <c r="Y111" s="16">
        <v>3948</v>
      </c>
      <c r="Z111" s="22" t="s">
        <v>268</v>
      </c>
      <c r="AA111" s="16">
        <v>1901</v>
      </c>
      <c r="AB111" s="16">
        <v>10525</v>
      </c>
      <c r="AC111" s="16">
        <v>3948</v>
      </c>
      <c r="AD111" s="16">
        <v>55</v>
      </c>
      <c r="AE111" s="16">
        <v>1</v>
      </c>
    </row>
    <row r="112" spans="1:31">
      <c r="A112" s="21" t="s">
        <v>232</v>
      </c>
      <c r="B112" s="21" t="s">
        <v>237</v>
      </c>
      <c r="C112" s="21" t="s">
        <v>264</v>
      </c>
      <c r="D112" s="21" t="s">
        <v>215</v>
      </c>
      <c r="E112" s="21" t="s">
        <v>624</v>
      </c>
      <c r="F112" s="16">
        <v>12901</v>
      </c>
      <c r="G112" s="22" t="s">
        <v>268</v>
      </c>
      <c r="H112" s="22" t="s">
        <v>268</v>
      </c>
      <c r="I112" s="22" t="s">
        <v>268</v>
      </c>
      <c r="J112" s="22" t="s">
        <v>268</v>
      </c>
      <c r="K112" s="22" t="s">
        <v>268</v>
      </c>
      <c r="L112" s="22" t="s">
        <v>268</v>
      </c>
      <c r="M112" s="22" t="s">
        <v>268</v>
      </c>
      <c r="N112" s="22" t="s">
        <v>268</v>
      </c>
      <c r="O112" s="22" t="s">
        <v>268</v>
      </c>
      <c r="P112" s="22" t="s">
        <v>268</v>
      </c>
      <c r="Q112" s="22" t="s">
        <v>268</v>
      </c>
      <c r="R112" s="22" t="s">
        <v>268</v>
      </c>
      <c r="S112" s="22" t="s">
        <v>268</v>
      </c>
      <c r="T112" s="22" t="s">
        <v>268</v>
      </c>
      <c r="U112" s="22" t="s">
        <v>268</v>
      </c>
      <c r="V112" s="22" t="s">
        <v>268</v>
      </c>
      <c r="W112" s="22" t="s">
        <v>268</v>
      </c>
      <c r="X112" s="22" t="s">
        <v>268</v>
      </c>
      <c r="Y112" s="16">
        <v>11930</v>
      </c>
      <c r="Z112" s="16">
        <v>971</v>
      </c>
      <c r="AA112" s="22" t="s">
        <v>268</v>
      </c>
      <c r="AB112" s="22" t="s">
        <v>268</v>
      </c>
      <c r="AC112" s="22" t="s">
        <v>268</v>
      </c>
      <c r="AD112" s="16">
        <v>79</v>
      </c>
      <c r="AE112" s="16">
        <v>199</v>
      </c>
    </row>
    <row r="113" spans="1:31">
      <c r="A113" s="21" t="s">
        <v>232</v>
      </c>
      <c r="B113" s="21" t="s">
        <v>237</v>
      </c>
      <c r="C113" s="21" t="s">
        <v>264</v>
      </c>
      <c r="D113" s="21" t="s">
        <v>215</v>
      </c>
      <c r="E113" s="21" t="s">
        <v>461</v>
      </c>
      <c r="F113" s="16">
        <v>297516</v>
      </c>
      <c r="G113" s="16">
        <v>221646</v>
      </c>
      <c r="H113" s="16">
        <v>194053</v>
      </c>
      <c r="I113" s="16">
        <v>51044</v>
      </c>
      <c r="J113" s="16">
        <v>133015</v>
      </c>
      <c r="K113" s="16">
        <v>3909</v>
      </c>
      <c r="L113" s="16">
        <v>6085</v>
      </c>
      <c r="M113" s="16">
        <v>27593</v>
      </c>
      <c r="N113" s="16">
        <v>1255</v>
      </c>
      <c r="O113" s="16">
        <v>5578</v>
      </c>
      <c r="P113" s="16">
        <v>3577</v>
      </c>
      <c r="Q113" s="16">
        <v>9360</v>
      </c>
      <c r="R113" s="16">
        <v>373</v>
      </c>
      <c r="S113" s="16">
        <v>1883</v>
      </c>
      <c r="T113" s="16">
        <v>454</v>
      </c>
      <c r="U113" s="16">
        <v>2159</v>
      </c>
      <c r="V113" s="16">
        <v>1474</v>
      </c>
      <c r="W113" s="16">
        <v>1480</v>
      </c>
      <c r="X113" s="16">
        <v>2830</v>
      </c>
      <c r="Y113" s="16">
        <v>73040</v>
      </c>
      <c r="Z113" s="22" t="s">
        <v>268</v>
      </c>
      <c r="AA113" s="16">
        <v>17721</v>
      </c>
      <c r="AB113" s="22" t="s">
        <v>268</v>
      </c>
      <c r="AC113" s="22" t="s">
        <v>268</v>
      </c>
      <c r="AD113" s="16">
        <v>2436</v>
      </c>
      <c r="AE113" s="16">
        <v>3645</v>
      </c>
    </row>
    <row r="114" spans="1:31">
      <c r="A114" s="21" t="s">
        <v>232</v>
      </c>
      <c r="B114" s="21" t="s">
        <v>237</v>
      </c>
      <c r="C114" s="21" t="s">
        <v>264</v>
      </c>
      <c r="D114" s="21" t="s">
        <v>215</v>
      </c>
      <c r="E114" s="21" t="s">
        <v>462</v>
      </c>
      <c r="F114" s="16">
        <v>201040</v>
      </c>
      <c r="G114" s="16">
        <v>170355</v>
      </c>
      <c r="H114" s="16">
        <v>142050</v>
      </c>
      <c r="I114" s="16">
        <v>96046</v>
      </c>
      <c r="J114" s="16">
        <v>39083</v>
      </c>
      <c r="K114" s="16">
        <v>5775</v>
      </c>
      <c r="L114" s="16">
        <v>1146</v>
      </c>
      <c r="M114" s="16">
        <v>28305</v>
      </c>
      <c r="N114" s="16">
        <v>2300</v>
      </c>
      <c r="O114" s="16">
        <v>4738</v>
      </c>
      <c r="P114" s="16">
        <v>6228</v>
      </c>
      <c r="Q114" s="16">
        <v>3076</v>
      </c>
      <c r="R114" s="16">
        <v>1678</v>
      </c>
      <c r="S114" s="16">
        <v>5038</v>
      </c>
      <c r="T114" s="16">
        <v>738</v>
      </c>
      <c r="U114" s="16">
        <v>1871</v>
      </c>
      <c r="V114" s="16">
        <v>1386</v>
      </c>
      <c r="W114" s="16">
        <v>1252</v>
      </c>
      <c r="X114" s="16">
        <v>940</v>
      </c>
      <c r="Y114" s="16">
        <v>29745</v>
      </c>
      <c r="Z114" s="22" t="s">
        <v>268</v>
      </c>
      <c r="AA114" s="16">
        <v>17057</v>
      </c>
      <c r="AB114" s="16">
        <v>93391</v>
      </c>
      <c r="AC114" s="16">
        <v>29745</v>
      </c>
      <c r="AD114" s="16">
        <v>446</v>
      </c>
      <c r="AE114" s="16">
        <v>34</v>
      </c>
    </row>
    <row r="115" spans="1:31">
      <c r="A115" s="21" t="s">
        <v>232</v>
      </c>
      <c r="B115" s="21" t="s">
        <v>237</v>
      </c>
      <c r="C115" s="21" t="s">
        <v>264</v>
      </c>
      <c r="D115" s="21" t="s">
        <v>215</v>
      </c>
      <c r="E115" s="21" t="s">
        <v>463</v>
      </c>
      <c r="F115" s="16">
        <v>87460</v>
      </c>
      <c r="G115" s="16">
        <v>75217</v>
      </c>
      <c r="H115" s="16">
        <v>63845</v>
      </c>
      <c r="I115" s="16">
        <v>44238</v>
      </c>
      <c r="J115" s="16">
        <v>16023</v>
      </c>
      <c r="K115" s="16">
        <v>3551</v>
      </c>
      <c r="L115" s="16">
        <v>33</v>
      </c>
      <c r="M115" s="16">
        <v>11372</v>
      </c>
      <c r="N115" s="16">
        <v>1689</v>
      </c>
      <c r="O115" s="16">
        <v>874</v>
      </c>
      <c r="P115" s="16">
        <v>3171</v>
      </c>
      <c r="Q115" s="16">
        <v>841</v>
      </c>
      <c r="R115" s="16">
        <v>826</v>
      </c>
      <c r="S115" s="16">
        <v>2124</v>
      </c>
      <c r="T115" s="16">
        <v>446</v>
      </c>
      <c r="U115" s="16">
        <v>455</v>
      </c>
      <c r="V115" s="16">
        <v>336</v>
      </c>
      <c r="W115" s="16">
        <v>610</v>
      </c>
      <c r="X115" s="16">
        <v>337</v>
      </c>
      <c r="Y115" s="16">
        <v>11906</v>
      </c>
      <c r="Z115" s="22" t="s">
        <v>268</v>
      </c>
      <c r="AA115" s="16">
        <v>7168</v>
      </c>
      <c r="AB115" s="16">
        <v>44100</v>
      </c>
      <c r="AC115" s="16">
        <v>11906</v>
      </c>
      <c r="AD115" s="16">
        <v>156</v>
      </c>
      <c r="AE115" s="16">
        <v>7</v>
      </c>
    </row>
    <row r="116" spans="1:31">
      <c r="A116" s="21" t="s">
        <v>232</v>
      </c>
      <c r="B116" s="21" t="s">
        <v>237</v>
      </c>
      <c r="C116" s="21" t="s">
        <v>264</v>
      </c>
      <c r="D116" s="21" t="s">
        <v>216</v>
      </c>
      <c r="E116" s="21" t="s">
        <v>401</v>
      </c>
      <c r="F116" s="16">
        <v>205278</v>
      </c>
      <c r="G116" s="16">
        <v>75023</v>
      </c>
      <c r="H116" s="16">
        <v>59960</v>
      </c>
      <c r="I116" s="16">
        <v>2238</v>
      </c>
      <c r="J116" s="16">
        <v>3037</v>
      </c>
      <c r="K116" s="16">
        <v>183</v>
      </c>
      <c r="L116" s="16">
        <v>54502</v>
      </c>
      <c r="M116" s="16">
        <v>15063</v>
      </c>
      <c r="N116" s="16">
        <v>19</v>
      </c>
      <c r="O116" s="16">
        <v>1580</v>
      </c>
      <c r="P116" s="16">
        <v>43</v>
      </c>
      <c r="Q116" s="16">
        <v>2532</v>
      </c>
      <c r="R116" s="16">
        <v>123</v>
      </c>
      <c r="S116" s="16">
        <v>356</v>
      </c>
      <c r="T116" s="16">
        <v>383</v>
      </c>
      <c r="U116" s="16">
        <v>479</v>
      </c>
      <c r="V116" s="16">
        <v>2552</v>
      </c>
      <c r="W116" s="16">
        <v>6996</v>
      </c>
      <c r="X116" s="16">
        <v>1766</v>
      </c>
      <c r="Y116" s="16">
        <v>128221</v>
      </c>
      <c r="Z116" s="16">
        <v>268</v>
      </c>
      <c r="AA116" s="16">
        <v>8957</v>
      </c>
      <c r="AB116" s="16">
        <v>784</v>
      </c>
      <c r="AC116" s="16">
        <v>62665</v>
      </c>
      <c r="AD116" s="16">
        <v>3100</v>
      </c>
      <c r="AE116" s="16">
        <v>2729</v>
      </c>
    </row>
    <row r="117" spans="1:31">
      <c r="A117" s="21" t="s">
        <v>232</v>
      </c>
      <c r="B117" s="21" t="s">
        <v>237</v>
      </c>
      <c r="C117" s="21" t="s">
        <v>264</v>
      </c>
      <c r="D117" s="21" t="s">
        <v>216</v>
      </c>
      <c r="E117" s="21" t="s">
        <v>514</v>
      </c>
      <c r="F117" s="22" t="s">
        <v>268</v>
      </c>
      <c r="G117" s="22" t="s">
        <v>268</v>
      </c>
      <c r="H117" s="22" t="s">
        <v>268</v>
      </c>
      <c r="I117" s="22" t="s">
        <v>268</v>
      </c>
      <c r="J117" s="22" t="s">
        <v>268</v>
      </c>
      <c r="K117" s="22" t="s">
        <v>268</v>
      </c>
      <c r="L117" s="22" t="s">
        <v>268</v>
      </c>
      <c r="M117" s="22" t="s">
        <v>268</v>
      </c>
      <c r="N117" s="22" t="s">
        <v>268</v>
      </c>
      <c r="O117" s="22" t="s">
        <v>268</v>
      </c>
      <c r="P117" s="22" t="s">
        <v>268</v>
      </c>
      <c r="Q117" s="22" t="s">
        <v>268</v>
      </c>
      <c r="R117" s="22" t="s">
        <v>268</v>
      </c>
      <c r="S117" s="22" t="s">
        <v>268</v>
      </c>
      <c r="T117" s="22" t="s">
        <v>268</v>
      </c>
      <c r="U117" s="22" t="s">
        <v>268</v>
      </c>
      <c r="V117" s="22" t="s">
        <v>268</v>
      </c>
      <c r="W117" s="22" t="s">
        <v>268</v>
      </c>
      <c r="X117" s="22" t="s">
        <v>268</v>
      </c>
      <c r="Y117" s="22" t="s">
        <v>268</v>
      </c>
      <c r="Z117" s="22" t="s">
        <v>268</v>
      </c>
      <c r="AA117" s="22" t="s">
        <v>268</v>
      </c>
      <c r="AB117" s="22" t="s">
        <v>268</v>
      </c>
      <c r="AC117" s="22" t="s">
        <v>268</v>
      </c>
      <c r="AD117" s="22" t="s">
        <v>268</v>
      </c>
      <c r="AE117" s="22" t="s">
        <v>268</v>
      </c>
    </row>
    <row r="118" spans="1:31">
      <c r="A118" s="21" t="s">
        <v>232</v>
      </c>
      <c r="B118" s="21" t="s">
        <v>237</v>
      </c>
      <c r="C118" s="21" t="s">
        <v>264</v>
      </c>
      <c r="D118" s="21" t="s">
        <v>216</v>
      </c>
      <c r="E118" s="21" t="s">
        <v>515</v>
      </c>
      <c r="F118" s="16">
        <v>1813</v>
      </c>
      <c r="G118" s="16">
        <v>43</v>
      </c>
      <c r="H118" s="16">
        <v>13</v>
      </c>
      <c r="I118" s="16">
        <v>2</v>
      </c>
      <c r="J118" s="16">
        <v>1</v>
      </c>
      <c r="K118" s="16">
        <v>1</v>
      </c>
      <c r="L118" s="16">
        <v>9</v>
      </c>
      <c r="M118" s="16">
        <v>30</v>
      </c>
      <c r="N118" s="22" t="s">
        <v>268</v>
      </c>
      <c r="O118" s="22" t="s">
        <v>268</v>
      </c>
      <c r="P118" s="22" t="s">
        <v>268</v>
      </c>
      <c r="Q118" s="22" t="s">
        <v>268</v>
      </c>
      <c r="R118" s="22" t="s">
        <v>268</v>
      </c>
      <c r="S118" s="22" t="s">
        <v>268</v>
      </c>
      <c r="T118" s="22" t="s">
        <v>268</v>
      </c>
      <c r="U118" s="22" t="s">
        <v>268</v>
      </c>
      <c r="V118" s="16">
        <v>27</v>
      </c>
      <c r="W118" s="16">
        <v>3</v>
      </c>
      <c r="X118" s="16">
        <v>7</v>
      </c>
      <c r="Y118" s="16">
        <v>1763</v>
      </c>
      <c r="Z118" s="22" t="s">
        <v>268</v>
      </c>
      <c r="AA118" s="22" t="s">
        <v>268</v>
      </c>
      <c r="AB118" s="22" t="s">
        <v>268</v>
      </c>
      <c r="AC118" s="22" t="s">
        <v>268</v>
      </c>
      <c r="AD118" s="16">
        <v>73</v>
      </c>
      <c r="AE118" s="16">
        <v>130</v>
      </c>
    </row>
    <row r="119" spans="1:31">
      <c r="A119" s="21" t="s">
        <v>232</v>
      </c>
      <c r="B119" s="21" t="s">
        <v>237</v>
      </c>
      <c r="C119" s="21" t="s">
        <v>264</v>
      </c>
      <c r="D119" s="21" t="s">
        <v>216</v>
      </c>
      <c r="E119" s="21" t="s">
        <v>516</v>
      </c>
      <c r="F119" s="16">
        <v>9752</v>
      </c>
      <c r="G119" s="16">
        <v>652</v>
      </c>
      <c r="H119" s="16">
        <v>419</v>
      </c>
      <c r="I119" s="16">
        <v>58</v>
      </c>
      <c r="J119" s="16">
        <v>33</v>
      </c>
      <c r="K119" s="16">
        <v>1</v>
      </c>
      <c r="L119" s="16">
        <v>327</v>
      </c>
      <c r="M119" s="16">
        <v>233</v>
      </c>
      <c r="N119" s="22" t="s">
        <v>268</v>
      </c>
      <c r="O119" s="16">
        <v>1</v>
      </c>
      <c r="P119" s="22" t="s">
        <v>268</v>
      </c>
      <c r="Q119" s="22" t="s">
        <v>268</v>
      </c>
      <c r="R119" s="16">
        <v>2</v>
      </c>
      <c r="S119" s="22" t="s">
        <v>268</v>
      </c>
      <c r="T119" s="16">
        <v>1</v>
      </c>
      <c r="U119" s="22" t="s">
        <v>268</v>
      </c>
      <c r="V119" s="16">
        <v>196</v>
      </c>
      <c r="W119" s="16">
        <v>33</v>
      </c>
      <c r="X119" s="16">
        <v>156</v>
      </c>
      <c r="Y119" s="16">
        <v>8944</v>
      </c>
      <c r="Z119" s="22" t="s">
        <v>268</v>
      </c>
      <c r="AA119" s="16">
        <v>13</v>
      </c>
      <c r="AB119" s="22" t="s">
        <v>268</v>
      </c>
      <c r="AC119" s="22" t="s">
        <v>268</v>
      </c>
      <c r="AD119" s="16">
        <v>606</v>
      </c>
      <c r="AE119" s="16">
        <v>1024</v>
      </c>
    </row>
    <row r="120" spans="1:31">
      <c r="A120" s="21" t="s">
        <v>232</v>
      </c>
      <c r="B120" s="21" t="s">
        <v>237</v>
      </c>
      <c r="C120" s="21" t="s">
        <v>264</v>
      </c>
      <c r="D120" s="21" t="s">
        <v>216</v>
      </c>
      <c r="E120" s="21" t="s">
        <v>517</v>
      </c>
      <c r="F120" s="16">
        <v>9528</v>
      </c>
      <c r="G120" s="16">
        <v>1657</v>
      </c>
      <c r="H120" s="16">
        <v>1420</v>
      </c>
      <c r="I120" s="16">
        <v>215</v>
      </c>
      <c r="J120" s="16">
        <v>189</v>
      </c>
      <c r="K120" s="16">
        <v>7</v>
      </c>
      <c r="L120" s="16">
        <v>1009</v>
      </c>
      <c r="M120" s="16">
        <v>237</v>
      </c>
      <c r="N120" s="22" t="s">
        <v>268</v>
      </c>
      <c r="O120" s="16">
        <v>1</v>
      </c>
      <c r="P120" s="22" t="s">
        <v>268</v>
      </c>
      <c r="Q120" s="16">
        <v>4</v>
      </c>
      <c r="R120" s="16">
        <v>2</v>
      </c>
      <c r="S120" s="16">
        <v>6</v>
      </c>
      <c r="T120" s="22" t="s">
        <v>268</v>
      </c>
      <c r="U120" s="16">
        <v>1</v>
      </c>
      <c r="V120" s="16">
        <v>162</v>
      </c>
      <c r="W120" s="16">
        <v>61</v>
      </c>
      <c r="X120" s="16">
        <v>237</v>
      </c>
      <c r="Y120" s="16">
        <v>7634</v>
      </c>
      <c r="Z120" s="22" t="s">
        <v>268</v>
      </c>
      <c r="AA120" s="16">
        <v>45</v>
      </c>
      <c r="AB120" s="22" t="s">
        <v>268</v>
      </c>
      <c r="AC120" s="22" t="s">
        <v>268</v>
      </c>
      <c r="AD120" s="16">
        <v>445</v>
      </c>
      <c r="AE120" s="16">
        <v>687</v>
      </c>
    </row>
    <row r="121" spans="1:31">
      <c r="A121" s="21" t="s">
        <v>232</v>
      </c>
      <c r="B121" s="21" t="s">
        <v>237</v>
      </c>
      <c r="C121" s="21" t="s">
        <v>264</v>
      </c>
      <c r="D121" s="21" t="s">
        <v>216</v>
      </c>
      <c r="E121" s="21" t="s">
        <v>518</v>
      </c>
      <c r="F121" s="16">
        <v>8241</v>
      </c>
      <c r="G121" s="16">
        <v>3157</v>
      </c>
      <c r="H121" s="16">
        <v>2910</v>
      </c>
      <c r="I121" s="16">
        <v>198</v>
      </c>
      <c r="J121" s="16">
        <v>436</v>
      </c>
      <c r="K121" s="16">
        <v>7</v>
      </c>
      <c r="L121" s="16">
        <v>2269</v>
      </c>
      <c r="M121" s="16">
        <v>247</v>
      </c>
      <c r="N121" s="22" t="s">
        <v>268</v>
      </c>
      <c r="O121" s="16">
        <v>2</v>
      </c>
      <c r="P121" s="16">
        <v>2</v>
      </c>
      <c r="Q121" s="16">
        <v>8</v>
      </c>
      <c r="R121" s="16">
        <v>2</v>
      </c>
      <c r="S121" s="16">
        <v>17</v>
      </c>
      <c r="T121" s="22" t="s">
        <v>268</v>
      </c>
      <c r="U121" s="16">
        <v>2</v>
      </c>
      <c r="V121" s="16">
        <v>95</v>
      </c>
      <c r="W121" s="16">
        <v>119</v>
      </c>
      <c r="X121" s="16">
        <v>123</v>
      </c>
      <c r="Y121" s="16">
        <v>4961</v>
      </c>
      <c r="Z121" s="22" t="s">
        <v>268</v>
      </c>
      <c r="AA121" s="16">
        <v>112</v>
      </c>
      <c r="AB121" s="22" t="s">
        <v>268</v>
      </c>
      <c r="AC121" s="22" t="s">
        <v>268</v>
      </c>
      <c r="AD121" s="16">
        <v>238</v>
      </c>
      <c r="AE121" s="16">
        <v>356</v>
      </c>
    </row>
    <row r="122" spans="1:31">
      <c r="A122" s="21" t="s">
        <v>232</v>
      </c>
      <c r="B122" s="21" t="s">
        <v>237</v>
      </c>
      <c r="C122" s="21" t="s">
        <v>264</v>
      </c>
      <c r="D122" s="21" t="s">
        <v>216</v>
      </c>
      <c r="E122" s="21" t="s">
        <v>519</v>
      </c>
      <c r="F122" s="16">
        <v>8938</v>
      </c>
      <c r="G122" s="16">
        <v>4931</v>
      </c>
      <c r="H122" s="16">
        <v>4556</v>
      </c>
      <c r="I122" s="16">
        <v>166</v>
      </c>
      <c r="J122" s="16">
        <v>586</v>
      </c>
      <c r="K122" s="16">
        <v>9</v>
      </c>
      <c r="L122" s="16">
        <v>3795</v>
      </c>
      <c r="M122" s="16">
        <v>375</v>
      </c>
      <c r="N122" s="22" t="s">
        <v>268</v>
      </c>
      <c r="O122" s="16">
        <v>2</v>
      </c>
      <c r="P122" s="16">
        <v>3</v>
      </c>
      <c r="Q122" s="16">
        <v>13</v>
      </c>
      <c r="R122" s="16">
        <v>1</v>
      </c>
      <c r="S122" s="16">
        <v>43</v>
      </c>
      <c r="T122" s="16">
        <v>2</v>
      </c>
      <c r="U122" s="16">
        <v>6</v>
      </c>
      <c r="V122" s="16">
        <v>90</v>
      </c>
      <c r="W122" s="16">
        <v>215</v>
      </c>
      <c r="X122" s="16">
        <v>114</v>
      </c>
      <c r="Y122" s="16">
        <v>3893</v>
      </c>
      <c r="Z122" s="22" t="s">
        <v>268</v>
      </c>
      <c r="AA122" s="16">
        <v>251</v>
      </c>
      <c r="AB122" s="22" t="s">
        <v>268</v>
      </c>
      <c r="AC122" s="22" t="s">
        <v>268</v>
      </c>
      <c r="AD122" s="16">
        <v>121</v>
      </c>
      <c r="AE122" s="16">
        <v>194</v>
      </c>
    </row>
    <row r="123" spans="1:31">
      <c r="A123" s="21" t="s">
        <v>232</v>
      </c>
      <c r="B123" s="21" t="s">
        <v>237</v>
      </c>
      <c r="C123" s="21" t="s">
        <v>264</v>
      </c>
      <c r="D123" s="21" t="s">
        <v>216</v>
      </c>
      <c r="E123" s="21" t="s">
        <v>520</v>
      </c>
      <c r="F123" s="16">
        <v>10631</v>
      </c>
      <c r="G123" s="16">
        <v>6529</v>
      </c>
      <c r="H123" s="16">
        <v>6001</v>
      </c>
      <c r="I123" s="16">
        <v>120</v>
      </c>
      <c r="J123" s="16">
        <v>559</v>
      </c>
      <c r="K123" s="16">
        <v>19</v>
      </c>
      <c r="L123" s="16">
        <v>5303</v>
      </c>
      <c r="M123" s="16">
        <v>528</v>
      </c>
      <c r="N123" s="22" t="s">
        <v>268</v>
      </c>
      <c r="O123" s="16">
        <v>10</v>
      </c>
      <c r="P123" s="16">
        <v>7</v>
      </c>
      <c r="Q123" s="16">
        <v>22</v>
      </c>
      <c r="R123" s="16">
        <v>5</v>
      </c>
      <c r="S123" s="16">
        <v>64</v>
      </c>
      <c r="T123" s="16">
        <v>3</v>
      </c>
      <c r="U123" s="16">
        <v>14</v>
      </c>
      <c r="V123" s="16">
        <v>76</v>
      </c>
      <c r="W123" s="16">
        <v>327</v>
      </c>
      <c r="X123" s="16">
        <v>120</v>
      </c>
      <c r="Y123" s="16">
        <v>3982</v>
      </c>
      <c r="Z123" s="22" t="s">
        <v>268</v>
      </c>
      <c r="AA123" s="16">
        <v>378</v>
      </c>
      <c r="AB123" s="22" t="s">
        <v>268</v>
      </c>
      <c r="AC123" s="22" t="s">
        <v>268</v>
      </c>
      <c r="AD123" s="16">
        <v>128</v>
      </c>
      <c r="AE123" s="16">
        <v>91</v>
      </c>
    </row>
    <row r="124" spans="1:31">
      <c r="A124" s="21" t="s">
        <v>232</v>
      </c>
      <c r="B124" s="21" t="s">
        <v>237</v>
      </c>
      <c r="C124" s="21" t="s">
        <v>264</v>
      </c>
      <c r="D124" s="21" t="s">
        <v>216</v>
      </c>
      <c r="E124" s="21" t="s">
        <v>521</v>
      </c>
      <c r="F124" s="16">
        <v>12805</v>
      </c>
      <c r="G124" s="16">
        <v>7637</v>
      </c>
      <c r="H124" s="16">
        <v>6925</v>
      </c>
      <c r="I124" s="16">
        <v>154</v>
      </c>
      <c r="J124" s="16">
        <v>430</v>
      </c>
      <c r="K124" s="16">
        <v>18</v>
      </c>
      <c r="L124" s="16">
        <v>6323</v>
      </c>
      <c r="M124" s="16">
        <v>712</v>
      </c>
      <c r="N124" s="16">
        <v>2</v>
      </c>
      <c r="O124" s="16">
        <v>12</v>
      </c>
      <c r="P124" s="16">
        <v>4</v>
      </c>
      <c r="Q124" s="16">
        <v>31</v>
      </c>
      <c r="R124" s="16">
        <v>3</v>
      </c>
      <c r="S124" s="16">
        <v>86</v>
      </c>
      <c r="T124" s="16">
        <v>2</v>
      </c>
      <c r="U124" s="16">
        <v>22</v>
      </c>
      <c r="V124" s="16">
        <v>89</v>
      </c>
      <c r="W124" s="16">
        <v>461</v>
      </c>
      <c r="X124" s="16">
        <v>156</v>
      </c>
      <c r="Y124" s="16">
        <v>5012</v>
      </c>
      <c r="Z124" s="22" t="s">
        <v>268</v>
      </c>
      <c r="AA124" s="16">
        <v>538</v>
      </c>
      <c r="AB124" s="22" t="s">
        <v>268</v>
      </c>
      <c r="AC124" s="22" t="s">
        <v>268</v>
      </c>
      <c r="AD124" s="16">
        <v>145</v>
      </c>
      <c r="AE124" s="16">
        <v>59</v>
      </c>
    </row>
    <row r="125" spans="1:31">
      <c r="A125" s="21" t="s">
        <v>232</v>
      </c>
      <c r="B125" s="21" t="s">
        <v>237</v>
      </c>
      <c r="C125" s="21" t="s">
        <v>264</v>
      </c>
      <c r="D125" s="21" t="s">
        <v>216</v>
      </c>
      <c r="E125" s="21" t="s">
        <v>522</v>
      </c>
      <c r="F125" s="16">
        <v>12389</v>
      </c>
      <c r="G125" s="16">
        <v>6558</v>
      </c>
      <c r="H125" s="16">
        <v>5758</v>
      </c>
      <c r="I125" s="16">
        <v>180</v>
      </c>
      <c r="J125" s="16">
        <v>281</v>
      </c>
      <c r="K125" s="16">
        <v>23</v>
      </c>
      <c r="L125" s="16">
        <v>5274</v>
      </c>
      <c r="M125" s="16">
        <v>800</v>
      </c>
      <c r="N125" s="16">
        <v>3</v>
      </c>
      <c r="O125" s="16">
        <v>16</v>
      </c>
      <c r="P125" s="16">
        <v>4</v>
      </c>
      <c r="Q125" s="16">
        <v>57</v>
      </c>
      <c r="R125" s="16">
        <v>3</v>
      </c>
      <c r="S125" s="16">
        <v>52</v>
      </c>
      <c r="T125" s="16">
        <v>6</v>
      </c>
      <c r="U125" s="16">
        <v>35</v>
      </c>
      <c r="V125" s="16">
        <v>142</v>
      </c>
      <c r="W125" s="16">
        <v>482</v>
      </c>
      <c r="X125" s="16">
        <v>146</v>
      </c>
      <c r="Y125" s="16">
        <v>5685</v>
      </c>
      <c r="Z125" s="22" t="s">
        <v>268</v>
      </c>
      <c r="AA125" s="16">
        <v>567</v>
      </c>
      <c r="AB125" s="22" t="s">
        <v>268</v>
      </c>
      <c r="AC125" s="22" t="s">
        <v>268</v>
      </c>
      <c r="AD125" s="16">
        <v>160</v>
      </c>
      <c r="AE125" s="16">
        <v>28</v>
      </c>
    </row>
    <row r="126" spans="1:31">
      <c r="A126" s="21" t="s">
        <v>232</v>
      </c>
      <c r="B126" s="21" t="s">
        <v>237</v>
      </c>
      <c r="C126" s="21" t="s">
        <v>264</v>
      </c>
      <c r="D126" s="21" t="s">
        <v>216</v>
      </c>
      <c r="E126" s="21" t="s">
        <v>523</v>
      </c>
      <c r="F126" s="16">
        <v>12525</v>
      </c>
      <c r="G126" s="16">
        <v>5708</v>
      </c>
      <c r="H126" s="16">
        <v>4645</v>
      </c>
      <c r="I126" s="16">
        <v>210</v>
      </c>
      <c r="J126" s="16">
        <v>207</v>
      </c>
      <c r="K126" s="16">
        <v>37</v>
      </c>
      <c r="L126" s="16">
        <v>4191</v>
      </c>
      <c r="M126" s="16">
        <v>1063</v>
      </c>
      <c r="N126" s="16">
        <v>2</v>
      </c>
      <c r="O126" s="16">
        <v>46</v>
      </c>
      <c r="P126" s="16">
        <v>6</v>
      </c>
      <c r="Q126" s="16">
        <v>104</v>
      </c>
      <c r="R126" s="16">
        <v>1</v>
      </c>
      <c r="S126" s="16">
        <v>40</v>
      </c>
      <c r="T126" s="16">
        <v>11</v>
      </c>
      <c r="U126" s="16">
        <v>40</v>
      </c>
      <c r="V126" s="16">
        <v>173</v>
      </c>
      <c r="W126" s="16">
        <v>640</v>
      </c>
      <c r="X126" s="16">
        <v>127</v>
      </c>
      <c r="Y126" s="16">
        <v>6690</v>
      </c>
      <c r="Z126" s="22" t="s">
        <v>268</v>
      </c>
      <c r="AA126" s="16">
        <v>730</v>
      </c>
      <c r="AB126" s="22" t="s">
        <v>268</v>
      </c>
      <c r="AC126" s="22" t="s">
        <v>268</v>
      </c>
      <c r="AD126" s="16">
        <v>161</v>
      </c>
      <c r="AE126" s="16">
        <v>23</v>
      </c>
    </row>
    <row r="127" spans="1:31">
      <c r="A127" s="21" t="s">
        <v>232</v>
      </c>
      <c r="B127" s="21" t="s">
        <v>237</v>
      </c>
      <c r="C127" s="21" t="s">
        <v>264</v>
      </c>
      <c r="D127" s="21" t="s">
        <v>216</v>
      </c>
      <c r="E127" s="21" t="s">
        <v>524</v>
      </c>
      <c r="F127" s="16">
        <v>13245</v>
      </c>
      <c r="G127" s="16">
        <v>5267</v>
      </c>
      <c r="H127" s="16">
        <v>4033</v>
      </c>
      <c r="I127" s="16">
        <v>221</v>
      </c>
      <c r="J127" s="16">
        <v>137</v>
      </c>
      <c r="K127" s="16">
        <v>32</v>
      </c>
      <c r="L127" s="16">
        <v>3643</v>
      </c>
      <c r="M127" s="16">
        <v>1234</v>
      </c>
      <c r="N127" s="16">
        <v>2</v>
      </c>
      <c r="O127" s="16">
        <v>47</v>
      </c>
      <c r="P127" s="16">
        <v>3</v>
      </c>
      <c r="Q127" s="16">
        <v>160</v>
      </c>
      <c r="R127" s="16">
        <v>8</v>
      </c>
      <c r="S127" s="16">
        <v>28</v>
      </c>
      <c r="T127" s="16">
        <v>14</v>
      </c>
      <c r="U127" s="16">
        <v>74</v>
      </c>
      <c r="V127" s="16">
        <v>199</v>
      </c>
      <c r="W127" s="16">
        <v>699</v>
      </c>
      <c r="X127" s="16">
        <v>121</v>
      </c>
      <c r="Y127" s="16">
        <v>7857</v>
      </c>
      <c r="Z127" s="22" t="s">
        <v>268</v>
      </c>
      <c r="AA127" s="16">
        <v>856</v>
      </c>
      <c r="AB127" s="16">
        <v>123</v>
      </c>
      <c r="AC127" s="22" t="s">
        <v>268</v>
      </c>
      <c r="AD127" s="16">
        <v>151</v>
      </c>
      <c r="AE127" s="16">
        <v>16</v>
      </c>
    </row>
    <row r="128" spans="1:31">
      <c r="A128" s="21" t="s">
        <v>232</v>
      </c>
      <c r="B128" s="21" t="s">
        <v>237</v>
      </c>
      <c r="C128" s="21" t="s">
        <v>264</v>
      </c>
      <c r="D128" s="21" t="s">
        <v>216</v>
      </c>
      <c r="E128" s="21" t="s">
        <v>525</v>
      </c>
      <c r="F128" s="16">
        <v>15854</v>
      </c>
      <c r="G128" s="16">
        <v>5569</v>
      </c>
      <c r="H128" s="16">
        <v>4042</v>
      </c>
      <c r="I128" s="16">
        <v>240</v>
      </c>
      <c r="J128" s="16">
        <v>62</v>
      </c>
      <c r="K128" s="16">
        <v>23</v>
      </c>
      <c r="L128" s="16">
        <v>3717</v>
      </c>
      <c r="M128" s="16">
        <v>1527</v>
      </c>
      <c r="N128" s="16">
        <v>2</v>
      </c>
      <c r="O128" s="16">
        <v>62</v>
      </c>
      <c r="P128" s="16">
        <v>4</v>
      </c>
      <c r="Q128" s="16">
        <v>289</v>
      </c>
      <c r="R128" s="16">
        <v>16</v>
      </c>
      <c r="S128" s="16">
        <v>7</v>
      </c>
      <c r="T128" s="16">
        <v>20</v>
      </c>
      <c r="U128" s="16">
        <v>67</v>
      </c>
      <c r="V128" s="16">
        <v>289</v>
      </c>
      <c r="W128" s="16">
        <v>771</v>
      </c>
      <c r="X128" s="16">
        <v>125</v>
      </c>
      <c r="Y128" s="16">
        <v>10160</v>
      </c>
      <c r="Z128" s="22" t="s">
        <v>268</v>
      </c>
      <c r="AA128" s="16">
        <v>971</v>
      </c>
      <c r="AB128" s="16">
        <v>205</v>
      </c>
      <c r="AC128" s="16">
        <v>10160</v>
      </c>
      <c r="AD128" s="16">
        <v>180</v>
      </c>
      <c r="AE128" s="16">
        <v>21</v>
      </c>
    </row>
    <row r="129" spans="1:31">
      <c r="A129" s="21" t="s">
        <v>232</v>
      </c>
      <c r="B129" s="21" t="s">
        <v>237</v>
      </c>
      <c r="C129" s="21" t="s">
        <v>264</v>
      </c>
      <c r="D129" s="21" t="s">
        <v>216</v>
      </c>
      <c r="E129" s="21" t="s">
        <v>526</v>
      </c>
      <c r="F129" s="16">
        <v>19330</v>
      </c>
      <c r="G129" s="16">
        <v>6602</v>
      </c>
      <c r="H129" s="16">
        <v>4702</v>
      </c>
      <c r="I129" s="16">
        <v>243</v>
      </c>
      <c r="J129" s="16">
        <v>58</v>
      </c>
      <c r="K129" s="16">
        <v>6</v>
      </c>
      <c r="L129" s="16">
        <v>4395</v>
      </c>
      <c r="M129" s="16">
        <v>1900</v>
      </c>
      <c r="N129" s="16">
        <v>3</v>
      </c>
      <c r="O129" s="16">
        <v>115</v>
      </c>
      <c r="P129" s="16">
        <v>7</v>
      </c>
      <c r="Q129" s="16">
        <v>423</v>
      </c>
      <c r="R129" s="16">
        <v>9</v>
      </c>
      <c r="S129" s="16">
        <v>9</v>
      </c>
      <c r="T129" s="16">
        <v>25</v>
      </c>
      <c r="U129" s="16">
        <v>62</v>
      </c>
      <c r="V129" s="16">
        <v>369</v>
      </c>
      <c r="W129" s="16">
        <v>878</v>
      </c>
      <c r="X129" s="16">
        <v>121</v>
      </c>
      <c r="Y129" s="16">
        <v>12607</v>
      </c>
      <c r="Z129" s="22" t="s">
        <v>268</v>
      </c>
      <c r="AA129" s="16">
        <v>1156</v>
      </c>
      <c r="AB129" s="16">
        <v>231</v>
      </c>
      <c r="AC129" s="16">
        <v>12607</v>
      </c>
      <c r="AD129" s="16">
        <v>149</v>
      </c>
      <c r="AE129" s="16">
        <v>18</v>
      </c>
    </row>
    <row r="130" spans="1:31">
      <c r="A130" s="21" t="s">
        <v>232</v>
      </c>
      <c r="B130" s="21" t="s">
        <v>237</v>
      </c>
      <c r="C130" s="21" t="s">
        <v>264</v>
      </c>
      <c r="D130" s="21" t="s">
        <v>216</v>
      </c>
      <c r="E130" s="21" t="s">
        <v>527</v>
      </c>
      <c r="F130" s="16">
        <v>17759</v>
      </c>
      <c r="G130" s="16">
        <v>5777</v>
      </c>
      <c r="H130" s="16">
        <v>4089</v>
      </c>
      <c r="I130" s="16">
        <v>123</v>
      </c>
      <c r="J130" s="16">
        <v>30</v>
      </c>
      <c r="K130" s="22" t="s">
        <v>268</v>
      </c>
      <c r="L130" s="16">
        <v>3936</v>
      </c>
      <c r="M130" s="16">
        <v>1688</v>
      </c>
      <c r="N130" s="16">
        <v>2</v>
      </c>
      <c r="O130" s="16">
        <v>170</v>
      </c>
      <c r="P130" s="16">
        <v>1</v>
      </c>
      <c r="Q130" s="16">
        <v>443</v>
      </c>
      <c r="R130" s="16">
        <v>23</v>
      </c>
      <c r="S130" s="16">
        <v>2</v>
      </c>
      <c r="T130" s="16">
        <v>36</v>
      </c>
      <c r="U130" s="16">
        <v>40</v>
      </c>
      <c r="V130" s="16">
        <v>252</v>
      </c>
      <c r="W130" s="16">
        <v>719</v>
      </c>
      <c r="X130" s="16">
        <v>75</v>
      </c>
      <c r="Y130" s="16">
        <v>11907</v>
      </c>
      <c r="Z130" s="22" t="s">
        <v>268</v>
      </c>
      <c r="AA130" s="16">
        <v>1005</v>
      </c>
      <c r="AB130" s="16">
        <v>118</v>
      </c>
      <c r="AC130" s="16">
        <v>11907</v>
      </c>
      <c r="AD130" s="16">
        <v>117</v>
      </c>
      <c r="AE130" s="16">
        <v>5</v>
      </c>
    </row>
    <row r="131" spans="1:31">
      <c r="A131" s="21" t="s">
        <v>232</v>
      </c>
      <c r="B131" s="21" t="s">
        <v>237</v>
      </c>
      <c r="C131" s="21" t="s">
        <v>264</v>
      </c>
      <c r="D131" s="21" t="s">
        <v>216</v>
      </c>
      <c r="E131" s="21" t="s">
        <v>528</v>
      </c>
      <c r="F131" s="16">
        <v>18597</v>
      </c>
      <c r="G131" s="16">
        <v>6100</v>
      </c>
      <c r="H131" s="16">
        <v>4257</v>
      </c>
      <c r="I131" s="16">
        <v>68</v>
      </c>
      <c r="J131" s="16">
        <v>20</v>
      </c>
      <c r="K131" s="22" t="s">
        <v>268</v>
      </c>
      <c r="L131" s="16">
        <v>4169</v>
      </c>
      <c r="M131" s="16">
        <v>1843</v>
      </c>
      <c r="N131" s="16">
        <v>2</v>
      </c>
      <c r="O131" s="16">
        <v>348</v>
      </c>
      <c r="P131" s="16">
        <v>1</v>
      </c>
      <c r="Q131" s="16">
        <v>431</v>
      </c>
      <c r="R131" s="16">
        <v>18</v>
      </c>
      <c r="S131" s="16">
        <v>2</v>
      </c>
      <c r="T131" s="16">
        <v>74</v>
      </c>
      <c r="U131" s="16">
        <v>48</v>
      </c>
      <c r="V131" s="16">
        <v>200</v>
      </c>
      <c r="W131" s="16">
        <v>719</v>
      </c>
      <c r="X131" s="16">
        <v>75</v>
      </c>
      <c r="Y131" s="16">
        <v>12422</v>
      </c>
      <c r="Z131" s="22" t="s">
        <v>268</v>
      </c>
      <c r="AA131" s="16">
        <v>1025</v>
      </c>
      <c r="AB131" s="16">
        <v>67</v>
      </c>
      <c r="AC131" s="16">
        <v>12422</v>
      </c>
      <c r="AD131" s="16">
        <v>150</v>
      </c>
      <c r="AE131" s="16">
        <v>2</v>
      </c>
    </row>
    <row r="132" spans="1:31">
      <c r="A132" s="21" t="s">
        <v>232</v>
      </c>
      <c r="B132" s="21" t="s">
        <v>237</v>
      </c>
      <c r="C132" s="21" t="s">
        <v>264</v>
      </c>
      <c r="D132" s="21" t="s">
        <v>216</v>
      </c>
      <c r="E132" s="21" t="s">
        <v>623</v>
      </c>
      <c r="F132" s="16">
        <v>24468</v>
      </c>
      <c r="G132" s="16">
        <v>8836</v>
      </c>
      <c r="H132" s="16">
        <v>6190</v>
      </c>
      <c r="I132" s="16">
        <v>40</v>
      </c>
      <c r="J132" s="16">
        <v>8</v>
      </c>
      <c r="K132" s="22" t="s">
        <v>268</v>
      </c>
      <c r="L132" s="16">
        <v>6142</v>
      </c>
      <c r="M132" s="16">
        <v>2646</v>
      </c>
      <c r="N132" s="16">
        <v>1</v>
      </c>
      <c r="O132" s="16">
        <v>748</v>
      </c>
      <c r="P132" s="16">
        <v>1</v>
      </c>
      <c r="Q132" s="16">
        <v>547</v>
      </c>
      <c r="R132" s="16">
        <v>30</v>
      </c>
      <c r="S132" s="22" t="s">
        <v>268</v>
      </c>
      <c r="T132" s="16">
        <v>189</v>
      </c>
      <c r="U132" s="16">
        <v>68</v>
      </c>
      <c r="V132" s="16">
        <v>193</v>
      </c>
      <c r="W132" s="16">
        <v>869</v>
      </c>
      <c r="X132" s="16">
        <v>63</v>
      </c>
      <c r="Y132" s="16">
        <v>15569</v>
      </c>
      <c r="Z132" s="22" t="s">
        <v>268</v>
      </c>
      <c r="AA132" s="16">
        <v>1310</v>
      </c>
      <c r="AB132" s="16">
        <v>40</v>
      </c>
      <c r="AC132" s="16">
        <v>15569</v>
      </c>
      <c r="AD132" s="16">
        <v>234</v>
      </c>
      <c r="AE132" s="22" t="s">
        <v>268</v>
      </c>
    </row>
    <row r="133" spans="1:31">
      <c r="A133" s="21" t="s">
        <v>232</v>
      </c>
      <c r="B133" s="21" t="s">
        <v>237</v>
      </c>
      <c r="C133" s="21" t="s">
        <v>264</v>
      </c>
      <c r="D133" s="21" t="s">
        <v>216</v>
      </c>
      <c r="E133" s="21" t="s">
        <v>624</v>
      </c>
      <c r="F133" s="16">
        <v>9403</v>
      </c>
      <c r="G133" s="22" t="s">
        <v>268</v>
      </c>
      <c r="H133" s="22" t="s">
        <v>268</v>
      </c>
      <c r="I133" s="22" t="s">
        <v>268</v>
      </c>
      <c r="J133" s="22" t="s">
        <v>268</v>
      </c>
      <c r="K133" s="22" t="s">
        <v>268</v>
      </c>
      <c r="L133" s="22" t="s">
        <v>268</v>
      </c>
      <c r="M133" s="22" t="s">
        <v>268</v>
      </c>
      <c r="N133" s="22" t="s">
        <v>268</v>
      </c>
      <c r="O133" s="22" t="s">
        <v>268</v>
      </c>
      <c r="P133" s="22" t="s">
        <v>268</v>
      </c>
      <c r="Q133" s="22" t="s">
        <v>268</v>
      </c>
      <c r="R133" s="22" t="s">
        <v>268</v>
      </c>
      <c r="S133" s="22" t="s">
        <v>268</v>
      </c>
      <c r="T133" s="22" t="s">
        <v>268</v>
      </c>
      <c r="U133" s="22" t="s">
        <v>268</v>
      </c>
      <c r="V133" s="22" t="s">
        <v>268</v>
      </c>
      <c r="W133" s="22" t="s">
        <v>268</v>
      </c>
      <c r="X133" s="22" t="s">
        <v>268</v>
      </c>
      <c r="Y133" s="16">
        <v>9135</v>
      </c>
      <c r="Z133" s="16">
        <v>268</v>
      </c>
      <c r="AA133" s="22" t="s">
        <v>268</v>
      </c>
      <c r="AB133" s="22" t="s">
        <v>268</v>
      </c>
      <c r="AC133" s="22" t="s">
        <v>268</v>
      </c>
      <c r="AD133" s="16">
        <v>42</v>
      </c>
      <c r="AE133" s="16">
        <v>75</v>
      </c>
    </row>
    <row r="134" spans="1:31">
      <c r="A134" s="21" t="s">
        <v>232</v>
      </c>
      <c r="B134" s="21" t="s">
        <v>237</v>
      </c>
      <c r="C134" s="21" t="s">
        <v>264</v>
      </c>
      <c r="D134" s="21" t="s">
        <v>216</v>
      </c>
      <c r="E134" s="21" t="s">
        <v>461</v>
      </c>
      <c r="F134" s="16">
        <v>99867</v>
      </c>
      <c r="G134" s="16">
        <v>42139</v>
      </c>
      <c r="H134" s="16">
        <v>36680</v>
      </c>
      <c r="I134" s="16">
        <v>1524</v>
      </c>
      <c r="J134" s="16">
        <v>2859</v>
      </c>
      <c r="K134" s="16">
        <v>154</v>
      </c>
      <c r="L134" s="16">
        <v>32143</v>
      </c>
      <c r="M134" s="16">
        <v>5459</v>
      </c>
      <c r="N134" s="16">
        <v>9</v>
      </c>
      <c r="O134" s="16">
        <v>137</v>
      </c>
      <c r="P134" s="16">
        <v>29</v>
      </c>
      <c r="Q134" s="16">
        <v>399</v>
      </c>
      <c r="R134" s="16">
        <v>27</v>
      </c>
      <c r="S134" s="16">
        <v>336</v>
      </c>
      <c r="T134" s="16">
        <v>39</v>
      </c>
      <c r="U134" s="16">
        <v>194</v>
      </c>
      <c r="V134" s="16">
        <v>1249</v>
      </c>
      <c r="W134" s="16">
        <v>3040</v>
      </c>
      <c r="X134" s="16">
        <v>1307</v>
      </c>
      <c r="Y134" s="16">
        <v>56421</v>
      </c>
      <c r="Z134" s="22" t="s">
        <v>268</v>
      </c>
      <c r="AA134" s="16">
        <v>3490</v>
      </c>
      <c r="AB134" s="16">
        <v>123</v>
      </c>
      <c r="AC134" s="22" t="s">
        <v>268</v>
      </c>
      <c r="AD134" s="16">
        <v>2228</v>
      </c>
      <c r="AE134" s="16">
        <v>2608</v>
      </c>
    </row>
    <row r="135" spans="1:31">
      <c r="A135" s="21" t="s">
        <v>232</v>
      </c>
      <c r="B135" s="21" t="s">
        <v>237</v>
      </c>
      <c r="C135" s="21" t="s">
        <v>264</v>
      </c>
      <c r="D135" s="21" t="s">
        <v>216</v>
      </c>
      <c r="E135" s="21" t="s">
        <v>462</v>
      </c>
      <c r="F135" s="16">
        <v>96008</v>
      </c>
      <c r="G135" s="16">
        <v>32884</v>
      </c>
      <c r="H135" s="16">
        <v>23280</v>
      </c>
      <c r="I135" s="16">
        <v>714</v>
      </c>
      <c r="J135" s="16">
        <v>178</v>
      </c>
      <c r="K135" s="16">
        <v>29</v>
      </c>
      <c r="L135" s="16">
        <v>22359</v>
      </c>
      <c r="M135" s="16">
        <v>9604</v>
      </c>
      <c r="N135" s="16">
        <v>10</v>
      </c>
      <c r="O135" s="16">
        <v>1443</v>
      </c>
      <c r="P135" s="16">
        <v>14</v>
      </c>
      <c r="Q135" s="16">
        <v>2133</v>
      </c>
      <c r="R135" s="16">
        <v>96</v>
      </c>
      <c r="S135" s="16">
        <v>20</v>
      </c>
      <c r="T135" s="16">
        <v>344</v>
      </c>
      <c r="U135" s="16">
        <v>285</v>
      </c>
      <c r="V135" s="16">
        <v>1303</v>
      </c>
      <c r="W135" s="16">
        <v>3956</v>
      </c>
      <c r="X135" s="16">
        <v>459</v>
      </c>
      <c r="Y135" s="16">
        <v>62665</v>
      </c>
      <c r="Z135" s="22" t="s">
        <v>268</v>
      </c>
      <c r="AA135" s="16">
        <v>5467</v>
      </c>
      <c r="AB135" s="16">
        <v>661</v>
      </c>
      <c r="AC135" s="16">
        <v>62665</v>
      </c>
      <c r="AD135" s="16">
        <v>830</v>
      </c>
      <c r="AE135" s="16">
        <v>46</v>
      </c>
    </row>
    <row r="136" spans="1:31">
      <c r="A136" s="21" t="s">
        <v>232</v>
      </c>
      <c r="B136" s="21" t="s">
        <v>237</v>
      </c>
      <c r="C136" s="21" t="s">
        <v>264</v>
      </c>
      <c r="D136" s="21" t="s">
        <v>216</v>
      </c>
      <c r="E136" s="21" t="s">
        <v>463</v>
      </c>
      <c r="F136" s="16">
        <v>60824</v>
      </c>
      <c r="G136" s="16">
        <v>20713</v>
      </c>
      <c r="H136" s="16">
        <v>14536</v>
      </c>
      <c r="I136" s="16">
        <v>231</v>
      </c>
      <c r="J136" s="16">
        <v>58</v>
      </c>
      <c r="K136" s="22" t="s">
        <v>268</v>
      </c>
      <c r="L136" s="16">
        <v>14247</v>
      </c>
      <c r="M136" s="16">
        <v>6177</v>
      </c>
      <c r="N136" s="16">
        <v>5</v>
      </c>
      <c r="O136" s="16">
        <v>1266</v>
      </c>
      <c r="P136" s="16">
        <v>3</v>
      </c>
      <c r="Q136" s="16">
        <v>1421</v>
      </c>
      <c r="R136" s="16">
        <v>71</v>
      </c>
      <c r="S136" s="16">
        <v>4</v>
      </c>
      <c r="T136" s="16">
        <v>299</v>
      </c>
      <c r="U136" s="16">
        <v>156</v>
      </c>
      <c r="V136" s="16">
        <v>645</v>
      </c>
      <c r="W136" s="16">
        <v>2307</v>
      </c>
      <c r="X136" s="16">
        <v>213</v>
      </c>
      <c r="Y136" s="16">
        <v>39898</v>
      </c>
      <c r="Z136" s="22" t="s">
        <v>268</v>
      </c>
      <c r="AA136" s="16">
        <v>3340</v>
      </c>
      <c r="AB136" s="16">
        <v>225</v>
      </c>
      <c r="AC136" s="16">
        <v>39898</v>
      </c>
      <c r="AD136" s="16">
        <v>501</v>
      </c>
      <c r="AE136" s="16">
        <v>7</v>
      </c>
    </row>
    <row r="137" spans="1:31">
      <c r="A137" s="21" t="s">
        <v>240</v>
      </c>
      <c r="B137" s="21" t="s">
        <v>237</v>
      </c>
      <c r="C137" s="21" t="s">
        <v>265</v>
      </c>
      <c r="D137" s="21" t="s">
        <v>214</v>
      </c>
      <c r="E137" s="21" t="s">
        <v>401</v>
      </c>
      <c r="F137" s="16">
        <v>48996</v>
      </c>
      <c r="G137" s="16">
        <v>32763</v>
      </c>
      <c r="H137" s="16">
        <v>26302</v>
      </c>
      <c r="I137" s="16">
        <v>10245</v>
      </c>
      <c r="J137" s="16">
        <v>10781</v>
      </c>
      <c r="K137" s="16">
        <v>772</v>
      </c>
      <c r="L137" s="16">
        <v>4504</v>
      </c>
      <c r="M137" s="16">
        <v>6461</v>
      </c>
      <c r="N137" s="16">
        <v>375</v>
      </c>
      <c r="O137" s="16">
        <v>1045</v>
      </c>
      <c r="P137" s="16">
        <v>985</v>
      </c>
      <c r="Q137" s="16">
        <v>1310</v>
      </c>
      <c r="R137" s="16">
        <v>190</v>
      </c>
      <c r="S137" s="16">
        <v>638</v>
      </c>
      <c r="T137" s="16">
        <v>217</v>
      </c>
      <c r="U137" s="16">
        <v>479</v>
      </c>
      <c r="V137" s="16">
        <v>377</v>
      </c>
      <c r="W137" s="16">
        <v>845</v>
      </c>
      <c r="X137" s="16">
        <v>374</v>
      </c>
      <c r="Y137" s="16">
        <v>15791</v>
      </c>
      <c r="Z137" s="16">
        <v>68</v>
      </c>
      <c r="AA137" s="16">
        <v>4145</v>
      </c>
      <c r="AB137" s="16">
        <v>6738</v>
      </c>
      <c r="AC137" s="16">
        <v>6739</v>
      </c>
      <c r="AD137" s="16">
        <v>649</v>
      </c>
      <c r="AE137" s="16">
        <v>913</v>
      </c>
    </row>
    <row r="138" spans="1:31">
      <c r="A138" s="21" t="s">
        <v>240</v>
      </c>
      <c r="B138" s="21" t="s">
        <v>237</v>
      </c>
      <c r="C138" s="21" t="s">
        <v>265</v>
      </c>
      <c r="D138" s="21" t="s">
        <v>214</v>
      </c>
      <c r="E138" s="21" t="s">
        <v>514</v>
      </c>
      <c r="F138" s="22" t="s">
        <v>268</v>
      </c>
      <c r="G138" s="22" t="s">
        <v>268</v>
      </c>
      <c r="H138" s="22" t="s">
        <v>268</v>
      </c>
      <c r="I138" s="22" t="s">
        <v>268</v>
      </c>
      <c r="J138" s="22" t="s">
        <v>268</v>
      </c>
      <c r="K138" s="22" t="s">
        <v>268</v>
      </c>
      <c r="L138" s="22" t="s">
        <v>268</v>
      </c>
      <c r="M138" s="22" t="s">
        <v>268</v>
      </c>
      <c r="N138" s="22" t="s">
        <v>268</v>
      </c>
      <c r="O138" s="22" t="s">
        <v>268</v>
      </c>
      <c r="P138" s="22" t="s">
        <v>268</v>
      </c>
      <c r="Q138" s="22" t="s">
        <v>268</v>
      </c>
      <c r="R138" s="22" t="s">
        <v>268</v>
      </c>
      <c r="S138" s="22" t="s">
        <v>268</v>
      </c>
      <c r="T138" s="22" t="s">
        <v>268</v>
      </c>
      <c r="U138" s="22" t="s">
        <v>268</v>
      </c>
      <c r="V138" s="22" t="s">
        <v>268</v>
      </c>
      <c r="W138" s="22" t="s">
        <v>268</v>
      </c>
      <c r="X138" s="22" t="s">
        <v>268</v>
      </c>
      <c r="Y138" s="22" t="s">
        <v>268</v>
      </c>
      <c r="Z138" s="22" t="s">
        <v>268</v>
      </c>
      <c r="AA138" s="22" t="s">
        <v>268</v>
      </c>
      <c r="AB138" s="22" t="s">
        <v>268</v>
      </c>
      <c r="AC138" s="22" t="s">
        <v>268</v>
      </c>
      <c r="AD138" s="22" t="s">
        <v>268</v>
      </c>
      <c r="AE138" s="22" t="s">
        <v>268</v>
      </c>
    </row>
    <row r="139" spans="1:31">
      <c r="A139" s="21" t="s">
        <v>240</v>
      </c>
      <c r="B139" s="21" t="s">
        <v>237</v>
      </c>
      <c r="C139" s="21" t="s">
        <v>265</v>
      </c>
      <c r="D139" s="21" t="s">
        <v>214</v>
      </c>
      <c r="E139" s="21" t="s">
        <v>515</v>
      </c>
      <c r="F139" s="16">
        <v>113</v>
      </c>
      <c r="G139" s="16">
        <v>7</v>
      </c>
      <c r="H139" s="16">
        <v>7</v>
      </c>
      <c r="I139" s="16">
        <v>1</v>
      </c>
      <c r="J139" s="16">
        <v>2</v>
      </c>
      <c r="K139" s="16">
        <v>1</v>
      </c>
      <c r="L139" s="16">
        <v>3</v>
      </c>
      <c r="M139" s="22" t="s">
        <v>268</v>
      </c>
      <c r="N139" s="22" t="s">
        <v>268</v>
      </c>
      <c r="O139" s="22" t="s">
        <v>268</v>
      </c>
      <c r="P139" s="22" t="s">
        <v>268</v>
      </c>
      <c r="Q139" s="22" t="s">
        <v>268</v>
      </c>
      <c r="R139" s="22" t="s">
        <v>268</v>
      </c>
      <c r="S139" s="22" t="s">
        <v>268</v>
      </c>
      <c r="T139" s="22" t="s">
        <v>268</v>
      </c>
      <c r="U139" s="22" t="s">
        <v>268</v>
      </c>
      <c r="V139" s="22" t="s">
        <v>268</v>
      </c>
      <c r="W139" s="22" t="s">
        <v>268</v>
      </c>
      <c r="X139" s="16">
        <v>2</v>
      </c>
      <c r="Y139" s="16">
        <v>104</v>
      </c>
      <c r="Z139" s="22" t="s">
        <v>268</v>
      </c>
      <c r="AA139" s="22" t="s">
        <v>268</v>
      </c>
      <c r="AB139" s="22" t="s">
        <v>268</v>
      </c>
      <c r="AC139" s="22" t="s">
        <v>268</v>
      </c>
      <c r="AD139" s="16">
        <v>10</v>
      </c>
      <c r="AE139" s="16">
        <v>24</v>
      </c>
    </row>
    <row r="140" spans="1:31">
      <c r="A140" s="21" t="s">
        <v>240</v>
      </c>
      <c r="B140" s="21" t="s">
        <v>237</v>
      </c>
      <c r="C140" s="21" t="s">
        <v>265</v>
      </c>
      <c r="D140" s="21" t="s">
        <v>214</v>
      </c>
      <c r="E140" s="21" t="s">
        <v>516</v>
      </c>
      <c r="F140" s="16">
        <v>1197</v>
      </c>
      <c r="G140" s="16">
        <v>150</v>
      </c>
      <c r="H140" s="16">
        <v>142</v>
      </c>
      <c r="I140" s="16">
        <v>46</v>
      </c>
      <c r="J140" s="16">
        <v>69</v>
      </c>
      <c r="K140" s="16">
        <v>1</v>
      </c>
      <c r="L140" s="16">
        <v>26</v>
      </c>
      <c r="M140" s="16">
        <v>8</v>
      </c>
      <c r="N140" s="22" t="s">
        <v>268</v>
      </c>
      <c r="O140" s="22" t="s">
        <v>268</v>
      </c>
      <c r="P140" s="22" t="s">
        <v>268</v>
      </c>
      <c r="Q140" s="22" t="s">
        <v>268</v>
      </c>
      <c r="R140" s="22" t="s">
        <v>268</v>
      </c>
      <c r="S140" s="22" t="s">
        <v>268</v>
      </c>
      <c r="T140" s="22" t="s">
        <v>268</v>
      </c>
      <c r="U140" s="16">
        <v>1</v>
      </c>
      <c r="V140" s="16">
        <v>5</v>
      </c>
      <c r="W140" s="16">
        <v>2</v>
      </c>
      <c r="X140" s="16">
        <v>31</v>
      </c>
      <c r="Y140" s="16">
        <v>1016</v>
      </c>
      <c r="Z140" s="22" t="s">
        <v>268</v>
      </c>
      <c r="AA140" s="16">
        <v>1</v>
      </c>
      <c r="AB140" s="22" t="s">
        <v>268</v>
      </c>
      <c r="AC140" s="22" t="s">
        <v>268</v>
      </c>
      <c r="AD140" s="16">
        <v>167</v>
      </c>
      <c r="AE140" s="16">
        <v>287</v>
      </c>
    </row>
    <row r="141" spans="1:31">
      <c r="A141" s="21" t="s">
        <v>240</v>
      </c>
      <c r="B141" s="21" t="s">
        <v>237</v>
      </c>
      <c r="C141" s="21" t="s">
        <v>265</v>
      </c>
      <c r="D141" s="21" t="s">
        <v>214</v>
      </c>
      <c r="E141" s="21" t="s">
        <v>517</v>
      </c>
      <c r="F141" s="16">
        <v>1864</v>
      </c>
      <c r="G141" s="16">
        <v>647</v>
      </c>
      <c r="H141" s="16">
        <v>592</v>
      </c>
      <c r="I141" s="16">
        <v>142</v>
      </c>
      <c r="J141" s="16">
        <v>356</v>
      </c>
      <c r="K141" s="16">
        <v>4</v>
      </c>
      <c r="L141" s="16">
        <v>90</v>
      </c>
      <c r="M141" s="16">
        <v>55</v>
      </c>
      <c r="N141" s="22" t="s">
        <v>268</v>
      </c>
      <c r="O141" s="16">
        <v>2</v>
      </c>
      <c r="P141" s="16">
        <v>4</v>
      </c>
      <c r="Q141" s="16">
        <v>18</v>
      </c>
      <c r="R141" s="22" t="s">
        <v>268</v>
      </c>
      <c r="S141" s="16">
        <v>6</v>
      </c>
      <c r="T141" s="16">
        <v>1</v>
      </c>
      <c r="U141" s="16">
        <v>6</v>
      </c>
      <c r="V141" s="16">
        <v>10</v>
      </c>
      <c r="W141" s="16">
        <v>8</v>
      </c>
      <c r="X141" s="16">
        <v>35</v>
      </c>
      <c r="Y141" s="16">
        <v>1182</v>
      </c>
      <c r="Z141" s="22" t="s">
        <v>268</v>
      </c>
      <c r="AA141" s="16">
        <v>33</v>
      </c>
      <c r="AB141" s="22" t="s">
        <v>268</v>
      </c>
      <c r="AC141" s="22" t="s">
        <v>268</v>
      </c>
      <c r="AD141" s="16">
        <v>147</v>
      </c>
      <c r="AE141" s="16">
        <v>264</v>
      </c>
    </row>
    <row r="142" spans="1:31">
      <c r="A142" s="21" t="s">
        <v>240</v>
      </c>
      <c r="B142" s="21" t="s">
        <v>237</v>
      </c>
      <c r="C142" s="21" t="s">
        <v>265</v>
      </c>
      <c r="D142" s="21" t="s">
        <v>214</v>
      </c>
      <c r="E142" s="21" t="s">
        <v>518</v>
      </c>
      <c r="F142" s="16">
        <v>2103</v>
      </c>
      <c r="G142" s="16">
        <v>1267</v>
      </c>
      <c r="H142" s="16">
        <v>1203</v>
      </c>
      <c r="I142" s="16">
        <v>174</v>
      </c>
      <c r="J142" s="16">
        <v>833</v>
      </c>
      <c r="K142" s="16">
        <v>9</v>
      </c>
      <c r="L142" s="16">
        <v>187</v>
      </c>
      <c r="M142" s="16">
        <v>64</v>
      </c>
      <c r="N142" s="22" t="s">
        <v>268</v>
      </c>
      <c r="O142" s="16">
        <v>3</v>
      </c>
      <c r="P142" s="16">
        <v>8</v>
      </c>
      <c r="Q142" s="16">
        <v>16</v>
      </c>
      <c r="R142" s="16">
        <v>2</v>
      </c>
      <c r="S142" s="22" t="s">
        <v>268</v>
      </c>
      <c r="T142" s="22" t="s">
        <v>268</v>
      </c>
      <c r="U142" s="16">
        <v>5</v>
      </c>
      <c r="V142" s="16">
        <v>7</v>
      </c>
      <c r="W142" s="16">
        <v>23</v>
      </c>
      <c r="X142" s="16">
        <v>29</v>
      </c>
      <c r="Y142" s="16">
        <v>807</v>
      </c>
      <c r="Z142" s="22" t="s">
        <v>268</v>
      </c>
      <c r="AA142" s="16">
        <v>46</v>
      </c>
      <c r="AB142" s="22" t="s">
        <v>268</v>
      </c>
      <c r="AC142" s="22" t="s">
        <v>268</v>
      </c>
      <c r="AD142" s="16">
        <v>77</v>
      </c>
      <c r="AE142" s="16">
        <v>150</v>
      </c>
    </row>
    <row r="143" spans="1:31">
      <c r="A143" s="21" t="s">
        <v>240</v>
      </c>
      <c r="B143" s="21" t="s">
        <v>237</v>
      </c>
      <c r="C143" s="21" t="s">
        <v>265</v>
      </c>
      <c r="D143" s="21" t="s">
        <v>214</v>
      </c>
      <c r="E143" s="21" t="s">
        <v>519</v>
      </c>
      <c r="F143" s="16">
        <v>2534</v>
      </c>
      <c r="G143" s="16">
        <v>1881</v>
      </c>
      <c r="H143" s="16">
        <v>1743</v>
      </c>
      <c r="I143" s="16">
        <v>167</v>
      </c>
      <c r="J143" s="16">
        <v>1253</v>
      </c>
      <c r="K143" s="16">
        <v>25</v>
      </c>
      <c r="L143" s="16">
        <v>298</v>
      </c>
      <c r="M143" s="16">
        <v>138</v>
      </c>
      <c r="N143" s="22" t="s">
        <v>268</v>
      </c>
      <c r="O143" s="16">
        <v>8</v>
      </c>
      <c r="P143" s="16">
        <v>17</v>
      </c>
      <c r="Q143" s="16">
        <v>48</v>
      </c>
      <c r="R143" s="16">
        <v>1</v>
      </c>
      <c r="S143" s="16">
        <v>17</v>
      </c>
      <c r="T143" s="22" t="s">
        <v>268</v>
      </c>
      <c r="U143" s="16">
        <v>10</v>
      </c>
      <c r="V143" s="16">
        <v>10</v>
      </c>
      <c r="W143" s="16">
        <v>27</v>
      </c>
      <c r="X143" s="16">
        <v>19</v>
      </c>
      <c r="Y143" s="16">
        <v>634</v>
      </c>
      <c r="Z143" s="22" t="s">
        <v>268</v>
      </c>
      <c r="AA143" s="16">
        <v>111</v>
      </c>
      <c r="AB143" s="22" t="s">
        <v>268</v>
      </c>
      <c r="AC143" s="22" t="s">
        <v>268</v>
      </c>
      <c r="AD143" s="16">
        <v>24</v>
      </c>
      <c r="AE143" s="16">
        <v>70</v>
      </c>
    </row>
    <row r="144" spans="1:31">
      <c r="A144" s="21" t="s">
        <v>240</v>
      </c>
      <c r="B144" s="21" t="s">
        <v>237</v>
      </c>
      <c r="C144" s="21" t="s">
        <v>265</v>
      </c>
      <c r="D144" s="21" t="s">
        <v>214</v>
      </c>
      <c r="E144" s="21" t="s">
        <v>520</v>
      </c>
      <c r="F144" s="16">
        <v>2797</v>
      </c>
      <c r="G144" s="16">
        <v>2252</v>
      </c>
      <c r="H144" s="16">
        <v>2042</v>
      </c>
      <c r="I144" s="16">
        <v>179</v>
      </c>
      <c r="J144" s="16">
        <v>1460</v>
      </c>
      <c r="K144" s="16">
        <v>32</v>
      </c>
      <c r="L144" s="16">
        <v>371</v>
      </c>
      <c r="M144" s="16">
        <v>210</v>
      </c>
      <c r="N144" s="16">
        <v>3</v>
      </c>
      <c r="O144" s="16">
        <v>12</v>
      </c>
      <c r="P144" s="16">
        <v>27</v>
      </c>
      <c r="Q144" s="16">
        <v>80</v>
      </c>
      <c r="R144" s="16">
        <v>1</v>
      </c>
      <c r="S144" s="16">
        <v>17</v>
      </c>
      <c r="T144" s="16">
        <v>2</v>
      </c>
      <c r="U144" s="16">
        <v>21</v>
      </c>
      <c r="V144" s="16">
        <v>10</v>
      </c>
      <c r="W144" s="16">
        <v>37</v>
      </c>
      <c r="X144" s="16">
        <v>22</v>
      </c>
      <c r="Y144" s="16">
        <v>523</v>
      </c>
      <c r="Z144" s="22" t="s">
        <v>268</v>
      </c>
      <c r="AA144" s="16">
        <v>170</v>
      </c>
      <c r="AB144" s="22" t="s">
        <v>268</v>
      </c>
      <c r="AC144" s="22" t="s">
        <v>268</v>
      </c>
      <c r="AD144" s="16">
        <v>22</v>
      </c>
      <c r="AE144" s="16">
        <v>33</v>
      </c>
    </row>
    <row r="145" spans="1:31">
      <c r="A145" s="21" t="s">
        <v>240</v>
      </c>
      <c r="B145" s="21" t="s">
        <v>237</v>
      </c>
      <c r="C145" s="21" t="s">
        <v>265</v>
      </c>
      <c r="D145" s="21" t="s">
        <v>214</v>
      </c>
      <c r="E145" s="21" t="s">
        <v>521</v>
      </c>
      <c r="F145" s="16">
        <v>3189</v>
      </c>
      <c r="G145" s="16">
        <v>2391</v>
      </c>
      <c r="H145" s="16">
        <v>2119</v>
      </c>
      <c r="I145" s="16">
        <v>295</v>
      </c>
      <c r="J145" s="16">
        <v>1343</v>
      </c>
      <c r="K145" s="16">
        <v>51</v>
      </c>
      <c r="L145" s="16">
        <v>430</v>
      </c>
      <c r="M145" s="16">
        <v>272</v>
      </c>
      <c r="N145" s="16">
        <v>6</v>
      </c>
      <c r="O145" s="16">
        <v>18</v>
      </c>
      <c r="P145" s="16">
        <v>43</v>
      </c>
      <c r="Q145" s="16">
        <v>105</v>
      </c>
      <c r="R145" s="22" t="s">
        <v>268</v>
      </c>
      <c r="S145" s="16">
        <v>22</v>
      </c>
      <c r="T145" s="16">
        <v>1</v>
      </c>
      <c r="U145" s="16">
        <v>19</v>
      </c>
      <c r="V145" s="16">
        <v>16</v>
      </c>
      <c r="W145" s="16">
        <v>42</v>
      </c>
      <c r="X145" s="16">
        <v>36</v>
      </c>
      <c r="Y145" s="16">
        <v>762</v>
      </c>
      <c r="Z145" s="22" t="s">
        <v>268</v>
      </c>
      <c r="AA145" s="16">
        <v>221</v>
      </c>
      <c r="AB145" s="22" t="s">
        <v>268</v>
      </c>
      <c r="AC145" s="22" t="s">
        <v>268</v>
      </c>
      <c r="AD145" s="16">
        <v>29</v>
      </c>
      <c r="AE145" s="16">
        <v>28</v>
      </c>
    </row>
    <row r="146" spans="1:31">
      <c r="A146" s="21" t="s">
        <v>240</v>
      </c>
      <c r="B146" s="21" t="s">
        <v>237</v>
      </c>
      <c r="C146" s="21" t="s">
        <v>265</v>
      </c>
      <c r="D146" s="21" t="s">
        <v>214</v>
      </c>
      <c r="E146" s="21" t="s">
        <v>522</v>
      </c>
      <c r="F146" s="16">
        <v>3167</v>
      </c>
      <c r="G146" s="16">
        <v>2334</v>
      </c>
      <c r="H146" s="16">
        <v>1919</v>
      </c>
      <c r="I146" s="16">
        <v>442</v>
      </c>
      <c r="J146" s="16">
        <v>1029</v>
      </c>
      <c r="K146" s="16">
        <v>46</v>
      </c>
      <c r="L146" s="16">
        <v>402</v>
      </c>
      <c r="M146" s="16">
        <v>415</v>
      </c>
      <c r="N146" s="16">
        <v>22</v>
      </c>
      <c r="O146" s="16">
        <v>46</v>
      </c>
      <c r="P146" s="16">
        <v>55</v>
      </c>
      <c r="Q146" s="16">
        <v>144</v>
      </c>
      <c r="R146" s="16">
        <v>2</v>
      </c>
      <c r="S146" s="16">
        <v>25</v>
      </c>
      <c r="T146" s="16">
        <v>3</v>
      </c>
      <c r="U146" s="16">
        <v>32</v>
      </c>
      <c r="V146" s="16">
        <v>26</v>
      </c>
      <c r="W146" s="16">
        <v>60</v>
      </c>
      <c r="X146" s="16">
        <v>25</v>
      </c>
      <c r="Y146" s="16">
        <v>808</v>
      </c>
      <c r="Z146" s="22" t="s">
        <v>268</v>
      </c>
      <c r="AA146" s="16">
        <v>301</v>
      </c>
      <c r="AB146" s="22" t="s">
        <v>268</v>
      </c>
      <c r="AC146" s="22" t="s">
        <v>268</v>
      </c>
      <c r="AD146" s="16">
        <v>23</v>
      </c>
      <c r="AE146" s="16">
        <v>17</v>
      </c>
    </row>
    <row r="147" spans="1:31">
      <c r="A147" s="21" t="s">
        <v>240</v>
      </c>
      <c r="B147" s="21" t="s">
        <v>237</v>
      </c>
      <c r="C147" s="21" t="s">
        <v>265</v>
      </c>
      <c r="D147" s="21" t="s">
        <v>214</v>
      </c>
      <c r="E147" s="21" t="s">
        <v>523</v>
      </c>
      <c r="F147" s="16">
        <v>3665</v>
      </c>
      <c r="G147" s="16">
        <v>2619</v>
      </c>
      <c r="H147" s="16">
        <v>1971</v>
      </c>
      <c r="I147" s="16">
        <v>749</v>
      </c>
      <c r="J147" s="16">
        <v>792</v>
      </c>
      <c r="K147" s="16">
        <v>54</v>
      </c>
      <c r="L147" s="16">
        <v>376</v>
      </c>
      <c r="M147" s="16">
        <v>648</v>
      </c>
      <c r="N147" s="16">
        <v>32</v>
      </c>
      <c r="O147" s="16">
        <v>153</v>
      </c>
      <c r="P147" s="16">
        <v>65</v>
      </c>
      <c r="Q147" s="16">
        <v>158</v>
      </c>
      <c r="R147" s="16">
        <v>7</v>
      </c>
      <c r="S147" s="16">
        <v>43</v>
      </c>
      <c r="T147" s="16">
        <v>16</v>
      </c>
      <c r="U147" s="16">
        <v>47</v>
      </c>
      <c r="V147" s="16">
        <v>33</v>
      </c>
      <c r="W147" s="16">
        <v>94</v>
      </c>
      <c r="X147" s="16">
        <v>32</v>
      </c>
      <c r="Y147" s="16">
        <v>1014</v>
      </c>
      <c r="Z147" s="22" t="s">
        <v>268</v>
      </c>
      <c r="AA147" s="16">
        <v>390</v>
      </c>
      <c r="AB147" s="22" t="s">
        <v>268</v>
      </c>
      <c r="AC147" s="22" t="s">
        <v>268</v>
      </c>
      <c r="AD147" s="16">
        <v>28</v>
      </c>
      <c r="AE147" s="16">
        <v>11</v>
      </c>
    </row>
    <row r="148" spans="1:31">
      <c r="A148" s="21" t="s">
        <v>240</v>
      </c>
      <c r="B148" s="21" t="s">
        <v>237</v>
      </c>
      <c r="C148" s="21" t="s">
        <v>265</v>
      </c>
      <c r="D148" s="21" t="s">
        <v>214</v>
      </c>
      <c r="E148" s="21" t="s">
        <v>524</v>
      </c>
      <c r="F148" s="16">
        <v>4360</v>
      </c>
      <c r="G148" s="16">
        <v>3130</v>
      </c>
      <c r="H148" s="16">
        <v>2271</v>
      </c>
      <c r="I148" s="16">
        <v>1116</v>
      </c>
      <c r="J148" s="16">
        <v>737</v>
      </c>
      <c r="K148" s="16">
        <v>62</v>
      </c>
      <c r="L148" s="16">
        <v>356</v>
      </c>
      <c r="M148" s="16">
        <v>859</v>
      </c>
      <c r="N148" s="16">
        <v>30</v>
      </c>
      <c r="O148" s="16">
        <v>226</v>
      </c>
      <c r="P148" s="16">
        <v>77</v>
      </c>
      <c r="Q148" s="16">
        <v>178</v>
      </c>
      <c r="R148" s="16">
        <v>20</v>
      </c>
      <c r="S148" s="16">
        <v>66</v>
      </c>
      <c r="T148" s="16">
        <v>11</v>
      </c>
      <c r="U148" s="16">
        <v>103</v>
      </c>
      <c r="V148" s="16">
        <v>60</v>
      </c>
      <c r="W148" s="16">
        <v>88</v>
      </c>
      <c r="X148" s="16">
        <v>31</v>
      </c>
      <c r="Y148" s="16">
        <v>1199</v>
      </c>
      <c r="Z148" s="22" t="s">
        <v>268</v>
      </c>
      <c r="AA148" s="16">
        <v>489</v>
      </c>
      <c r="AB148" s="16">
        <v>9</v>
      </c>
      <c r="AC148" s="22" t="s">
        <v>268</v>
      </c>
      <c r="AD148" s="16">
        <v>16</v>
      </c>
      <c r="AE148" s="16">
        <v>2</v>
      </c>
    </row>
    <row r="149" spans="1:31">
      <c r="A149" s="21" t="s">
        <v>240</v>
      </c>
      <c r="B149" s="21" t="s">
        <v>237</v>
      </c>
      <c r="C149" s="21" t="s">
        <v>265</v>
      </c>
      <c r="D149" s="21" t="s">
        <v>214</v>
      </c>
      <c r="E149" s="21" t="s">
        <v>525</v>
      </c>
      <c r="F149" s="16">
        <v>5325</v>
      </c>
      <c r="G149" s="16">
        <v>3857</v>
      </c>
      <c r="H149" s="16">
        <v>2898</v>
      </c>
      <c r="I149" s="16">
        <v>1691</v>
      </c>
      <c r="J149" s="16">
        <v>801</v>
      </c>
      <c r="K149" s="16">
        <v>78</v>
      </c>
      <c r="L149" s="16">
        <v>328</v>
      </c>
      <c r="M149" s="16">
        <v>959</v>
      </c>
      <c r="N149" s="16">
        <v>28</v>
      </c>
      <c r="O149" s="16">
        <v>184</v>
      </c>
      <c r="P149" s="16">
        <v>154</v>
      </c>
      <c r="Q149" s="16">
        <v>141</v>
      </c>
      <c r="R149" s="16">
        <v>34</v>
      </c>
      <c r="S149" s="16">
        <v>121</v>
      </c>
      <c r="T149" s="16">
        <v>16</v>
      </c>
      <c r="U149" s="16">
        <v>101</v>
      </c>
      <c r="V149" s="16">
        <v>80</v>
      </c>
      <c r="W149" s="16">
        <v>100</v>
      </c>
      <c r="X149" s="16">
        <v>35</v>
      </c>
      <c r="Y149" s="16">
        <v>1433</v>
      </c>
      <c r="Z149" s="22" t="s">
        <v>268</v>
      </c>
      <c r="AA149" s="16">
        <v>589</v>
      </c>
      <c r="AB149" s="16">
        <v>1541</v>
      </c>
      <c r="AC149" s="16">
        <v>1433</v>
      </c>
      <c r="AD149" s="16">
        <v>28</v>
      </c>
      <c r="AE149" s="16">
        <v>1</v>
      </c>
    </row>
    <row r="150" spans="1:31">
      <c r="A150" s="21" t="s">
        <v>240</v>
      </c>
      <c r="B150" s="21" t="s">
        <v>237</v>
      </c>
      <c r="C150" s="21" t="s">
        <v>265</v>
      </c>
      <c r="D150" s="21" t="s">
        <v>214</v>
      </c>
      <c r="E150" s="21" t="s">
        <v>526</v>
      </c>
      <c r="F150" s="16">
        <v>5718</v>
      </c>
      <c r="G150" s="16">
        <v>4167</v>
      </c>
      <c r="H150" s="16">
        <v>3262</v>
      </c>
      <c r="I150" s="16">
        <v>1993</v>
      </c>
      <c r="J150" s="16">
        <v>799</v>
      </c>
      <c r="K150" s="16">
        <v>100</v>
      </c>
      <c r="L150" s="16">
        <v>370</v>
      </c>
      <c r="M150" s="16">
        <v>905</v>
      </c>
      <c r="N150" s="16">
        <v>34</v>
      </c>
      <c r="O150" s="16">
        <v>127</v>
      </c>
      <c r="P150" s="16">
        <v>186</v>
      </c>
      <c r="Q150" s="16">
        <v>123</v>
      </c>
      <c r="R150" s="16">
        <v>58</v>
      </c>
      <c r="S150" s="16">
        <v>140</v>
      </c>
      <c r="T150" s="16">
        <v>15</v>
      </c>
      <c r="U150" s="16">
        <v>65</v>
      </c>
      <c r="V150" s="16">
        <v>52</v>
      </c>
      <c r="W150" s="16">
        <v>105</v>
      </c>
      <c r="X150" s="16">
        <v>30</v>
      </c>
      <c r="Y150" s="16">
        <v>1521</v>
      </c>
      <c r="Z150" s="22" t="s">
        <v>268</v>
      </c>
      <c r="AA150" s="16">
        <v>593</v>
      </c>
      <c r="AB150" s="16">
        <v>1947</v>
      </c>
      <c r="AC150" s="16">
        <v>1521</v>
      </c>
      <c r="AD150" s="16">
        <v>28</v>
      </c>
      <c r="AE150" s="22" t="s">
        <v>268</v>
      </c>
    </row>
    <row r="151" spans="1:31">
      <c r="A151" s="21" t="s">
        <v>240</v>
      </c>
      <c r="B151" s="21" t="s">
        <v>237</v>
      </c>
      <c r="C151" s="21" t="s">
        <v>265</v>
      </c>
      <c r="D151" s="21" t="s">
        <v>214</v>
      </c>
      <c r="E151" s="21" t="s">
        <v>527</v>
      </c>
      <c r="F151" s="16">
        <v>4402</v>
      </c>
      <c r="G151" s="16">
        <v>3124</v>
      </c>
      <c r="H151" s="16">
        <v>2529</v>
      </c>
      <c r="I151" s="16">
        <v>1457</v>
      </c>
      <c r="J151" s="16">
        <v>602</v>
      </c>
      <c r="K151" s="16">
        <v>80</v>
      </c>
      <c r="L151" s="16">
        <v>390</v>
      </c>
      <c r="M151" s="16">
        <v>595</v>
      </c>
      <c r="N151" s="16">
        <v>47</v>
      </c>
      <c r="O151" s="16">
        <v>42</v>
      </c>
      <c r="P151" s="16">
        <v>146</v>
      </c>
      <c r="Q151" s="16">
        <v>83</v>
      </c>
      <c r="R151" s="16">
        <v>28</v>
      </c>
      <c r="S151" s="16">
        <v>92</v>
      </c>
      <c r="T151" s="16">
        <v>23</v>
      </c>
      <c r="U151" s="16">
        <v>21</v>
      </c>
      <c r="V151" s="16">
        <v>35</v>
      </c>
      <c r="W151" s="16">
        <v>78</v>
      </c>
      <c r="X151" s="16">
        <v>20</v>
      </c>
      <c r="Y151" s="16">
        <v>1258</v>
      </c>
      <c r="Z151" s="22" t="s">
        <v>268</v>
      </c>
      <c r="AA151" s="16">
        <v>410</v>
      </c>
      <c r="AB151" s="16">
        <v>1449</v>
      </c>
      <c r="AC151" s="16">
        <v>1258</v>
      </c>
      <c r="AD151" s="16">
        <v>16</v>
      </c>
      <c r="AE151" s="16">
        <v>1</v>
      </c>
    </row>
    <row r="152" spans="1:31">
      <c r="A152" s="21" t="s">
        <v>240</v>
      </c>
      <c r="B152" s="21" t="s">
        <v>237</v>
      </c>
      <c r="C152" s="21" t="s">
        <v>265</v>
      </c>
      <c r="D152" s="21" t="s">
        <v>214</v>
      </c>
      <c r="E152" s="21" t="s">
        <v>528</v>
      </c>
      <c r="F152" s="16">
        <v>3742</v>
      </c>
      <c r="G152" s="16">
        <v>2554</v>
      </c>
      <c r="H152" s="16">
        <v>1958</v>
      </c>
      <c r="I152" s="16">
        <v>1056</v>
      </c>
      <c r="J152" s="16">
        <v>429</v>
      </c>
      <c r="K152" s="16">
        <v>85</v>
      </c>
      <c r="L152" s="16">
        <v>388</v>
      </c>
      <c r="M152" s="16">
        <v>596</v>
      </c>
      <c r="N152" s="16">
        <v>81</v>
      </c>
      <c r="O152" s="16">
        <v>68</v>
      </c>
      <c r="P152" s="16">
        <v>138</v>
      </c>
      <c r="Q152" s="16">
        <v>78</v>
      </c>
      <c r="R152" s="16">
        <v>19</v>
      </c>
      <c r="S152" s="16">
        <v>55</v>
      </c>
      <c r="T152" s="16">
        <v>38</v>
      </c>
      <c r="U152" s="16">
        <v>23</v>
      </c>
      <c r="V152" s="16">
        <v>17</v>
      </c>
      <c r="W152" s="16">
        <v>79</v>
      </c>
      <c r="X152" s="16">
        <v>17</v>
      </c>
      <c r="Y152" s="16">
        <v>1171</v>
      </c>
      <c r="Z152" s="22" t="s">
        <v>268</v>
      </c>
      <c r="AA152" s="16">
        <v>383</v>
      </c>
      <c r="AB152" s="16">
        <v>1055</v>
      </c>
      <c r="AC152" s="16">
        <v>1171</v>
      </c>
      <c r="AD152" s="16">
        <v>15</v>
      </c>
      <c r="AE152" s="22" t="s">
        <v>268</v>
      </c>
    </row>
    <row r="153" spans="1:31">
      <c r="A153" s="21" t="s">
        <v>240</v>
      </c>
      <c r="B153" s="21" t="s">
        <v>237</v>
      </c>
      <c r="C153" s="21" t="s">
        <v>265</v>
      </c>
      <c r="D153" s="21" t="s">
        <v>214</v>
      </c>
      <c r="E153" s="21" t="s">
        <v>623</v>
      </c>
      <c r="F153" s="16">
        <v>3749</v>
      </c>
      <c r="G153" s="16">
        <v>2383</v>
      </c>
      <c r="H153" s="16">
        <v>1646</v>
      </c>
      <c r="I153" s="16">
        <v>737</v>
      </c>
      <c r="J153" s="16">
        <v>276</v>
      </c>
      <c r="K153" s="16">
        <v>144</v>
      </c>
      <c r="L153" s="16">
        <v>489</v>
      </c>
      <c r="M153" s="16">
        <v>737</v>
      </c>
      <c r="N153" s="16">
        <v>92</v>
      </c>
      <c r="O153" s="16">
        <v>156</v>
      </c>
      <c r="P153" s="16">
        <v>65</v>
      </c>
      <c r="Q153" s="16">
        <v>138</v>
      </c>
      <c r="R153" s="16">
        <v>18</v>
      </c>
      <c r="S153" s="16">
        <v>34</v>
      </c>
      <c r="T153" s="16">
        <v>91</v>
      </c>
      <c r="U153" s="16">
        <v>25</v>
      </c>
      <c r="V153" s="16">
        <v>16</v>
      </c>
      <c r="W153" s="16">
        <v>102</v>
      </c>
      <c r="X153" s="16">
        <v>10</v>
      </c>
      <c r="Y153" s="16">
        <v>1356</v>
      </c>
      <c r="Z153" s="22" t="s">
        <v>268</v>
      </c>
      <c r="AA153" s="16">
        <v>408</v>
      </c>
      <c r="AB153" s="16">
        <v>737</v>
      </c>
      <c r="AC153" s="16">
        <v>1356</v>
      </c>
      <c r="AD153" s="16">
        <v>15</v>
      </c>
      <c r="AE153" s="22" t="s">
        <v>268</v>
      </c>
    </row>
    <row r="154" spans="1:31">
      <c r="A154" s="21" t="s">
        <v>240</v>
      </c>
      <c r="B154" s="21" t="s">
        <v>237</v>
      </c>
      <c r="C154" s="21" t="s">
        <v>265</v>
      </c>
      <c r="D154" s="21" t="s">
        <v>214</v>
      </c>
      <c r="E154" s="21" t="s">
        <v>624</v>
      </c>
      <c r="F154" s="16">
        <v>1071</v>
      </c>
      <c r="G154" s="22" t="s">
        <v>268</v>
      </c>
      <c r="H154" s="22" t="s">
        <v>268</v>
      </c>
      <c r="I154" s="22" t="s">
        <v>268</v>
      </c>
      <c r="J154" s="22" t="s">
        <v>268</v>
      </c>
      <c r="K154" s="22" t="s">
        <v>268</v>
      </c>
      <c r="L154" s="22" t="s">
        <v>268</v>
      </c>
      <c r="M154" s="22" t="s">
        <v>268</v>
      </c>
      <c r="N154" s="22" t="s">
        <v>268</v>
      </c>
      <c r="O154" s="22" t="s">
        <v>268</v>
      </c>
      <c r="P154" s="22" t="s">
        <v>268</v>
      </c>
      <c r="Q154" s="22" t="s">
        <v>268</v>
      </c>
      <c r="R154" s="22" t="s">
        <v>268</v>
      </c>
      <c r="S154" s="22" t="s">
        <v>268</v>
      </c>
      <c r="T154" s="22" t="s">
        <v>268</v>
      </c>
      <c r="U154" s="22" t="s">
        <v>268</v>
      </c>
      <c r="V154" s="22" t="s">
        <v>268</v>
      </c>
      <c r="W154" s="22" t="s">
        <v>268</v>
      </c>
      <c r="X154" s="22" t="s">
        <v>268</v>
      </c>
      <c r="Y154" s="16">
        <v>1003</v>
      </c>
      <c r="Z154" s="16">
        <v>68</v>
      </c>
      <c r="AA154" s="22" t="s">
        <v>268</v>
      </c>
      <c r="AB154" s="22" t="s">
        <v>268</v>
      </c>
      <c r="AC154" s="22" t="s">
        <v>268</v>
      </c>
      <c r="AD154" s="16">
        <v>4</v>
      </c>
      <c r="AE154" s="16">
        <v>25</v>
      </c>
    </row>
    <row r="155" spans="1:31">
      <c r="A155" s="21" t="s">
        <v>240</v>
      </c>
      <c r="B155" s="21" t="s">
        <v>237</v>
      </c>
      <c r="C155" s="21" t="s">
        <v>265</v>
      </c>
      <c r="D155" s="21" t="s">
        <v>214</v>
      </c>
      <c r="E155" s="21" t="s">
        <v>461</v>
      </c>
      <c r="F155" s="16">
        <v>24989</v>
      </c>
      <c r="G155" s="16">
        <v>16678</v>
      </c>
      <c r="H155" s="16">
        <v>14009</v>
      </c>
      <c r="I155" s="16">
        <v>3311</v>
      </c>
      <c r="J155" s="16">
        <v>7874</v>
      </c>
      <c r="K155" s="16">
        <v>285</v>
      </c>
      <c r="L155" s="16">
        <v>2539</v>
      </c>
      <c r="M155" s="16">
        <v>2669</v>
      </c>
      <c r="N155" s="16">
        <v>93</v>
      </c>
      <c r="O155" s="16">
        <v>468</v>
      </c>
      <c r="P155" s="16">
        <v>296</v>
      </c>
      <c r="Q155" s="16">
        <v>747</v>
      </c>
      <c r="R155" s="16">
        <v>33</v>
      </c>
      <c r="S155" s="16">
        <v>196</v>
      </c>
      <c r="T155" s="16">
        <v>34</v>
      </c>
      <c r="U155" s="16">
        <v>244</v>
      </c>
      <c r="V155" s="16">
        <v>177</v>
      </c>
      <c r="W155" s="16">
        <v>381</v>
      </c>
      <c r="X155" s="16">
        <v>262</v>
      </c>
      <c r="Y155" s="16">
        <v>8049</v>
      </c>
      <c r="Z155" s="22" t="s">
        <v>268</v>
      </c>
      <c r="AA155" s="16">
        <v>1762</v>
      </c>
      <c r="AB155" s="16">
        <v>9</v>
      </c>
      <c r="AC155" s="22" t="s">
        <v>268</v>
      </c>
      <c r="AD155" s="16">
        <v>543</v>
      </c>
      <c r="AE155" s="16">
        <v>886</v>
      </c>
    </row>
    <row r="156" spans="1:31">
      <c r="A156" s="21" t="s">
        <v>240</v>
      </c>
      <c r="B156" s="21" t="s">
        <v>237</v>
      </c>
      <c r="C156" s="21" t="s">
        <v>265</v>
      </c>
      <c r="D156" s="21" t="s">
        <v>214</v>
      </c>
      <c r="E156" s="21" t="s">
        <v>462</v>
      </c>
      <c r="F156" s="16">
        <v>22936</v>
      </c>
      <c r="G156" s="16">
        <v>16085</v>
      </c>
      <c r="H156" s="16">
        <v>12293</v>
      </c>
      <c r="I156" s="16">
        <v>6934</v>
      </c>
      <c r="J156" s="16">
        <v>2907</v>
      </c>
      <c r="K156" s="16">
        <v>487</v>
      </c>
      <c r="L156" s="16">
        <v>1965</v>
      </c>
      <c r="M156" s="16">
        <v>3792</v>
      </c>
      <c r="N156" s="16">
        <v>282</v>
      </c>
      <c r="O156" s="16">
        <v>577</v>
      </c>
      <c r="P156" s="16">
        <v>689</v>
      </c>
      <c r="Q156" s="16">
        <v>563</v>
      </c>
      <c r="R156" s="16">
        <v>157</v>
      </c>
      <c r="S156" s="16">
        <v>442</v>
      </c>
      <c r="T156" s="16">
        <v>183</v>
      </c>
      <c r="U156" s="16">
        <v>235</v>
      </c>
      <c r="V156" s="16">
        <v>200</v>
      </c>
      <c r="W156" s="16">
        <v>464</v>
      </c>
      <c r="X156" s="16">
        <v>112</v>
      </c>
      <c r="Y156" s="16">
        <v>6739</v>
      </c>
      <c r="Z156" s="22" t="s">
        <v>268</v>
      </c>
      <c r="AA156" s="16">
        <v>2383</v>
      </c>
      <c r="AB156" s="16">
        <v>6729</v>
      </c>
      <c r="AC156" s="16">
        <v>6739</v>
      </c>
      <c r="AD156" s="16">
        <v>102</v>
      </c>
      <c r="AE156" s="16">
        <v>2</v>
      </c>
    </row>
    <row r="157" spans="1:31">
      <c r="A157" s="21" t="s">
        <v>240</v>
      </c>
      <c r="B157" s="21" t="s">
        <v>237</v>
      </c>
      <c r="C157" s="21" t="s">
        <v>265</v>
      </c>
      <c r="D157" s="21" t="s">
        <v>214</v>
      </c>
      <c r="E157" s="21" t="s">
        <v>463</v>
      </c>
      <c r="F157" s="16">
        <v>11893</v>
      </c>
      <c r="G157" s="16">
        <v>8061</v>
      </c>
      <c r="H157" s="16">
        <v>6133</v>
      </c>
      <c r="I157" s="16">
        <v>3250</v>
      </c>
      <c r="J157" s="16">
        <v>1307</v>
      </c>
      <c r="K157" s="16">
        <v>309</v>
      </c>
      <c r="L157" s="16">
        <v>1267</v>
      </c>
      <c r="M157" s="16">
        <v>1928</v>
      </c>
      <c r="N157" s="16">
        <v>220</v>
      </c>
      <c r="O157" s="16">
        <v>266</v>
      </c>
      <c r="P157" s="16">
        <v>349</v>
      </c>
      <c r="Q157" s="16">
        <v>299</v>
      </c>
      <c r="R157" s="16">
        <v>65</v>
      </c>
      <c r="S157" s="16">
        <v>181</v>
      </c>
      <c r="T157" s="16">
        <v>152</v>
      </c>
      <c r="U157" s="16">
        <v>69</v>
      </c>
      <c r="V157" s="16">
        <v>68</v>
      </c>
      <c r="W157" s="16">
        <v>259</v>
      </c>
      <c r="X157" s="16">
        <v>47</v>
      </c>
      <c r="Y157" s="16">
        <v>3785</v>
      </c>
      <c r="Z157" s="22" t="s">
        <v>268</v>
      </c>
      <c r="AA157" s="16">
        <v>1201</v>
      </c>
      <c r="AB157" s="16">
        <v>3241</v>
      </c>
      <c r="AC157" s="16">
        <v>3785</v>
      </c>
      <c r="AD157" s="16">
        <v>46</v>
      </c>
      <c r="AE157" s="16">
        <v>1</v>
      </c>
    </row>
    <row r="158" spans="1:31">
      <c r="A158" s="21" t="s">
        <v>240</v>
      </c>
      <c r="B158" s="21" t="s">
        <v>237</v>
      </c>
      <c r="C158" s="21" t="s">
        <v>265</v>
      </c>
      <c r="D158" s="21" t="s">
        <v>215</v>
      </c>
      <c r="E158" s="21" t="s">
        <v>401</v>
      </c>
      <c r="F158" s="16">
        <v>34071</v>
      </c>
      <c r="G158" s="16">
        <v>26961</v>
      </c>
      <c r="H158" s="16">
        <v>22014</v>
      </c>
      <c r="I158" s="16">
        <v>10124</v>
      </c>
      <c r="J158" s="16">
        <v>10633</v>
      </c>
      <c r="K158" s="16">
        <v>761</v>
      </c>
      <c r="L158" s="16">
        <v>496</v>
      </c>
      <c r="M158" s="16">
        <v>4947</v>
      </c>
      <c r="N158" s="16">
        <v>371</v>
      </c>
      <c r="O158" s="16">
        <v>832</v>
      </c>
      <c r="P158" s="16">
        <v>982</v>
      </c>
      <c r="Q158" s="16">
        <v>973</v>
      </c>
      <c r="R158" s="16">
        <v>179</v>
      </c>
      <c r="S158" s="16">
        <v>606</v>
      </c>
      <c r="T158" s="16">
        <v>139</v>
      </c>
      <c r="U158" s="16">
        <v>415</v>
      </c>
      <c r="V158" s="16">
        <v>221</v>
      </c>
      <c r="W158" s="16">
        <v>229</v>
      </c>
      <c r="X158" s="16">
        <v>262</v>
      </c>
      <c r="Y158" s="16">
        <v>6794</v>
      </c>
      <c r="Z158" s="16">
        <v>54</v>
      </c>
      <c r="AA158" s="16">
        <v>3165</v>
      </c>
      <c r="AB158" s="16">
        <v>6686</v>
      </c>
      <c r="AC158" s="16">
        <v>2135</v>
      </c>
      <c r="AD158" s="16">
        <v>194</v>
      </c>
      <c r="AE158" s="16">
        <v>319</v>
      </c>
    </row>
    <row r="159" spans="1:31">
      <c r="A159" s="21" t="s">
        <v>240</v>
      </c>
      <c r="B159" s="21" t="s">
        <v>237</v>
      </c>
      <c r="C159" s="21" t="s">
        <v>265</v>
      </c>
      <c r="D159" s="21" t="s">
        <v>215</v>
      </c>
      <c r="E159" s="21" t="s">
        <v>514</v>
      </c>
      <c r="F159" s="22" t="s">
        <v>268</v>
      </c>
      <c r="G159" s="22" t="s">
        <v>268</v>
      </c>
      <c r="H159" s="22" t="s">
        <v>268</v>
      </c>
      <c r="I159" s="22" t="s">
        <v>268</v>
      </c>
      <c r="J159" s="22" t="s">
        <v>268</v>
      </c>
      <c r="K159" s="22" t="s">
        <v>268</v>
      </c>
      <c r="L159" s="22" t="s">
        <v>268</v>
      </c>
      <c r="M159" s="22" t="s">
        <v>268</v>
      </c>
      <c r="N159" s="22" t="s">
        <v>268</v>
      </c>
      <c r="O159" s="22" t="s">
        <v>268</v>
      </c>
      <c r="P159" s="22" t="s">
        <v>268</v>
      </c>
      <c r="Q159" s="22" t="s">
        <v>268</v>
      </c>
      <c r="R159" s="22" t="s">
        <v>268</v>
      </c>
      <c r="S159" s="22" t="s">
        <v>268</v>
      </c>
      <c r="T159" s="22" t="s">
        <v>268</v>
      </c>
      <c r="U159" s="22" t="s">
        <v>268</v>
      </c>
      <c r="V159" s="22" t="s">
        <v>268</v>
      </c>
      <c r="W159" s="22" t="s">
        <v>268</v>
      </c>
      <c r="X159" s="22" t="s">
        <v>268</v>
      </c>
      <c r="Y159" s="22" t="s">
        <v>268</v>
      </c>
      <c r="Z159" s="22" t="s">
        <v>268</v>
      </c>
      <c r="AA159" s="22" t="s">
        <v>268</v>
      </c>
      <c r="AB159" s="22" t="s">
        <v>268</v>
      </c>
      <c r="AC159" s="22" t="s">
        <v>268</v>
      </c>
      <c r="AD159" s="22" t="s">
        <v>268</v>
      </c>
      <c r="AE159" s="22" t="s">
        <v>268</v>
      </c>
    </row>
    <row r="160" spans="1:31">
      <c r="A160" s="21" t="s">
        <v>240</v>
      </c>
      <c r="B160" s="21" t="s">
        <v>237</v>
      </c>
      <c r="C160" s="21" t="s">
        <v>265</v>
      </c>
      <c r="D160" s="21" t="s">
        <v>215</v>
      </c>
      <c r="E160" s="21" t="s">
        <v>515</v>
      </c>
      <c r="F160" s="16">
        <v>63</v>
      </c>
      <c r="G160" s="16">
        <v>4</v>
      </c>
      <c r="H160" s="16">
        <v>4</v>
      </c>
      <c r="I160" s="16">
        <v>1</v>
      </c>
      <c r="J160" s="16">
        <v>2</v>
      </c>
      <c r="K160" s="22" t="s">
        <v>268</v>
      </c>
      <c r="L160" s="16">
        <v>1</v>
      </c>
      <c r="M160" s="22" t="s">
        <v>268</v>
      </c>
      <c r="N160" s="22" t="s">
        <v>268</v>
      </c>
      <c r="O160" s="22" t="s">
        <v>268</v>
      </c>
      <c r="P160" s="22" t="s">
        <v>268</v>
      </c>
      <c r="Q160" s="22" t="s">
        <v>268</v>
      </c>
      <c r="R160" s="22" t="s">
        <v>268</v>
      </c>
      <c r="S160" s="22" t="s">
        <v>268</v>
      </c>
      <c r="T160" s="22" t="s">
        <v>268</v>
      </c>
      <c r="U160" s="22" t="s">
        <v>268</v>
      </c>
      <c r="V160" s="22" t="s">
        <v>268</v>
      </c>
      <c r="W160" s="22" t="s">
        <v>268</v>
      </c>
      <c r="X160" s="16">
        <v>1</v>
      </c>
      <c r="Y160" s="16">
        <v>58</v>
      </c>
      <c r="Z160" s="22" t="s">
        <v>268</v>
      </c>
      <c r="AA160" s="22" t="s">
        <v>268</v>
      </c>
      <c r="AB160" s="22" t="s">
        <v>268</v>
      </c>
      <c r="AC160" s="22" t="s">
        <v>268</v>
      </c>
      <c r="AD160" s="16">
        <v>3</v>
      </c>
      <c r="AE160" s="16">
        <v>10</v>
      </c>
    </row>
    <row r="161" spans="1:31">
      <c r="A161" s="21" t="s">
        <v>240</v>
      </c>
      <c r="B161" s="21" t="s">
        <v>237</v>
      </c>
      <c r="C161" s="21" t="s">
        <v>265</v>
      </c>
      <c r="D161" s="21" t="s">
        <v>215</v>
      </c>
      <c r="E161" s="21" t="s">
        <v>516</v>
      </c>
      <c r="F161" s="16">
        <v>543</v>
      </c>
      <c r="G161" s="16">
        <v>118</v>
      </c>
      <c r="H161" s="16">
        <v>115</v>
      </c>
      <c r="I161" s="16">
        <v>41</v>
      </c>
      <c r="J161" s="16">
        <v>68</v>
      </c>
      <c r="K161" s="16">
        <v>1</v>
      </c>
      <c r="L161" s="16">
        <v>5</v>
      </c>
      <c r="M161" s="16">
        <v>3</v>
      </c>
      <c r="N161" s="22" t="s">
        <v>268</v>
      </c>
      <c r="O161" s="22" t="s">
        <v>268</v>
      </c>
      <c r="P161" s="22" t="s">
        <v>268</v>
      </c>
      <c r="Q161" s="22" t="s">
        <v>268</v>
      </c>
      <c r="R161" s="22" t="s">
        <v>268</v>
      </c>
      <c r="S161" s="22" t="s">
        <v>268</v>
      </c>
      <c r="T161" s="22" t="s">
        <v>268</v>
      </c>
      <c r="U161" s="16">
        <v>1</v>
      </c>
      <c r="V161" s="16">
        <v>2</v>
      </c>
      <c r="W161" s="22" t="s">
        <v>268</v>
      </c>
      <c r="X161" s="16">
        <v>23</v>
      </c>
      <c r="Y161" s="16">
        <v>402</v>
      </c>
      <c r="Z161" s="22" t="s">
        <v>268</v>
      </c>
      <c r="AA161" s="16">
        <v>1</v>
      </c>
      <c r="AB161" s="22" t="s">
        <v>268</v>
      </c>
      <c r="AC161" s="22" t="s">
        <v>268</v>
      </c>
      <c r="AD161" s="16">
        <v>38</v>
      </c>
      <c r="AE161" s="16">
        <v>83</v>
      </c>
    </row>
    <row r="162" spans="1:31">
      <c r="A162" s="21" t="s">
        <v>240</v>
      </c>
      <c r="B162" s="21" t="s">
        <v>237</v>
      </c>
      <c r="C162" s="21" t="s">
        <v>265</v>
      </c>
      <c r="D162" s="21" t="s">
        <v>215</v>
      </c>
      <c r="E162" s="21" t="s">
        <v>517</v>
      </c>
      <c r="F162" s="16">
        <v>1067</v>
      </c>
      <c r="G162" s="16">
        <v>538</v>
      </c>
      <c r="H162" s="16">
        <v>494</v>
      </c>
      <c r="I162" s="16">
        <v>136</v>
      </c>
      <c r="J162" s="16">
        <v>347</v>
      </c>
      <c r="K162" s="16">
        <v>4</v>
      </c>
      <c r="L162" s="16">
        <v>7</v>
      </c>
      <c r="M162" s="16">
        <v>44</v>
      </c>
      <c r="N162" s="22" t="s">
        <v>268</v>
      </c>
      <c r="O162" s="16">
        <v>2</v>
      </c>
      <c r="P162" s="16">
        <v>4</v>
      </c>
      <c r="Q162" s="16">
        <v>17</v>
      </c>
      <c r="R162" s="22" t="s">
        <v>268</v>
      </c>
      <c r="S162" s="16">
        <v>5</v>
      </c>
      <c r="T162" s="16">
        <v>1</v>
      </c>
      <c r="U162" s="16">
        <v>6</v>
      </c>
      <c r="V162" s="16">
        <v>3</v>
      </c>
      <c r="W162" s="16">
        <v>6</v>
      </c>
      <c r="X162" s="16">
        <v>27</v>
      </c>
      <c r="Y162" s="16">
        <v>502</v>
      </c>
      <c r="Z162" s="22" t="s">
        <v>268</v>
      </c>
      <c r="AA162" s="16">
        <v>29</v>
      </c>
      <c r="AB162" s="22" t="s">
        <v>268</v>
      </c>
      <c r="AC162" s="22" t="s">
        <v>268</v>
      </c>
      <c r="AD162" s="16">
        <v>37</v>
      </c>
      <c r="AE162" s="16">
        <v>89</v>
      </c>
    </row>
    <row r="163" spans="1:31">
      <c r="A163" s="21" t="s">
        <v>240</v>
      </c>
      <c r="B163" s="21" t="s">
        <v>237</v>
      </c>
      <c r="C163" s="21" t="s">
        <v>265</v>
      </c>
      <c r="D163" s="21" t="s">
        <v>215</v>
      </c>
      <c r="E163" s="21" t="s">
        <v>518</v>
      </c>
      <c r="F163" s="16">
        <v>1465</v>
      </c>
      <c r="G163" s="16">
        <v>1045</v>
      </c>
      <c r="H163" s="16">
        <v>1000</v>
      </c>
      <c r="I163" s="16">
        <v>167</v>
      </c>
      <c r="J163" s="16">
        <v>813</v>
      </c>
      <c r="K163" s="16">
        <v>9</v>
      </c>
      <c r="L163" s="16">
        <v>11</v>
      </c>
      <c r="M163" s="16">
        <v>45</v>
      </c>
      <c r="N163" s="22" t="s">
        <v>268</v>
      </c>
      <c r="O163" s="16">
        <v>3</v>
      </c>
      <c r="P163" s="16">
        <v>8</v>
      </c>
      <c r="Q163" s="16">
        <v>16</v>
      </c>
      <c r="R163" s="16">
        <v>2</v>
      </c>
      <c r="S163" s="22" t="s">
        <v>268</v>
      </c>
      <c r="T163" s="22" t="s">
        <v>268</v>
      </c>
      <c r="U163" s="16">
        <v>4</v>
      </c>
      <c r="V163" s="16">
        <v>3</v>
      </c>
      <c r="W163" s="16">
        <v>9</v>
      </c>
      <c r="X163" s="16">
        <v>22</v>
      </c>
      <c r="Y163" s="16">
        <v>398</v>
      </c>
      <c r="Z163" s="22" t="s">
        <v>268</v>
      </c>
      <c r="AA163" s="16">
        <v>34</v>
      </c>
      <c r="AB163" s="22" t="s">
        <v>268</v>
      </c>
      <c r="AC163" s="22" t="s">
        <v>268</v>
      </c>
      <c r="AD163" s="16">
        <v>15</v>
      </c>
      <c r="AE163" s="16">
        <v>48</v>
      </c>
    </row>
    <row r="164" spans="1:31">
      <c r="A164" s="21" t="s">
        <v>240</v>
      </c>
      <c r="B164" s="21" t="s">
        <v>237</v>
      </c>
      <c r="C164" s="21" t="s">
        <v>265</v>
      </c>
      <c r="D164" s="21" t="s">
        <v>215</v>
      </c>
      <c r="E164" s="21" t="s">
        <v>519</v>
      </c>
      <c r="F164" s="16">
        <v>1888</v>
      </c>
      <c r="G164" s="16">
        <v>1526</v>
      </c>
      <c r="H164" s="16">
        <v>1427</v>
      </c>
      <c r="I164" s="16">
        <v>160</v>
      </c>
      <c r="J164" s="16">
        <v>1222</v>
      </c>
      <c r="K164" s="16">
        <v>25</v>
      </c>
      <c r="L164" s="16">
        <v>20</v>
      </c>
      <c r="M164" s="16">
        <v>99</v>
      </c>
      <c r="N164" s="22" t="s">
        <v>268</v>
      </c>
      <c r="O164" s="16">
        <v>7</v>
      </c>
      <c r="P164" s="16">
        <v>17</v>
      </c>
      <c r="Q164" s="16">
        <v>43</v>
      </c>
      <c r="R164" s="16">
        <v>1</v>
      </c>
      <c r="S164" s="16">
        <v>14</v>
      </c>
      <c r="T164" s="22" t="s">
        <v>268</v>
      </c>
      <c r="U164" s="16">
        <v>10</v>
      </c>
      <c r="V164" s="16">
        <v>3</v>
      </c>
      <c r="W164" s="16">
        <v>4</v>
      </c>
      <c r="X164" s="16">
        <v>13</v>
      </c>
      <c r="Y164" s="16">
        <v>349</v>
      </c>
      <c r="Z164" s="22" t="s">
        <v>268</v>
      </c>
      <c r="AA164" s="16">
        <v>81</v>
      </c>
      <c r="AB164" s="22" t="s">
        <v>268</v>
      </c>
      <c r="AC164" s="22" t="s">
        <v>268</v>
      </c>
      <c r="AD164" s="16">
        <v>9</v>
      </c>
      <c r="AE164" s="16">
        <v>13</v>
      </c>
    </row>
    <row r="165" spans="1:31">
      <c r="A165" s="21" t="s">
        <v>240</v>
      </c>
      <c r="B165" s="21" t="s">
        <v>237</v>
      </c>
      <c r="C165" s="21" t="s">
        <v>265</v>
      </c>
      <c r="D165" s="21" t="s">
        <v>215</v>
      </c>
      <c r="E165" s="21" t="s">
        <v>520</v>
      </c>
      <c r="F165" s="16">
        <v>2163</v>
      </c>
      <c r="G165" s="16">
        <v>1833</v>
      </c>
      <c r="H165" s="16">
        <v>1670</v>
      </c>
      <c r="I165" s="16">
        <v>176</v>
      </c>
      <c r="J165" s="16">
        <v>1432</v>
      </c>
      <c r="K165" s="16">
        <v>31</v>
      </c>
      <c r="L165" s="16">
        <v>31</v>
      </c>
      <c r="M165" s="16">
        <v>163</v>
      </c>
      <c r="N165" s="16">
        <v>3</v>
      </c>
      <c r="O165" s="16">
        <v>12</v>
      </c>
      <c r="P165" s="16">
        <v>27</v>
      </c>
      <c r="Q165" s="16">
        <v>79</v>
      </c>
      <c r="R165" s="22" t="s">
        <v>268</v>
      </c>
      <c r="S165" s="16">
        <v>10</v>
      </c>
      <c r="T165" s="16">
        <v>2</v>
      </c>
      <c r="U165" s="16">
        <v>18</v>
      </c>
      <c r="V165" s="16">
        <v>6</v>
      </c>
      <c r="W165" s="16">
        <v>6</v>
      </c>
      <c r="X165" s="16">
        <v>12</v>
      </c>
      <c r="Y165" s="16">
        <v>318</v>
      </c>
      <c r="Z165" s="22" t="s">
        <v>268</v>
      </c>
      <c r="AA165" s="16">
        <v>137</v>
      </c>
      <c r="AB165" s="22" t="s">
        <v>268</v>
      </c>
      <c r="AC165" s="22" t="s">
        <v>268</v>
      </c>
      <c r="AD165" s="16">
        <v>8</v>
      </c>
      <c r="AE165" s="16">
        <v>12</v>
      </c>
    </row>
    <row r="166" spans="1:31">
      <c r="A166" s="21" t="s">
        <v>240</v>
      </c>
      <c r="B166" s="21" t="s">
        <v>237</v>
      </c>
      <c r="C166" s="21" t="s">
        <v>265</v>
      </c>
      <c r="D166" s="21" t="s">
        <v>215</v>
      </c>
      <c r="E166" s="21" t="s">
        <v>521</v>
      </c>
      <c r="F166" s="16">
        <v>2399</v>
      </c>
      <c r="G166" s="16">
        <v>1916</v>
      </c>
      <c r="H166" s="16">
        <v>1691</v>
      </c>
      <c r="I166" s="16">
        <v>289</v>
      </c>
      <c r="J166" s="16">
        <v>1319</v>
      </c>
      <c r="K166" s="16">
        <v>49</v>
      </c>
      <c r="L166" s="16">
        <v>34</v>
      </c>
      <c r="M166" s="16">
        <v>225</v>
      </c>
      <c r="N166" s="16">
        <v>6</v>
      </c>
      <c r="O166" s="16">
        <v>18</v>
      </c>
      <c r="P166" s="16">
        <v>43</v>
      </c>
      <c r="Q166" s="16">
        <v>103</v>
      </c>
      <c r="R166" s="22" t="s">
        <v>268</v>
      </c>
      <c r="S166" s="16">
        <v>13</v>
      </c>
      <c r="T166" s="16">
        <v>1</v>
      </c>
      <c r="U166" s="16">
        <v>16</v>
      </c>
      <c r="V166" s="16">
        <v>12</v>
      </c>
      <c r="W166" s="16">
        <v>13</v>
      </c>
      <c r="X166" s="16">
        <v>26</v>
      </c>
      <c r="Y166" s="16">
        <v>457</v>
      </c>
      <c r="Z166" s="22" t="s">
        <v>268</v>
      </c>
      <c r="AA166" s="16">
        <v>183</v>
      </c>
      <c r="AB166" s="22" t="s">
        <v>268</v>
      </c>
      <c r="AC166" s="22" t="s">
        <v>268</v>
      </c>
      <c r="AD166" s="16">
        <v>10</v>
      </c>
      <c r="AE166" s="16">
        <v>13</v>
      </c>
    </row>
    <row r="167" spans="1:31">
      <c r="A167" s="21" t="s">
        <v>240</v>
      </c>
      <c r="B167" s="21" t="s">
        <v>237</v>
      </c>
      <c r="C167" s="21" t="s">
        <v>265</v>
      </c>
      <c r="D167" s="21" t="s">
        <v>215</v>
      </c>
      <c r="E167" s="21" t="s">
        <v>522</v>
      </c>
      <c r="F167" s="16">
        <v>2408</v>
      </c>
      <c r="G167" s="16">
        <v>1933</v>
      </c>
      <c r="H167" s="16">
        <v>1587</v>
      </c>
      <c r="I167" s="16">
        <v>427</v>
      </c>
      <c r="J167" s="16">
        <v>1021</v>
      </c>
      <c r="K167" s="16">
        <v>45</v>
      </c>
      <c r="L167" s="16">
        <v>94</v>
      </c>
      <c r="M167" s="16">
        <v>346</v>
      </c>
      <c r="N167" s="16">
        <v>21</v>
      </c>
      <c r="O167" s="16">
        <v>44</v>
      </c>
      <c r="P167" s="16">
        <v>55</v>
      </c>
      <c r="Q167" s="16">
        <v>139</v>
      </c>
      <c r="R167" s="16">
        <v>2</v>
      </c>
      <c r="S167" s="16">
        <v>20</v>
      </c>
      <c r="T167" s="16">
        <v>3</v>
      </c>
      <c r="U167" s="16">
        <v>29</v>
      </c>
      <c r="V167" s="16">
        <v>11</v>
      </c>
      <c r="W167" s="16">
        <v>22</v>
      </c>
      <c r="X167" s="16">
        <v>14</v>
      </c>
      <c r="Y167" s="16">
        <v>461</v>
      </c>
      <c r="Z167" s="22" t="s">
        <v>268</v>
      </c>
      <c r="AA167" s="16">
        <v>259</v>
      </c>
      <c r="AB167" s="22" t="s">
        <v>268</v>
      </c>
      <c r="AC167" s="22" t="s">
        <v>268</v>
      </c>
      <c r="AD167" s="16">
        <v>15</v>
      </c>
      <c r="AE167" s="16">
        <v>16</v>
      </c>
    </row>
    <row r="168" spans="1:31">
      <c r="A168" s="21" t="s">
        <v>240</v>
      </c>
      <c r="B168" s="21" t="s">
        <v>237</v>
      </c>
      <c r="C168" s="21" t="s">
        <v>265</v>
      </c>
      <c r="D168" s="21" t="s">
        <v>215</v>
      </c>
      <c r="E168" s="21" t="s">
        <v>523</v>
      </c>
      <c r="F168" s="16">
        <v>2822</v>
      </c>
      <c r="G168" s="16">
        <v>2237</v>
      </c>
      <c r="H168" s="16">
        <v>1685</v>
      </c>
      <c r="I168" s="16">
        <v>732</v>
      </c>
      <c r="J168" s="16">
        <v>785</v>
      </c>
      <c r="K168" s="16">
        <v>51</v>
      </c>
      <c r="L168" s="16">
        <v>117</v>
      </c>
      <c r="M168" s="16">
        <v>552</v>
      </c>
      <c r="N168" s="16">
        <v>32</v>
      </c>
      <c r="O168" s="16">
        <v>150</v>
      </c>
      <c r="P168" s="16">
        <v>64</v>
      </c>
      <c r="Q168" s="16">
        <v>151</v>
      </c>
      <c r="R168" s="16">
        <v>7</v>
      </c>
      <c r="S168" s="16">
        <v>39</v>
      </c>
      <c r="T168" s="16">
        <v>15</v>
      </c>
      <c r="U168" s="16">
        <v>42</v>
      </c>
      <c r="V168" s="16">
        <v>20</v>
      </c>
      <c r="W168" s="16">
        <v>32</v>
      </c>
      <c r="X168" s="16">
        <v>22</v>
      </c>
      <c r="Y168" s="16">
        <v>563</v>
      </c>
      <c r="Z168" s="22" t="s">
        <v>268</v>
      </c>
      <c r="AA168" s="16">
        <v>317</v>
      </c>
      <c r="AB168" s="22" t="s">
        <v>268</v>
      </c>
      <c r="AC168" s="22" t="s">
        <v>268</v>
      </c>
      <c r="AD168" s="16">
        <v>12</v>
      </c>
      <c r="AE168" s="16">
        <v>10</v>
      </c>
    </row>
    <row r="169" spans="1:31">
      <c r="A169" s="21" t="s">
        <v>240</v>
      </c>
      <c r="B169" s="21" t="s">
        <v>237</v>
      </c>
      <c r="C169" s="21" t="s">
        <v>265</v>
      </c>
      <c r="D169" s="21" t="s">
        <v>215</v>
      </c>
      <c r="E169" s="21" t="s">
        <v>524</v>
      </c>
      <c r="F169" s="16">
        <v>3421</v>
      </c>
      <c r="G169" s="16">
        <v>2754</v>
      </c>
      <c r="H169" s="16">
        <v>2000</v>
      </c>
      <c r="I169" s="16">
        <v>1107</v>
      </c>
      <c r="J169" s="16">
        <v>731</v>
      </c>
      <c r="K169" s="16">
        <v>61</v>
      </c>
      <c r="L169" s="16">
        <v>101</v>
      </c>
      <c r="M169" s="16">
        <v>754</v>
      </c>
      <c r="N169" s="16">
        <v>30</v>
      </c>
      <c r="O169" s="16">
        <v>223</v>
      </c>
      <c r="P169" s="16">
        <v>77</v>
      </c>
      <c r="Q169" s="16">
        <v>163</v>
      </c>
      <c r="R169" s="16">
        <v>20</v>
      </c>
      <c r="S169" s="16">
        <v>65</v>
      </c>
      <c r="T169" s="16">
        <v>10</v>
      </c>
      <c r="U169" s="16">
        <v>92</v>
      </c>
      <c r="V169" s="16">
        <v>45</v>
      </c>
      <c r="W169" s="16">
        <v>29</v>
      </c>
      <c r="X169" s="16">
        <v>23</v>
      </c>
      <c r="Y169" s="16">
        <v>644</v>
      </c>
      <c r="Z169" s="22" t="s">
        <v>268</v>
      </c>
      <c r="AA169" s="16">
        <v>413</v>
      </c>
      <c r="AB169" s="22" t="s">
        <v>268</v>
      </c>
      <c r="AC169" s="22" t="s">
        <v>268</v>
      </c>
      <c r="AD169" s="16">
        <v>12</v>
      </c>
      <c r="AE169" s="16">
        <v>2</v>
      </c>
    </row>
    <row r="170" spans="1:31">
      <c r="A170" s="21" t="s">
        <v>240</v>
      </c>
      <c r="B170" s="21" t="s">
        <v>237</v>
      </c>
      <c r="C170" s="21" t="s">
        <v>265</v>
      </c>
      <c r="D170" s="21" t="s">
        <v>215</v>
      </c>
      <c r="E170" s="21" t="s">
        <v>525</v>
      </c>
      <c r="F170" s="16">
        <v>4155</v>
      </c>
      <c r="G170" s="16">
        <v>3422</v>
      </c>
      <c r="H170" s="16">
        <v>2599</v>
      </c>
      <c r="I170" s="16">
        <v>1677</v>
      </c>
      <c r="J170" s="16">
        <v>793</v>
      </c>
      <c r="K170" s="16">
        <v>77</v>
      </c>
      <c r="L170" s="16">
        <v>52</v>
      </c>
      <c r="M170" s="16">
        <v>823</v>
      </c>
      <c r="N170" s="16">
        <v>28</v>
      </c>
      <c r="O170" s="16">
        <v>180</v>
      </c>
      <c r="P170" s="16">
        <v>154</v>
      </c>
      <c r="Q170" s="16">
        <v>112</v>
      </c>
      <c r="R170" s="16">
        <v>30</v>
      </c>
      <c r="S170" s="16">
        <v>121</v>
      </c>
      <c r="T170" s="16">
        <v>15</v>
      </c>
      <c r="U170" s="16">
        <v>93</v>
      </c>
      <c r="V170" s="16">
        <v>61</v>
      </c>
      <c r="W170" s="16">
        <v>29</v>
      </c>
      <c r="X170" s="16">
        <v>25</v>
      </c>
      <c r="Y170" s="16">
        <v>708</v>
      </c>
      <c r="Z170" s="22" t="s">
        <v>268</v>
      </c>
      <c r="AA170" s="16">
        <v>496</v>
      </c>
      <c r="AB170" s="16">
        <v>1530</v>
      </c>
      <c r="AC170" s="16">
        <v>708</v>
      </c>
      <c r="AD170" s="16">
        <v>11</v>
      </c>
      <c r="AE170" s="16">
        <v>1</v>
      </c>
    </row>
    <row r="171" spans="1:31">
      <c r="A171" s="21" t="s">
        <v>240</v>
      </c>
      <c r="B171" s="21" t="s">
        <v>237</v>
      </c>
      <c r="C171" s="21" t="s">
        <v>265</v>
      </c>
      <c r="D171" s="21" t="s">
        <v>215</v>
      </c>
      <c r="E171" s="21" t="s">
        <v>526</v>
      </c>
      <c r="F171" s="16">
        <v>4220</v>
      </c>
      <c r="G171" s="16">
        <v>3602</v>
      </c>
      <c r="H171" s="16">
        <v>2894</v>
      </c>
      <c r="I171" s="16">
        <v>1976</v>
      </c>
      <c r="J171" s="16">
        <v>796</v>
      </c>
      <c r="K171" s="16">
        <v>99</v>
      </c>
      <c r="L171" s="16">
        <v>23</v>
      </c>
      <c r="M171" s="16">
        <v>708</v>
      </c>
      <c r="N171" s="16">
        <v>33</v>
      </c>
      <c r="O171" s="16">
        <v>110</v>
      </c>
      <c r="P171" s="16">
        <v>184</v>
      </c>
      <c r="Q171" s="16">
        <v>67</v>
      </c>
      <c r="R171" s="16">
        <v>56</v>
      </c>
      <c r="S171" s="16">
        <v>138</v>
      </c>
      <c r="T171" s="16">
        <v>12</v>
      </c>
      <c r="U171" s="16">
        <v>53</v>
      </c>
      <c r="V171" s="16">
        <v>30</v>
      </c>
      <c r="W171" s="16">
        <v>25</v>
      </c>
      <c r="X171" s="16">
        <v>23</v>
      </c>
      <c r="Y171" s="16">
        <v>595</v>
      </c>
      <c r="Z171" s="22" t="s">
        <v>268</v>
      </c>
      <c r="AA171" s="16">
        <v>453</v>
      </c>
      <c r="AB171" s="16">
        <v>1930</v>
      </c>
      <c r="AC171" s="16">
        <v>595</v>
      </c>
      <c r="AD171" s="16">
        <v>12</v>
      </c>
      <c r="AE171" s="22" t="s">
        <v>268</v>
      </c>
    </row>
    <row r="172" spans="1:31">
      <c r="A172" s="21" t="s">
        <v>240</v>
      </c>
      <c r="B172" s="21" t="s">
        <v>237</v>
      </c>
      <c r="C172" s="21" t="s">
        <v>265</v>
      </c>
      <c r="D172" s="21" t="s">
        <v>215</v>
      </c>
      <c r="E172" s="21" t="s">
        <v>527</v>
      </c>
      <c r="F172" s="16">
        <v>2878</v>
      </c>
      <c r="G172" s="16">
        <v>2545</v>
      </c>
      <c r="H172" s="16">
        <v>2130</v>
      </c>
      <c r="I172" s="16">
        <v>1449</v>
      </c>
      <c r="J172" s="16">
        <v>601</v>
      </c>
      <c r="K172" s="16">
        <v>80</v>
      </c>
      <c r="L172" s="22" t="s">
        <v>268</v>
      </c>
      <c r="M172" s="16">
        <v>415</v>
      </c>
      <c r="N172" s="16">
        <v>46</v>
      </c>
      <c r="O172" s="16">
        <v>17</v>
      </c>
      <c r="P172" s="16">
        <v>146</v>
      </c>
      <c r="Q172" s="16">
        <v>24</v>
      </c>
      <c r="R172" s="16">
        <v>27</v>
      </c>
      <c r="S172" s="16">
        <v>92</v>
      </c>
      <c r="T172" s="16">
        <v>15</v>
      </c>
      <c r="U172" s="16">
        <v>20</v>
      </c>
      <c r="V172" s="16">
        <v>16</v>
      </c>
      <c r="W172" s="16">
        <v>12</v>
      </c>
      <c r="X172" s="16">
        <v>13</v>
      </c>
      <c r="Y172" s="16">
        <v>320</v>
      </c>
      <c r="Z172" s="22" t="s">
        <v>268</v>
      </c>
      <c r="AA172" s="16">
        <v>300</v>
      </c>
      <c r="AB172" s="16">
        <v>1441</v>
      </c>
      <c r="AC172" s="16">
        <v>320</v>
      </c>
      <c r="AD172" s="16">
        <v>6</v>
      </c>
      <c r="AE172" s="16">
        <v>1</v>
      </c>
    </row>
    <row r="173" spans="1:31">
      <c r="A173" s="21" t="s">
        <v>240</v>
      </c>
      <c r="B173" s="21" t="s">
        <v>237</v>
      </c>
      <c r="C173" s="21" t="s">
        <v>265</v>
      </c>
      <c r="D173" s="21" t="s">
        <v>215</v>
      </c>
      <c r="E173" s="21" t="s">
        <v>528</v>
      </c>
      <c r="F173" s="16">
        <v>2175</v>
      </c>
      <c r="G173" s="16">
        <v>1961</v>
      </c>
      <c r="H173" s="16">
        <v>1563</v>
      </c>
      <c r="I173" s="16">
        <v>1051</v>
      </c>
      <c r="J173" s="16">
        <v>427</v>
      </c>
      <c r="K173" s="16">
        <v>85</v>
      </c>
      <c r="L173" s="22" t="s">
        <v>268</v>
      </c>
      <c r="M173" s="16">
        <v>398</v>
      </c>
      <c r="N173" s="16">
        <v>81</v>
      </c>
      <c r="O173" s="16">
        <v>23</v>
      </c>
      <c r="P173" s="16">
        <v>138</v>
      </c>
      <c r="Q173" s="16">
        <v>17</v>
      </c>
      <c r="R173" s="16">
        <v>19</v>
      </c>
      <c r="S173" s="16">
        <v>55</v>
      </c>
      <c r="T173" s="16">
        <v>23</v>
      </c>
      <c r="U173" s="16">
        <v>19</v>
      </c>
      <c r="V173" s="16">
        <v>6</v>
      </c>
      <c r="W173" s="16">
        <v>17</v>
      </c>
      <c r="X173" s="16">
        <v>10</v>
      </c>
      <c r="Y173" s="16">
        <v>204</v>
      </c>
      <c r="Z173" s="22" t="s">
        <v>268</v>
      </c>
      <c r="AA173" s="16">
        <v>259</v>
      </c>
      <c r="AB173" s="16">
        <v>1050</v>
      </c>
      <c r="AC173" s="16">
        <v>204</v>
      </c>
      <c r="AD173" s="16">
        <v>3</v>
      </c>
      <c r="AE173" s="22" t="s">
        <v>268</v>
      </c>
    </row>
    <row r="174" spans="1:31">
      <c r="A174" s="21" t="s">
        <v>240</v>
      </c>
      <c r="B174" s="21" t="s">
        <v>237</v>
      </c>
      <c r="C174" s="21" t="s">
        <v>265</v>
      </c>
      <c r="D174" s="21" t="s">
        <v>215</v>
      </c>
      <c r="E174" s="21" t="s">
        <v>623</v>
      </c>
      <c r="F174" s="16">
        <v>1843</v>
      </c>
      <c r="G174" s="16">
        <v>1527</v>
      </c>
      <c r="H174" s="16">
        <v>1155</v>
      </c>
      <c r="I174" s="16">
        <v>735</v>
      </c>
      <c r="J174" s="16">
        <v>276</v>
      </c>
      <c r="K174" s="16">
        <v>144</v>
      </c>
      <c r="L174" s="22" t="s">
        <v>268</v>
      </c>
      <c r="M174" s="16">
        <v>372</v>
      </c>
      <c r="N174" s="16">
        <v>91</v>
      </c>
      <c r="O174" s="16">
        <v>43</v>
      </c>
      <c r="P174" s="16">
        <v>65</v>
      </c>
      <c r="Q174" s="16">
        <v>42</v>
      </c>
      <c r="R174" s="16">
        <v>15</v>
      </c>
      <c r="S174" s="16">
        <v>34</v>
      </c>
      <c r="T174" s="16">
        <v>42</v>
      </c>
      <c r="U174" s="16">
        <v>12</v>
      </c>
      <c r="V174" s="16">
        <v>3</v>
      </c>
      <c r="W174" s="16">
        <v>25</v>
      </c>
      <c r="X174" s="16">
        <v>8</v>
      </c>
      <c r="Y174" s="16">
        <v>308</v>
      </c>
      <c r="Z174" s="22" t="s">
        <v>268</v>
      </c>
      <c r="AA174" s="16">
        <v>203</v>
      </c>
      <c r="AB174" s="16">
        <v>735</v>
      </c>
      <c r="AC174" s="16">
        <v>308</v>
      </c>
      <c r="AD174" s="16">
        <v>3</v>
      </c>
      <c r="AE174" s="22" t="s">
        <v>268</v>
      </c>
    </row>
    <row r="175" spans="1:31">
      <c r="A175" s="21" t="s">
        <v>240</v>
      </c>
      <c r="B175" s="21" t="s">
        <v>237</v>
      </c>
      <c r="C175" s="21" t="s">
        <v>265</v>
      </c>
      <c r="D175" s="21" t="s">
        <v>215</v>
      </c>
      <c r="E175" s="21" t="s">
        <v>624</v>
      </c>
      <c r="F175" s="16">
        <v>561</v>
      </c>
      <c r="G175" s="22" t="s">
        <v>268</v>
      </c>
      <c r="H175" s="22" t="s">
        <v>268</v>
      </c>
      <c r="I175" s="22" t="s">
        <v>268</v>
      </c>
      <c r="J175" s="22" t="s">
        <v>268</v>
      </c>
      <c r="K175" s="22" t="s">
        <v>268</v>
      </c>
      <c r="L175" s="22" t="s">
        <v>268</v>
      </c>
      <c r="M175" s="22" t="s">
        <v>268</v>
      </c>
      <c r="N175" s="22" t="s">
        <v>268</v>
      </c>
      <c r="O175" s="22" t="s">
        <v>268</v>
      </c>
      <c r="P175" s="22" t="s">
        <v>268</v>
      </c>
      <c r="Q175" s="22" t="s">
        <v>268</v>
      </c>
      <c r="R175" s="22" t="s">
        <v>268</v>
      </c>
      <c r="S175" s="22" t="s">
        <v>268</v>
      </c>
      <c r="T175" s="22" t="s">
        <v>268</v>
      </c>
      <c r="U175" s="22" t="s">
        <v>268</v>
      </c>
      <c r="V175" s="22" t="s">
        <v>268</v>
      </c>
      <c r="W175" s="22" t="s">
        <v>268</v>
      </c>
      <c r="X175" s="22" t="s">
        <v>268</v>
      </c>
      <c r="Y175" s="16">
        <v>507</v>
      </c>
      <c r="Z175" s="16">
        <v>54</v>
      </c>
      <c r="AA175" s="22" t="s">
        <v>268</v>
      </c>
      <c r="AB175" s="22" t="s">
        <v>268</v>
      </c>
      <c r="AC175" s="22" t="s">
        <v>268</v>
      </c>
      <c r="AD175" s="22" t="s">
        <v>268</v>
      </c>
      <c r="AE175" s="16">
        <v>21</v>
      </c>
    </row>
    <row r="176" spans="1:31">
      <c r="A176" s="21" t="s">
        <v>240</v>
      </c>
      <c r="B176" s="21" t="s">
        <v>237</v>
      </c>
      <c r="C176" s="21" t="s">
        <v>265</v>
      </c>
      <c r="D176" s="21" t="s">
        <v>215</v>
      </c>
      <c r="E176" s="21" t="s">
        <v>461</v>
      </c>
      <c r="F176" s="16">
        <v>18239</v>
      </c>
      <c r="G176" s="16">
        <v>13904</v>
      </c>
      <c r="H176" s="16">
        <v>11673</v>
      </c>
      <c r="I176" s="16">
        <v>3236</v>
      </c>
      <c r="J176" s="16">
        <v>7740</v>
      </c>
      <c r="K176" s="16">
        <v>276</v>
      </c>
      <c r="L176" s="16">
        <v>421</v>
      </c>
      <c r="M176" s="16">
        <v>2231</v>
      </c>
      <c r="N176" s="16">
        <v>92</v>
      </c>
      <c r="O176" s="16">
        <v>459</v>
      </c>
      <c r="P176" s="16">
        <v>295</v>
      </c>
      <c r="Q176" s="16">
        <v>711</v>
      </c>
      <c r="R176" s="16">
        <v>32</v>
      </c>
      <c r="S176" s="16">
        <v>166</v>
      </c>
      <c r="T176" s="16">
        <v>32</v>
      </c>
      <c r="U176" s="16">
        <v>218</v>
      </c>
      <c r="V176" s="16">
        <v>105</v>
      </c>
      <c r="W176" s="16">
        <v>121</v>
      </c>
      <c r="X176" s="16">
        <v>183</v>
      </c>
      <c r="Y176" s="16">
        <v>4152</v>
      </c>
      <c r="Z176" s="22" t="s">
        <v>268</v>
      </c>
      <c r="AA176" s="16">
        <v>1454</v>
      </c>
      <c r="AB176" s="22" t="s">
        <v>268</v>
      </c>
      <c r="AC176" s="22" t="s">
        <v>268</v>
      </c>
      <c r="AD176" s="16">
        <v>159</v>
      </c>
      <c r="AE176" s="16">
        <v>296</v>
      </c>
    </row>
    <row r="177" spans="1:31">
      <c r="A177" s="21" t="s">
        <v>240</v>
      </c>
      <c r="B177" s="21" t="s">
        <v>237</v>
      </c>
      <c r="C177" s="21" t="s">
        <v>265</v>
      </c>
      <c r="D177" s="21" t="s">
        <v>215</v>
      </c>
      <c r="E177" s="21" t="s">
        <v>462</v>
      </c>
      <c r="F177" s="16">
        <v>15271</v>
      </c>
      <c r="G177" s="16">
        <v>13057</v>
      </c>
      <c r="H177" s="16">
        <v>10341</v>
      </c>
      <c r="I177" s="16">
        <v>6888</v>
      </c>
      <c r="J177" s="16">
        <v>2893</v>
      </c>
      <c r="K177" s="16">
        <v>485</v>
      </c>
      <c r="L177" s="16">
        <v>75</v>
      </c>
      <c r="M177" s="16">
        <v>2716</v>
      </c>
      <c r="N177" s="16">
        <v>279</v>
      </c>
      <c r="O177" s="16">
        <v>373</v>
      </c>
      <c r="P177" s="16">
        <v>687</v>
      </c>
      <c r="Q177" s="16">
        <v>262</v>
      </c>
      <c r="R177" s="16">
        <v>147</v>
      </c>
      <c r="S177" s="16">
        <v>440</v>
      </c>
      <c r="T177" s="16">
        <v>107</v>
      </c>
      <c r="U177" s="16">
        <v>197</v>
      </c>
      <c r="V177" s="16">
        <v>116</v>
      </c>
      <c r="W177" s="16">
        <v>108</v>
      </c>
      <c r="X177" s="16">
        <v>79</v>
      </c>
      <c r="Y177" s="16">
        <v>2135</v>
      </c>
      <c r="Z177" s="22" t="s">
        <v>268</v>
      </c>
      <c r="AA177" s="16">
        <v>1711</v>
      </c>
      <c r="AB177" s="16">
        <v>6686</v>
      </c>
      <c r="AC177" s="16">
        <v>2135</v>
      </c>
      <c r="AD177" s="16">
        <v>35</v>
      </c>
      <c r="AE177" s="16">
        <v>2</v>
      </c>
    </row>
    <row r="178" spans="1:31">
      <c r="A178" s="21" t="s">
        <v>240</v>
      </c>
      <c r="B178" s="21" t="s">
        <v>237</v>
      </c>
      <c r="C178" s="21" t="s">
        <v>265</v>
      </c>
      <c r="D178" s="21" t="s">
        <v>215</v>
      </c>
      <c r="E178" s="21" t="s">
        <v>463</v>
      </c>
      <c r="F178" s="16">
        <v>6896</v>
      </c>
      <c r="G178" s="16">
        <v>6033</v>
      </c>
      <c r="H178" s="16">
        <v>4848</v>
      </c>
      <c r="I178" s="16">
        <v>3235</v>
      </c>
      <c r="J178" s="16">
        <v>1304</v>
      </c>
      <c r="K178" s="16">
        <v>309</v>
      </c>
      <c r="L178" s="22" t="s">
        <v>268</v>
      </c>
      <c r="M178" s="16">
        <v>1185</v>
      </c>
      <c r="N178" s="16">
        <v>218</v>
      </c>
      <c r="O178" s="16">
        <v>83</v>
      </c>
      <c r="P178" s="16">
        <v>349</v>
      </c>
      <c r="Q178" s="16">
        <v>83</v>
      </c>
      <c r="R178" s="16">
        <v>61</v>
      </c>
      <c r="S178" s="16">
        <v>181</v>
      </c>
      <c r="T178" s="16">
        <v>80</v>
      </c>
      <c r="U178" s="16">
        <v>51</v>
      </c>
      <c r="V178" s="16">
        <v>25</v>
      </c>
      <c r="W178" s="16">
        <v>54</v>
      </c>
      <c r="X178" s="16">
        <v>31</v>
      </c>
      <c r="Y178" s="16">
        <v>832</v>
      </c>
      <c r="Z178" s="22" t="s">
        <v>268</v>
      </c>
      <c r="AA178" s="16">
        <v>762</v>
      </c>
      <c r="AB178" s="16">
        <v>3226</v>
      </c>
      <c r="AC178" s="16">
        <v>832</v>
      </c>
      <c r="AD178" s="16">
        <v>12</v>
      </c>
      <c r="AE178" s="16">
        <v>1</v>
      </c>
    </row>
    <row r="179" spans="1:31">
      <c r="A179" s="21" t="s">
        <v>240</v>
      </c>
      <c r="B179" s="21" t="s">
        <v>237</v>
      </c>
      <c r="C179" s="21" t="s">
        <v>265</v>
      </c>
      <c r="D179" s="21" t="s">
        <v>216</v>
      </c>
      <c r="E179" s="21" t="s">
        <v>401</v>
      </c>
      <c r="F179" s="16">
        <v>14925</v>
      </c>
      <c r="G179" s="16">
        <v>5802</v>
      </c>
      <c r="H179" s="16">
        <v>4288</v>
      </c>
      <c r="I179" s="16">
        <v>121</v>
      </c>
      <c r="J179" s="16">
        <v>148</v>
      </c>
      <c r="K179" s="16">
        <v>11</v>
      </c>
      <c r="L179" s="16">
        <v>4008</v>
      </c>
      <c r="M179" s="16">
        <v>1514</v>
      </c>
      <c r="N179" s="16">
        <v>4</v>
      </c>
      <c r="O179" s="16">
        <v>213</v>
      </c>
      <c r="P179" s="16">
        <v>3</v>
      </c>
      <c r="Q179" s="16">
        <v>337</v>
      </c>
      <c r="R179" s="16">
        <v>11</v>
      </c>
      <c r="S179" s="16">
        <v>32</v>
      </c>
      <c r="T179" s="16">
        <v>78</v>
      </c>
      <c r="U179" s="16">
        <v>64</v>
      </c>
      <c r="V179" s="16">
        <v>156</v>
      </c>
      <c r="W179" s="16">
        <v>616</v>
      </c>
      <c r="X179" s="16">
        <v>112</v>
      </c>
      <c r="Y179" s="16">
        <v>8997</v>
      </c>
      <c r="Z179" s="16">
        <v>14</v>
      </c>
      <c r="AA179" s="16">
        <v>980</v>
      </c>
      <c r="AB179" s="16">
        <v>52</v>
      </c>
      <c r="AC179" s="16">
        <v>4604</v>
      </c>
      <c r="AD179" s="16">
        <v>455</v>
      </c>
      <c r="AE179" s="16">
        <v>594</v>
      </c>
    </row>
    <row r="180" spans="1:31">
      <c r="A180" s="21" t="s">
        <v>240</v>
      </c>
      <c r="B180" s="21" t="s">
        <v>237</v>
      </c>
      <c r="C180" s="21" t="s">
        <v>265</v>
      </c>
      <c r="D180" s="21" t="s">
        <v>216</v>
      </c>
      <c r="E180" s="21" t="s">
        <v>514</v>
      </c>
      <c r="F180" s="22" t="s">
        <v>268</v>
      </c>
      <c r="G180" s="22" t="s">
        <v>268</v>
      </c>
      <c r="H180" s="22" t="s">
        <v>268</v>
      </c>
      <c r="I180" s="22" t="s">
        <v>268</v>
      </c>
      <c r="J180" s="22" t="s">
        <v>268</v>
      </c>
      <c r="K180" s="22" t="s">
        <v>268</v>
      </c>
      <c r="L180" s="22" t="s">
        <v>268</v>
      </c>
      <c r="M180" s="22" t="s">
        <v>268</v>
      </c>
      <c r="N180" s="22" t="s">
        <v>268</v>
      </c>
      <c r="O180" s="22" t="s">
        <v>268</v>
      </c>
      <c r="P180" s="22" t="s">
        <v>268</v>
      </c>
      <c r="Q180" s="22" t="s">
        <v>268</v>
      </c>
      <c r="R180" s="22" t="s">
        <v>268</v>
      </c>
      <c r="S180" s="22" t="s">
        <v>268</v>
      </c>
      <c r="T180" s="22" t="s">
        <v>268</v>
      </c>
      <c r="U180" s="22" t="s">
        <v>268</v>
      </c>
      <c r="V180" s="22" t="s">
        <v>268</v>
      </c>
      <c r="W180" s="22" t="s">
        <v>268</v>
      </c>
      <c r="X180" s="22" t="s">
        <v>268</v>
      </c>
      <c r="Y180" s="22" t="s">
        <v>268</v>
      </c>
      <c r="Z180" s="22" t="s">
        <v>268</v>
      </c>
      <c r="AA180" s="22" t="s">
        <v>268</v>
      </c>
      <c r="AB180" s="22" t="s">
        <v>268</v>
      </c>
      <c r="AC180" s="22" t="s">
        <v>268</v>
      </c>
      <c r="AD180" s="22" t="s">
        <v>268</v>
      </c>
      <c r="AE180" s="22" t="s">
        <v>268</v>
      </c>
    </row>
    <row r="181" spans="1:31">
      <c r="A181" s="21" t="s">
        <v>240</v>
      </c>
      <c r="B181" s="21" t="s">
        <v>237</v>
      </c>
      <c r="C181" s="21" t="s">
        <v>265</v>
      </c>
      <c r="D181" s="21" t="s">
        <v>216</v>
      </c>
      <c r="E181" s="21" t="s">
        <v>515</v>
      </c>
      <c r="F181" s="16">
        <v>50</v>
      </c>
      <c r="G181" s="16">
        <v>3</v>
      </c>
      <c r="H181" s="16">
        <v>3</v>
      </c>
      <c r="I181" s="22" t="s">
        <v>268</v>
      </c>
      <c r="J181" s="22" t="s">
        <v>268</v>
      </c>
      <c r="K181" s="16">
        <v>1</v>
      </c>
      <c r="L181" s="16">
        <v>2</v>
      </c>
      <c r="M181" s="22" t="s">
        <v>268</v>
      </c>
      <c r="N181" s="22" t="s">
        <v>268</v>
      </c>
      <c r="O181" s="22" t="s">
        <v>268</v>
      </c>
      <c r="P181" s="22" t="s">
        <v>268</v>
      </c>
      <c r="Q181" s="22" t="s">
        <v>268</v>
      </c>
      <c r="R181" s="22" t="s">
        <v>268</v>
      </c>
      <c r="S181" s="22" t="s">
        <v>268</v>
      </c>
      <c r="T181" s="22" t="s">
        <v>268</v>
      </c>
      <c r="U181" s="22" t="s">
        <v>268</v>
      </c>
      <c r="V181" s="22" t="s">
        <v>268</v>
      </c>
      <c r="W181" s="22" t="s">
        <v>268</v>
      </c>
      <c r="X181" s="16">
        <v>1</v>
      </c>
      <c r="Y181" s="16">
        <v>46</v>
      </c>
      <c r="Z181" s="22" t="s">
        <v>268</v>
      </c>
      <c r="AA181" s="22" t="s">
        <v>268</v>
      </c>
      <c r="AB181" s="22" t="s">
        <v>268</v>
      </c>
      <c r="AC181" s="22" t="s">
        <v>268</v>
      </c>
      <c r="AD181" s="16">
        <v>7</v>
      </c>
      <c r="AE181" s="16">
        <v>14</v>
      </c>
    </row>
    <row r="182" spans="1:31">
      <c r="A182" s="21" t="s">
        <v>240</v>
      </c>
      <c r="B182" s="21" t="s">
        <v>237</v>
      </c>
      <c r="C182" s="21" t="s">
        <v>265</v>
      </c>
      <c r="D182" s="21" t="s">
        <v>216</v>
      </c>
      <c r="E182" s="21" t="s">
        <v>516</v>
      </c>
      <c r="F182" s="16">
        <v>654</v>
      </c>
      <c r="G182" s="16">
        <v>32</v>
      </c>
      <c r="H182" s="16">
        <v>27</v>
      </c>
      <c r="I182" s="16">
        <v>5</v>
      </c>
      <c r="J182" s="16">
        <v>1</v>
      </c>
      <c r="K182" s="22" t="s">
        <v>268</v>
      </c>
      <c r="L182" s="16">
        <v>21</v>
      </c>
      <c r="M182" s="16">
        <v>5</v>
      </c>
      <c r="N182" s="22" t="s">
        <v>268</v>
      </c>
      <c r="O182" s="22" t="s">
        <v>268</v>
      </c>
      <c r="P182" s="22" t="s">
        <v>268</v>
      </c>
      <c r="Q182" s="22" t="s">
        <v>268</v>
      </c>
      <c r="R182" s="22" t="s">
        <v>268</v>
      </c>
      <c r="S182" s="22" t="s">
        <v>268</v>
      </c>
      <c r="T182" s="22" t="s">
        <v>268</v>
      </c>
      <c r="U182" s="22" t="s">
        <v>268</v>
      </c>
      <c r="V182" s="16">
        <v>3</v>
      </c>
      <c r="W182" s="16">
        <v>2</v>
      </c>
      <c r="X182" s="16">
        <v>8</v>
      </c>
      <c r="Y182" s="16">
        <v>614</v>
      </c>
      <c r="Z182" s="22" t="s">
        <v>268</v>
      </c>
      <c r="AA182" s="22" t="s">
        <v>268</v>
      </c>
      <c r="AB182" s="22" t="s">
        <v>268</v>
      </c>
      <c r="AC182" s="22" t="s">
        <v>268</v>
      </c>
      <c r="AD182" s="16">
        <v>129</v>
      </c>
      <c r="AE182" s="16">
        <v>204</v>
      </c>
    </row>
    <row r="183" spans="1:31">
      <c r="A183" s="21" t="s">
        <v>240</v>
      </c>
      <c r="B183" s="21" t="s">
        <v>237</v>
      </c>
      <c r="C183" s="21" t="s">
        <v>265</v>
      </c>
      <c r="D183" s="21" t="s">
        <v>216</v>
      </c>
      <c r="E183" s="21" t="s">
        <v>517</v>
      </c>
      <c r="F183" s="16">
        <v>797</v>
      </c>
      <c r="G183" s="16">
        <v>109</v>
      </c>
      <c r="H183" s="16">
        <v>98</v>
      </c>
      <c r="I183" s="16">
        <v>6</v>
      </c>
      <c r="J183" s="16">
        <v>9</v>
      </c>
      <c r="K183" s="22" t="s">
        <v>268</v>
      </c>
      <c r="L183" s="16">
        <v>83</v>
      </c>
      <c r="M183" s="16">
        <v>11</v>
      </c>
      <c r="N183" s="22" t="s">
        <v>268</v>
      </c>
      <c r="O183" s="22" t="s">
        <v>268</v>
      </c>
      <c r="P183" s="22" t="s">
        <v>268</v>
      </c>
      <c r="Q183" s="16">
        <v>1</v>
      </c>
      <c r="R183" s="22" t="s">
        <v>268</v>
      </c>
      <c r="S183" s="16">
        <v>1</v>
      </c>
      <c r="T183" s="22" t="s">
        <v>268</v>
      </c>
      <c r="U183" s="22" t="s">
        <v>268</v>
      </c>
      <c r="V183" s="16">
        <v>7</v>
      </c>
      <c r="W183" s="16">
        <v>2</v>
      </c>
      <c r="X183" s="16">
        <v>8</v>
      </c>
      <c r="Y183" s="16">
        <v>680</v>
      </c>
      <c r="Z183" s="22" t="s">
        <v>268</v>
      </c>
      <c r="AA183" s="16">
        <v>4</v>
      </c>
      <c r="AB183" s="22" t="s">
        <v>268</v>
      </c>
      <c r="AC183" s="22" t="s">
        <v>268</v>
      </c>
      <c r="AD183" s="16">
        <v>110</v>
      </c>
      <c r="AE183" s="16">
        <v>175</v>
      </c>
    </row>
    <row r="184" spans="1:31">
      <c r="A184" s="21" t="s">
        <v>240</v>
      </c>
      <c r="B184" s="21" t="s">
        <v>237</v>
      </c>
      <c r="C184" s="21" t="s">
        <v>265</v>
      </c>
      <c r="D184" s="21" t="s">
        <v>216</v>
      </c>
      <c r="E184" s="21" t="s">
        <v>518</v>
      </c>
      <c r="F184" s="16">
        <v>638</v>
      </c>
      <c r="G184" s="16">
        <v>222</v>
      </c>
      <c r="H184" s="16">
        <v>203</v>
      </c>
      <c r="I184" s="16">
        <v>7</v>
      </c>
      <c r="J184" s="16">
        <v>20</v>
      </c>
      <c r="K184" s="22" t="s">
        <v>268</v>
      </c>
      <c r="L184" s="16">
        <v>176</v>
      </c>
      <c r="M184" s="16">
        <v>19</v>
      </c>
      <c r="N184" s="22" t="s">
        <v>268</v>
      </c>
      <c r="O184" s="22" t="s">
        <v>268</v>
      </c>
      <c r="P184" s="22" t="s">
        <v>268</v>
      </c>
      <c r="Q184" s="22" t="s">
        <v>268</v>
      </c>
      <c r="R184" s="22" t="s">
        <v>268</v>
      </c>
      <c r="S184" s="22" t="s">
        <v>268</v>
      </c>
      <c r="T184" s="22" t="s">
        <v>268</v>
      </c>
      <c r="U184" s="16">
        <v>1</v>
      </c>
      <c r="V184" s="16">
        <v>4</v>
      </c>
      <c r="W184" s="16">
        <v>14</v>
      </c>
      <c r="X184" s="16">
        <v>7</v>
      </c>
      <c r="Y184" s="16">
        <v>409</v>
      </c>
      <c r="Z184" s="22" t="s">
        <v>268</v>
      </c>
      <c r="AA184" s="16">
        <v>12</v>
      </c>
      <c r="AB184" s="22" t="s">
        <v>268</v>
      </c>
      <c r="AC184" s="22" t="s">
        <v>268</v>
      </c>
      <c r="AD184" s="16">
        <v>62</v>
      </c>
      <c r="AE184" s="16">
        <v>102</v>
      </c>
    </row>
    <row r="185" spans="1:31">
      <c r="A185" s="21" t="s">
        <v>240</v>
      </c>
      <c r="B185" s="21" t="s">
        <v>237</v>
      </c>
      <c r="C185" s="21" t="s">
        <v>265</v>
      </c>
      <c r="D185" s="21" t="s">
        <v>216</v>
      </c>
      <c r="E185" s="21" t="s">
        <v>519</v>
      </c>
      <c r="F185" s="16">
        <v>646</v>
      </c>
      <c r="G185" s="16">
        <v>355</v>
      </c>
      <c r="H185" s="16">
        <v>316</v>
      </c>
      <c r="I185" s="16">
        <v>7</v>
      </c>
      <c r="J185" s="16">
        <v>31</v>
      </c>
      <c r="K185" s="22" t="s">
        <v>268</v>
      </c>
      <c r="L185" s="16">
        <v>278</v>
      </c>
      <c r="M185" s="16">
        <v>39</v>
      </c>
      <c r="N185" s="22" t="s">
        <v>268</v>
      </c>
      <c r="O185" s="16">
        <v>1</v>
      </c>
      <c r="P185" s="22" t="s">
        <v>268</v>
      </c>
      <c r="Q185" s="16">
        <v>5</v>
      </c>
      <c r="R185" s="22" t="s">
        <v>268</v>
      </c>
      <c r="S185" s="16">
        <v>3</v>
      </c>
      <c r="T185" s="22" t="s">
        <v>268</v>
      </c>
      <c r="U185" s="22" t="s">
        <v>268</v>
      </c>
      <c r="V185" s="16">
        <v>7</v>
      </c>
      <c r="W185" s="16">
        <v>23</v>
      </c>
      <c r="X185" s="16">
        <v>6</v>
      </c>
      <c r="Y185" s="16">
        <v>285</v>
      </c>
      <c r="Z185" s="22" t="s">
        <v>268</v>
      </c>
      <c r="AA185" s="16">
        <v>30</v>
      </c>
      <c r="AB185" s="22" t="s">
        <v>268</v>
      </c>
      <c r="AC185" s="22" t="s">
        <v>268</v>
      </c>
      <c r="AD185" s="16">
        <v>15</v>
      </c>
      <c r="AE185" s="16">
        <v>57</v>
      </c>
    </row>
    <row r="186" spans="1:31">
      <c r="A186" s="21" t="s">
        <v>240</v>
      </c>
      <c r="B186" s="21" t="s">
        <v>237</v>
      </c>
      <c r="C186" s="21" t="s">
        <v>265</v>
      </c>
      <c r="D186" s="21" t="s">
        <v>216</v>
      </c>
      <c r="E186" s="21" t="s">
        <v>520</v>
      </c>
      <c r="F186" s="16">
        <v>634</v>
      </c>
      <c r="G186" s="16">
        <v>419</v>
      </c>
      <c r="H186" s="16">
        <v>372</v>
      </c>
      <c r="I186" s="16">
        <v>3</v>
      </c>
      <c r="J186" s="16">
        <v>28</v>
      </c>
      <c r="K186" s="16">
        <v>1</v>
      </c>
      <c r="L186" s="16">
        <v>340</v>
      </c>
      <c r="M186" s="16">
        <v>47</v>
      </c>
      <c r="N186" s="22" t="s">
        <v>268</v>
      </c>
      <c r="O186" s="22" t="s">
        <v>268</v>
      </c>
      <c r="P186" s="22" t="s">
        <v>268</v>
      </c>
      <c r="Q186" s="16">
        <v>1</v>
      </c>
      <c r="R186" s="16">
        <v>1</v>
      </c>
      <c r="S186" s="16">
        <v>7</v>
      </c>
      <c r="T186" s="22" t="s">
        <v>268</v>
      </c>
      <c r="U186" s="16">
        <v>3</v>
      </c>
      <c r="V186" s="16">
        <v>4</v>
      </c>
      <c r="W186" s="16">
        <v>31</v>
      </c>
      <c r="X186" s="16">
        <v>10</v>
      </c>
      <c r="Y186" s="16">
        <v>205</v>
      </c>
      <c r="Z186" s="22" t="s">
        <v>268</v>
      </c>
      <c r="AA186" s="16">
        <v>33</v>
      </c>
      <c r="AB186" s="22" t="s">
        <v>268</v>
      </c>
      <c r="AC186" s="22" t="s">
        <v>268</v>
      </c>
      <c r="AD186" s="16">
        <v>14</v>
      </c>
      <c r="AE186" s="16">
        <v>21</v>
      </c>
    </row>
    <row r="187" spans="1:31">
      <c r="A187" s="21" t="s">
        <v>240</v>
      </c>
      <c r="B187" s="21" t="s">
        <v>237</v>
      </c>
      <c r="C187" s="21" t="s">
        <v>265</v>
      </c>
      <c r="D187" s="21" t="s">
        <v>216</v>
      </c>
      <c r="E187" s="21" t="s">
        <v>521</v>
      </c>
      <c r="F187" s="16">
        <v>790</v>
      </c>
      <c r="G187" s="16">
        <v>475</v>
      </c>
      <c r="H187" s="16">
        <v>428</v>
      </c>
      <c r="I187" s="16">
        <v>6</v>
      </c>
      <c r="J187" s="16">
        <v>24</v>
      </c>
      <c r="K187" s="16">
        <v>2</v>
      </c>
      <c r="L187" s="16">
        <v>396</v>
      </c>
      <c r="M187" s="16">
        <v>47</v>
      </c>
      <c r="N187" s="22" t="s">
        <v>268</v>
      </c>
      <c r="O187" s="22" t="s">
        <v>268</v>
      </c>
      <c r="P187" s="22" t="s">
        <v>268</v>
      </c>
      <c r="Q187" s="16">
        <v>2</v>
      </c>
      <c r="R187" s="22" t="s">
        <v>268</v>
      </c>
      <c r="S187" s="16">
        <v>9</v>
      </c>
      <c r="T187" s="22" t="s">
        <v>268</v>
      </c>
      <c r="U187" s="16">
        <v>3</v>
      </c>
      <c r="V187" s="16">
        <v>4</v>
      </c>
      <c r="W187" s="16">
        <v>29</v>
      </c>
      <c r="X187" s="16">
        <v>10</v>
      </c>
      <c r="Y187" s="16">
        <v>305</v>
      </c>
      <c r="Z187" s="22" t="s">
        <v>268</v>
      </c>
      <c r="AA187" s="16">
        <v>38</v>
      </c>
      <c r="AB187" s="22" t="s">
        <v>268</v>
      </c>
      <c r="AC187" s="22" t="s">
        <v>268</v>
      </c>
      <c r="AD187" s="16">
        <v>19</v>
      </c>
      <c r="AE187" s="16">
        <v>15</v>
      </c>
    </row>
    <row r="188" spans="1:31">
      <c r="A188" s="21" t="s">
        <v>240</v>
      </c>
      <c r="B188" s="21" t="s">
        <v>237</v>
      </c>
      <c r="C188" s="21" t="s">
        <v>265</v>
      </c>
      <c r="D188" s="21" t="s">
        <v>216</v>
      </c>
      <c r="E188" s="21" t="s">
        <v>522</v>
      </c>
      <c r="F188" s="16">
        <v>759</v>
      </c>
      <c r="G188" s="16">
        <v>401</v>
      </c>
      <c r="H188" s="16">
        <v>332</v>
      </c>
      <c r="I188" s="16">
        <v>15</v>
      </c>
      <c r="J188" s="16">
        <v>8</v>
      </c>
      <c r="K188" s="16">
        <v>1</v>
      </c>
      <c r="L188" s="16">
        <v>308</v>
      </c>
      <c r="M188" s="16">
        <v>69</v>
      </c>
      <c r="N188" s="16">
        <v>1</v>
      </c>
      <c r="O188" s="16">
        <v>2</v>
      </c>
      <c r="P188" s="22" t="s">
        <v>268</v>
      </c>
      <c r="Q188" s="16">
        <v>5</v>
      </c>
      <c r="R188" s="22" t="s">
        <v>268</v>
      </c>
      <c r="S188" s="16">
        <v>5</v>
      </c>
      <c r="T188" s="22" t="s">
        <v>268</v>
      </c>
      <c r="U188" s="16">
        <v>3</v>
      </c>
      <c r="V188" s="16">
        <v>15</v>
      </c>
      <c r="W188" s="16">
        <v>38</v>
      </c>
      <c r="X188" s="16">
        <v>11</v>
      </c>
      <c r="Y188" s="16">
        <v>347</v>
      </c>
      <c r="Z188" s="22" t="s">
        <v>268</v>
      </c>
      <c r="AA188" s="16">
        <v>42</v>
      </c>
      <c r="AB188" s="22" t="s">
        <v>268</v>
      </c>
      <c r="AC188" s="22" t="s">
        <v>268</v>
      </c>
      <c r="AD188" s="16">
        <v>8</v>
      </c>
      <c r="AE188" s="16">
        <v>1</v>
      </c>
    </row>
    <row r="189" spans="1:31">
      <c r="A189" s="21" t="s">
        <v>240</v>
      </c>
      <c r="B189" s="21" t="s">
        <v>237</v>
      </c>
      <c r="C189" s="21" t="s">
        <v>265</v>
      </c>
      <c r="D189" s="21" t="s">
        <v>216</v>
      </c>
      <c r="E189" s="21" t="s">
        <v>523</v>
      </c>
      <c r="F189" s="16">
        <v>843</v>
      </c>
      <c r="G189" s="16">
        <v>382</v>
      </c>
      <c r="H189" s="16">
        <v>286</v>
      </c>
      <c r="I189" s="16">
        <v>17</v>
      </c>
      <c r="J189" s="16">
        <v>7</v>
      </c>
      <c r="K189" s="16">
        <v>3</v>
      </c>
      <c r="L189" s="16">
        <v>259</v>
      </c>
      <c r="M189" s="16">
        <v>96</v>
      </c>
      <c r="N189" s="22" t="s">
        <v>268</v>
      </c>
      <c r="O189" s="16">
        <v>3</v>
      </c>
      <c r="P189" s="16">
        <v>1</v>
      </c>
      <c r="Q189" s="16">
        <v>7</v>
      </c>
      <c r="R189" s="22" t="s">
        <v>268</v>
      </c>
      <c r="S189" s="16">
        <v>4</v>
      </c>
      <c r="T189" s="16">
        <v>1</v>
      </c>
      <c r="U189" s="16">
        <v>5</v>
      </c>
      <c r="V189" s="16">
        <v>13</v>
      </c>
      <c r="W189" s="16">
        <v>62</v>
      </c>
      <c r="X189" s="16">
        <v>10</v>
      </c>
      <c r="Y189" s="16">
        <v>451</v>
      </c>
      <c r="Z189" s="22" t="s">
        <v>268</v>
      </c>
      <c r="AA189" s="16">
        <v>73</v>
      </c>
      <c r="AB189" s="22" t="s">
        <v>268</v>
      </c>
      <c r="AC189" s="22" t="s">
        <v>268</v>
      </c>
      <c r="AD189" s="16">
        <v>16</v>
      </c>
      <c r="AE189" s="16">
        <v>1</v>
      </c>
    </row>
    <row r="190" spans="1:31">
      <c r="A190" s="21" t="s">
        <v>240</v>
      </c>
      <c r="B190" s="21" t="s">
        <v>237</v>
      </c>
      <c r="C190" s="21" t="s">
        <v>265</v>
      </c>
      <c r="D190" s="21" t="s">
        <v>216</v>
      </c>
      <c r="E190" s="21" t="s">
        <v>524</v>
      </c>
      <c r="F190" s="16">
        <v>939</v>
      </c>
      <c r="G190" s="16">
        <v>376</v>
      </c>
      <c r="H190" s="16">
        <v>271</v>
      </c>
      <c r="I190" s="16">
        <v>9</v>
      </c>
      <c r="J190" s="16">
        <v>6</v>
      </c>
      <c r="K190" s="16">
        <v>1</v>
      </c>
      <c r="L190" s="16">
        <v>255</v>
      </c>
      <c r="M190" s="16">
        <v>105</v>
      </c>
      <c r="N190" s="22" t="s">
        <v>268</v>
      </c>
      <c r="O190" s="16">
        <v>3</v>
      </c>
      <c r="P190" s="22" t="s">
        <v>268</v>
      </c>
      <c r="Q190" s="16">
        <v>15</v>
      </c>
      <c r="R190" s="22" t="s">
        <v>268</v>
      </c>
      <c r="S190" s="16">
        <v>1</v>
      </c>
      <c r="T190" s="16">
        <v>1</v>
      </c>
      <c r="U190" s="16">
        <v>11</v>
      </c>
      <c r="V190" s="16">
        <v>15</v>
      </c>
      <c r="W190" s="16">
        <v>59</v>
      </c>
      <c r="X190" s="16">
        <v>8</v>
      </c>
      <c r="Y190" s="16">
        <v>555</v>
      </c>
      <c r="Z190" s="22" t="s">
        <v>268</v>
      </c>
      <c r="AA190" s="16">
        <v>76</v>
      </c>
      <c r="AB190" s="16">
        <v>9</v>
      </c>
      <c r="AC190" s="22" t="s">
        <v>268</v>
      </c>
      <c r="AD190" s="16">
        <v>4</v>
      </c>
      <c r="AE190" s="22" t="s">
        <v>268</v>
      </c>
    </row>
    <row r="191" spans="1:31">
      <c r="A191" s="21" t="s">
        <v>240</v>
      </c>
      <c r="B191" s="21" t="s">
        <v>237</v>
      </c>
      <c r="C191" s="21" t="s">
        <v>265</v>
      </c>
      <c r="D191" s="21" t="s">
        <v>216</v>
      </c>
      <c r="E191" s="21" t="s">
        <v>525</v>
      </c>
      <c r="F191" s="16">
        <v>1170</v>
      </c>
      <c r="G191" s="16">
        <v>435</v>
      </c>
      <c r="H191" s="16">
        <v>299</v>
      </c>
      <c r="I191" s="16">
        <v>14</v>
      </c>
      <c r="J191" s="16">
        <v>8</v>
      </c>
      <c r="K191" s="16">
        <v>1</v>
      </c>
      <c r="L191" s="16">
        <v>276</v>
      </c>
      <c r="M191" s="16">
        <v>136</v>
      </c>
      <c r="N191" s="22" t="s">
        <v>268</v>
      </c>
      <c r="O191" s="16">
        <v>4</v>
      </c>
      <c r="P191" s="22" t="s">
        <v>268</v>
      </c>
      <c r="Q191" s="16">
        <v>29</v>
      </c>
      <c r="R191" s="16">
        <v>4</v>
      </c>
      <c r="S191" s="22" t="s">
        <v>268</v>
      </c>
      <c r="T191" s="16">
        <v>1</v>
      </c>
      <c r="U191" s="16">
        <v>8</v>
      </c>
      <c r="V191" s="16">
        <v>19</v>
      </c>
      <c r="W191" s="16">
        <v>71</v>
      </c>
      <c r="X191" s="16">
        <v>10</v>
      </c>
      <c r="Y191" s="16">
        <v>725</v>
      </c>
      <c r="Z191" s="22" t="s">
        <v>268</v>
      </c>
      <c r="AA191" s="16">
        <v>93</v>
      </c>
      <c r="AB191" s="16">
        <v>11</v>
      </c>
      <c r="AC191" s="16">
        <v>725</v>
      </c>
      <c r="AD191" s="16">
        <v>17</v>
      </c>
      <c r="AE191" s="22" t="s">
        <v>268</v>
      </c>
    </row>
    <row r="192" spans="1:31">
      <c r="A192" s="21" t="s">
        <v>240</v>
      </c>
      <c r="B192" s="21" t="s">
        <v>237</v>
      </c>
      <c r="C192" s="21" t="s">
        <v>265</v>
      </c>
      <c r="D192" s="21" t="s">
        <v>216</v>
      </c>
      <c r="E192" s="21" t="s">
        <v>526</v>
      </c>
      <c r="F192" s="16">
        <v>1498</v>
      </c>
      <c r="G192" s="16">
        <v>565</v>
      </c>
      <c r="H192" s="16">
        <v>368</v>
      </c>
      <c r="I192" s="16">
        <v>17</v>
      </c>
      <c r="J192" s="16">
        <v>3</v>
      </c>
      <c r="K192" s="16">
        <v>1</v>
      </c>
      <c r="L192" s="16">
        <v>347</v>
      </c>
      <c r="M192" s="16">
        <v>197</v>
      </c>
      <c r="N192" s="16">
        <v>1</v>
      </c>
      <c r="O192" s="16">
        <v>17</v>
      </c>
      <c r="P192" s="16">
        <v>2</v>
      </c>
      <c r="Q192" s="16">
        <v>56</v>
      </c>
      <c r="R192" s="16">
        <v>2</v>
      </c>
      <c r="S192" s="16">
        <v>2</v>
      </c>
      <c r="T192" s="16">
        <v>3</v>
      </c>
      <c r="U192" s="16">
        <v>12</v>
      </c>
      <c r="V192" s="16">
        <v>22</v>
      </c>
      <c r="W192" s="16">
        <v>80</v>
      </c>
      <c r="X192" s="16">
        <v>7</v>
      </c>
      <c r="Y192" s="16">
        <v>926</v>
      </c>
      <c r="Z192" s="22" t="s">
        <v>268</v>
      </c>
      <c r="AA192" s="16">
        <v>140</v>
      </c>
      <c r="AB192" s="16">
        <v>17</v>
      </c>
      <c r="AC192" s="16">
        <v>926</v>
      </c>
      <c r="AD192" s="16">
        <v>16</v>
      </c>
      <c r="AE192" s="22" t="s">
        <v>268</v>
      </c>
    </row>
    <row r="193" spans="1:31">
      <c r="A193" s="21" t="s">
        <v>240</v>
      </c>
      <c r="B193" s="21" t="s">
        <v>237</v>
      </c>
      <c r="C193" s="21" t="s">
        <v>265</v>
      </c>
      <c r="D193" s="21" t="s">
        <v>216</v>
      </c>
      <c r="E193" s="21" t="s">
        <v>527</v>
      </c>
      <c r="F193" s="16">
        <v>1524</v>
      </c>
      <c r="G193" s="16">
        <v>579</v>
      </c>
      <c r="H193" s="16">
        <v>399</v>
      </c>
      <c r="I193" s="16">
        <v>8</v>
      </c>
      <c r="J193" s="16">
        <v>1</v>
      </c>
      <c r="K193" s="22" t="s">
        <v>268</v>
      </c>
      <c r="L193" s="16">
        <v>390</v>
      </c>
      <c r="M193" s="16">
        <v>180</v>
      </c>
      <c r="N193" s="16">
        <v>1</v>
      </c>
      <c r="O193" s="16">
        <v>25</v>
      </c>
      <c r="P193" s="22" t="s">
        <v>268</v>
      </c>
      <c r="Q193" s="16">
        <v>59</v>
      </c>
      <c r="R193" s="16">
        <v>1</v>
      </c>
      <c r="S193" s="22" t="s">
        <v>268</v>
      </c>
      <c r="T193" s="16">
        <v>8</v>
      </c>
      <c r="U193" s="16">
        <v>1</v>
      </c>
      <c r="V193" s="16">
        <v>19</v>
      </c>
      <c r="W193" s="16">
        <v>66</v>
      </c>
      <c r="X193" s="16">
        <v>7</v>
      </c>
      <c r="Y193" s="16">
        <v>938</v>
      </c>
      <c r="Z193" s="22" t="s">
        <v>268</v>
      </c>
      <c r="AA193" s="16">
        <v>110</v>
      </c>
      <c r="AB193" s="16">
        <v>8</v>
      </c>
      <c r="AC193" s="16">
        <v>938</v>
      </c>
      <c r="AD193" s="16">
        <v>10</v>
      </c>
      <c r="AE193" s="22" t="s">
        <v>268</v>
      </c>
    </row>
    <row r="194" spans="1:31">
      <c r="A194" s="21" t="s">
        <v>240</v>
      </c>
      <c r="B194" s="21" t="s">
        <v>237</v>
      </c>
      <c r="C194" s="21" t="s">
        <v>265</v>
      </c>
      <c r="D194" s="21" t="s">
        <v>216</v>
      </c>
      <c r="E194" s="21" t="s">
        <v>528</v>
      </c>
      <c r="F194" s="16">
        <v>1567</v>
      </c>
      <c r="G194" s="16">
        <v>593</v>
      </c>
      <c r="H194" s="16">
        <v>395</v>
      </c>
      <c r="I194" s="16">
        <v>5</v>
      </c>
      <c r="J194" s="16">
        <v>2</v>
      </c>
      <c r="K194" s="22" t="s">
        <v>268</v>
      </c>
      <c r="L194" s="16">
        <v>388</v>
      </c>
      <c r="M194" s="16">
        <v>198</v>
      </c>
      <c r="N194" s="22" t="s">
        <v>268</v>
      </c>
      <c r="O194" s="16">
        <v>45</v>
      </c>
      <c r="P194" s="22" t="s">
        <v>268</v>
      </c>
      <c r="Q194" s="16">
        <v>61</v>
      </c>
      <c r="R194" s="22" t="s">
        <v>268</v>
      </c>
      <c r="S194" s="22" t="s">
        <v>268</v>
      </c>
      <c r="T194" s="16">
        <v>15</v>
      </c>
      <c r="U194" s="16">
        <v>4</v>
      </c>
      <c r="V194" s="16">
        <v>11</v>
      </c>
      <c r="W194" s="16">
        <v>62</v>
      </c>
      <c r="X194" s="16">
        <v>7</v>
      </c>
      <c r="Y194" s="16">
        <v>967</v>
      </c>
      <c r="Z194" s="22" t="s">
        <v>268</v>
      </c>
      <c r="AA194" s="16">
        <v>124</v>
      </c>
      <c r="AB194" s="16">
        <v>5</v>
      </c>
      <c r="AC194" s="16">
        <v>967</v>
      </c>
      <c r="AD194" s="16">
        <v>12</v>
      </c>
      <c r="AE194" s="22" t="s">
        <v>268</v>
      </c>
    </row>
    <row r="195" spans="1:31">
      <c r="A195" s="21" t="s">
        <v>240</v>
      </c>
      <c r="B195" s="21" t="s">
        <v>237</v>
      </c>
      <c r="C195" s="21" t="s">
        <v>265</v>
      </c>
      <c r="D195" s="21" t="s">
        <v>216</v>
      </c>
      <c r="E195" s="21" t="s">
        <v>623</v>
      </c>
      <c r="F195" s="16">
        <v>1906</v>
      </c>
      <c r="G195" s="16">
        <v>856</v>
      </c>
      <c r="H195" s="16">
        <v>491</v>
      </c>
      <c r="I195" s="16">
        <v>2</v>
      </c>
      <c r="J195" s="22" t="s">
        <v>268</v>
      </c>
      <c r="K195" s="22" t="s">
        <v>268</v>
      </c>
      <c r="L195" s="16">
        <v>489</v>
      </c>
      <c r="M195" s="16">
        <v>365</v>
      </c>
      <c r="N195" s="16">
        <v>1</v>
      </c>
      <c r="O195" s="16">
        <v>113</v>
      </c>
      <c r="P195" s="22" t="s">
        <v>268</v>
      </c>
      <c r="Q195" s="16">
        <v>96</v>
      </c>
      <c r="R195" s="16">
        <v>3</v>
      </c>
      <c r="S195" s="22" t="s">
        <v>268</v>
      </c>
      <c r="T195" s="16">
        <v>49</v>
      </c>
      <c r="U195" s="16">
        <v>13</v>
      </c>
      <c r="V195" s="16">
        <v>13</v>
      </c>
      <c r="W195" s="16">
        <v>77</v>
      </c>
      <c r="X195" s="16">
        <v>2</v>
      </c>
      <c r="Y195" s="16">
        <v>1048</v>
      </c>
      <c r="Z195" s="22" t="s">
        <v>268</v>
      </c>
      <c r="AA195" s="16">
        <v>205</v>
      </c>
      <c r="AB195" s="16">
        <v>2</v>
      </c>
      <c r="AC195" s="16">
        <v>1048</v>
      </c>
      <c r="AD195" s="16">
        <v>12</v>
      </c>
      <c r="AE195" s="22" t="s">
        <v>268</v>
      </c>
    </row>
    <row r="196" spans="1:31">
      <c r="A196" s="21" t="s">
        <v>240</v>
      </c>
      <c r="B196" s="21" t="s">
        <v>237</v>
      </c>
      <c r="C196" s="21" t="s">
        <v>265</v>
      </c>
      <c r="D196" s="21" t="s">
        <v>216</v>
      </c>
      <c r="E196" s="21" t="s">
        <v>624</v>
      </c>
      <c r="F196" s="16">
        <v>510</v>
      </c>
      <c r="G196" s="22" t="s">
        <v>268</v>
      </c>
      <c r="H196" s="22" t="s">
        <v>268</v>
      </c>
      <c r="I196" s="22" t="s">
        <v>268</v>
      </c>
      <c r="J196" s="22" t="s">
        <v>268</v>
      </c>
      <c r="K196" s="22" t="s">
        <v>268</v>
      </c>
      <c r="L196" s="22" t="s">
        <v>268</v>
      </c>
      <c r="M196" s="22" t="s">
        <v>268</v>
      </c>
      <c r="N196" s="22" t="s">
        <v>268</v>
      </c>
      <c r="O196" s="22" t="s">
        <v>268</v>
      </c>
      <c r="P196" s="22" t="s">
        <v>268</v>
      </c>
      <c r="Q196" s="22" t="s">
        <v>268</v>
      </c>
      <c r="R196" s="22" t="s">
        <v>268</v>
      </c>
      <c r="S196" s="22" t="s">
        <v>268</v>
      </c>
      <c r="T196" s="22" t="s">
        <v>268</v>
      </c>
      <c r="U196" s="22" t="s">
        <v>268</v>
      </c>
      <c r="V196" s="22" t="s">
        <v>268</v>
      </c>
      <c r="W196" s="22" t="s">
        <v>268</v>
      </c>
      <c r="X196" s="22" t="s">
        <v>268</v>
      </c>
      <c r="Y196" s="16">
        <v>496</v>
      </c>
      <c r="Z196" s="16">
        <v>14</v>
      </c>
      <c r="AA196" s="22" t="s">
        <v>268</v>
      </c>
      <c r="AB196" s="22" t="s">
        <v>268</v>
      </c>
      <c r="AC196" s="22" t="s">
        <v>268</v>
      </c>
      <c r="AD196" s="16">
        <v>4</v>
      </c>
      <c r="AE196" s="16">
        <v>4</v>
      </c>
    </row>
    <row r="197" spans="1:31">
      <c r="A197" s="21" t="s">
        <v>240</v>
      </c>
      <c r="B197" s="21" t="s">
        <v>237</v>
      </c>
      <c r="C197" s="21" t="s">
        <v>265</v>
      </c>
      <c r="D197" s="21" t="s">
        <v>216</v>
      </c>
      <c r="E197" s="21" t="s">
        <v>461</v>
      </c>
      <c r="F197" s="16">
        <v>6750</v>
      </c>
      <c r="G197" s="16">
        <v>2774</v>
      </c>
      <c r="H197" s="16">
        <v>2336</v>
      </c>
      <c r="I197" s="16">
        <v>75</v>
      </c>
      <c r="J197" s="16">
        <v>134</v>
      </c>
      <c r="K197" s="16">
        <v>9</v>
      </c>
      <c r="L197" s="16">
        <v>2118</v>
      </c>
      <c r="M197" s="16">
        <v>438</v>
      </c>
      <c r="N197" s="16">
        <v>1</v>
      </c>
      <c r="O197" s="16">
        <v>9</v>
      </c>
      <c r="P197" s="16">
        <v>1</v>
      </c>
      <c r="Q197" s="16">
        <v>36</v>
      </c>
      <c r="R197" s="16">
        <v>1</v>
      </c>
      <c r="S197" s="16">
        <v>30</v>
      </c>
      <c r="T197" s="16">
        <v>2</v>
      </c>
      <c r="U197" s="16">
        <v>26</v>
      </c>
      <c r="V197" s="16">
        <v>72</v>
      </c>
      <c r="W197" s="16">
        <v>260</v>
      </c>
      <c r="X197" s="16">
        <v>79</v>
      </c>
      <c r="Y197" s="16">
        <v>3897</v>
      </c>
      <c r="Z197" s="22" t="s">
        <v>268</v>
      </c>
      <c r="AA197" s="16">
        <v>308</v>
      </c>
      <c r="AB197" s="16">
        <v>9</v>
      </c>
      <c r="AC197" s="22" t="s">
        <v>268</v>
      </c>
      <c r="AD197" s="16">
        <v>384</v>
      </c>
      <c r="AE197" s="16">
        <v>590</v>
      </c>
    </row>
    <row r="198" spans="1:31">
      <c r="A198" s="21" t="s">
        <v>240</v>
      </c>
      <c r="B198" s="21" t="s">
        <v>237</v>
      </c>
      <c r="C198" s="21" t="s">
        <v>265</v>
      </c>
      <c r="D198" s="21" t="s">
        <v>216</v>
      </c>
      <c r="E198" s="21" t="s">
        <v>462</v>
      </c>
      <c r="F198" s="16">
        <v>7665</v>
      </c>
      <c r="G198" s="16">
        <v>3028</v>
      </c>
      <c r="H198" s="16">
        <v>1952</v>
      </c>
      <c r="I198" s="16">
        <v>46</v>
      </c>
      <c r="J198" s="16">
        <v>14</v>
      </c>
      <c r="K198" s="16">
        <v>2</v>
      </c>
      <c r="L198" s="16">
        <v>1890</v>
      </c>
      <c r="M198" s="16">
        <v>1076</v>
      </c>
      <c r="N198" s="16">
        <v>3</v>
      </c>
      <c r="O198" s="16">
        <v>204</v>
      </c>
      <c r="P198" s="16">
        <v>2</v>
      </c>
      <c r="Q198" s="16">
        <v>301</v>
      </c>
      <c r="R198" s="16">
        <v>10</v>
      </c>
      <c r="S198" s="16">
        <v>2</v>
      </c>
      <c r="T198" s="16">
        <v>76</v>
      </c>
      <c r="U198" s="16">
        <v>38</v>
      </c>
      <c r="V198" s="16">
        <v>84</v>
      </c>
      <c r="W198" s="16">
        <v>356</v>
      </c>
      <c r="X198" s="16">
        <v>33</v>
      </c>
      <c r="Y198" s="16">
        <v>4604</v>
      </c>
      <c r="Z198" s="22" t="s">
        <v>268</v>
      </c>
      <c r="AA198" s="16">
        <v>672</v>
      </c>
      <c r="AB198" s="16">
        <v>43</v>
      </c>
      <c r="AC198" s="16">
        <v>4604</v>
      </c>
      <c r="AD198" s="16">
        <v>67</v>
      </c>
      <c r="AE198" s="22" t="s">
        <v>268</v>
      </c>
    </row>
    <row r="199" spans="1:31">
      <c r="A199" s="21" t="s">
        <v>240</v>
      </c>
      <c r="B199" s="21" t="s">
        <v>237</v>
      </c>
      <c r="C199" s="21" t="s">
        <v>265</v>
      </c>
      <c r="D199" s="21" t="s">
        <v>216</v>
      </c>
      <c r="E199" s="21" t="s">
        <v>463</v>
      </c>
      <c r="F199" s="16">
        <v>4997</v>
      </c>
      <c r="G199" s="16">
        <v>2028</v>
      </c>
      <c r="H199" s="16">
        <v>1285</v>
      </c>
      <c r="I199" s="16">
        <v>15</v>
      </c>
      <c r="J199" s="16">
        <v>3</v>
      </c>
      <c r="K199" s="22" t="s">
        <v>268</v>
      </c>
      <c r="L199" s="16">
        <v>1267</v>
      </c>
      <c r="M199" s="16">
        <v>743</v>
      </c>
      <c r="N199" s="16">
        <v>2</v>
      </c>
      <c r="O199" s="16">
        <v>183</v>
      </c>
      <c r="P199" s="22" t="s">
        <v>268</v>
      </c>
      <c r="Q199" s="16">
        <v>216</v>
      </c>
      <c r="R199" s="16">
        <v>4</v>
      </c>
      <c r="S199" s="22" t="s">
        <v>268</v>
      </c>
      <c r="T199" s="16">
        <v>72</v>
      </c>
      <c r="U199" s="16">
        <v>18</v>
      </c>
      <c r="V199" s="16">
        <v>43</v>
      </c>
      <c r="W199" s="16">
        <v>205</v>
      </c>
      <c r="X199" s="16">
        <v>16</v>
      </c>
      <c r="Y199" s="16">
        <v>2953</v>
      </c>
      <c r="Z199" s="22" t="s">
        <v>268</v>
      </c>
      <c r="AA199" s="16">
        <v>439</v>
      </c>
      <c r="AB199" s="16">
        <v>15</v>
      </c>
      <c r="AC199" s="16">
        <v>2953</v>
      </c>
      <c r="AD199" s="16">
        <v>34</v>
      </c>
      <c r="AE199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3" orientation="portrait" r:id="rId1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CAEFAD-A954-429B-BA98-173ED6F26429}">
  <sheetPr>
    <pageSetUpPr fitToPage="1"/>
  </sheetPr>
  <dimension ref="A1:AE199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4" width="12.625" style="20"/>
    <col min="5" max="5" width="19" style="20" bestFit="1" customWidth="1"/>
    <col min="6" max="16384" width="12.625" style="20"/>
  </cols>
  <sheetData>
    <row r="1" spans="1:31" s="11" customFormat="1">
      <c r="A1" s="11" t="s">
        <v>192</v>
      </c>
    </row>
    <row r="2" spans="1:31" s="11" customFormat="1">
      <c r="A2" s="11" t="s">
        <v>625</v>
      </c>
    </row>
    <row r="3" spans="1:31" s="11" customFormat="1"/>
    <row r="4" spans="1:31" s="11" customFormat="1" hidden="1"/>
    <row r="5" spans="1:31" s="11" customFormat="1"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  <c r="R5" s="12" t="s">
        <v>495</v>
      </c>
      <c r="S5" s="12" t="s">
        <v>495</v>
      </c>
      <c r="T5" s="12" t="s">
        <v>495</v>
      </c>
      <c r="U5" s="12" t="s">
        <v>495</v>
      </c>
      <c r="V5" s="12" t="s">
        <v>495</v>
      </c>
      <c r="W5" s="12" t="s">
        <v>495</v>
      </c>
      <c r="X5" s="12" t="s">
        <v>495</v>
      </c>
      <c r="Y5" s="12" t="s">
        <v>495</v>
      </c>
      <c r="Z5" s="12" t="s">
        <v>495</v>
      </c>
      <c r="AA5" s="12" t="s">
        <v>495</v>
      </c>
      <c r="AB5" s="12" t="s">
        <v>495</v>
      </c>
      <c r="AC5" s="12" t="s">
        <v>495</v>
      </c>
      <c r="AD5" s="12" t="s">
        <v>495</v>
      </c>
      <c r="AE5" s="12" t="s">
        <v>495</v>
      </c>
    </row>
    <row r="6" spans="1:31" s="11" customFormat="1" ht="24">
      <c r="F6" s="12" t="s">
        <v>563</v>
      </c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  <c r="AE6" s="12" t="s">
        <v>563</v>
      </c>
    </row>
    <row r="7" spans="1:31" s="11" customFormat="1">
      <c r="F7" s="12">
        <v>1</v>
      </c>
      <c r="G7" s="12">
        <v>1</v>
      </c>
      <c r="H7" s="12">
        <v>2</v>
      </c>
      <c r="I7" s="12">
        <v>3</v>
      </c>
      <c r="J7" s="12">
        <v>3</v>
      </c>
      <c r="K7" s="12">
        <v>3</v>
      </c>
      <c r="L7" s="12">
        <v>3</v>
      </c>
      <c r="M7" s="12">
        <v>2</v>
      </c>
      <c r="N7" s="12">
        <v>3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3</v>
      </c>
      <c r="U7" s="12">
        <v>3</v>
      </c>
      <c r="V7" s="12">
        <v>3</v>
      </c>
      <c r="W7" s="12">
        <v>3</v>
      </c>
      <c r="X7" s="12">
        <v>1</v>
      </c>
      <c r="Y7" s="12">
        <v>1</v>
      </c>
      <c r="Z7" s="12">
        <v>1</v>
      </c>
      <c r="AA7" s="12">
        <v>1</v>
      </c>
      <c r="AB7" s="12">
        <v>1</v>
      </c>
      <c r="AC7" s="12">
        <v>1</v>
      </c>
      <c r="AD7" s="12">
        <v>1</v>
      </c>
      <c r="AE7" s="12">
        <v>1</v>
      </c>
    </row>
    <row r="8" spans="1:31" s="11" customFormat="1" ht="60">
      <c r="F8" s="12" t="s">
        <v>214</v>
      </c>
      <c r="G8" s="12" t="s">
        <v>564</v>
      </c>
      <c r="H8" s="12" t="s">
        <v>565</v>
      </c>
      <c r="I8" s="12" t="s">
        <v>566</v>
      </c>
      <c r="J8" s="12" t="s">
        <v>567</v>
      </c>
      <c r="K8" s="12" t="s">
        <v>568</v>
      </c>
      <c r="L8" s="12" t="s">
        <v>569</v>
      </c>
      <c r="M8" s="12" t="s">
        <v>570</v>
      </c>
      <c r="N8" s="12" t="s">
        <v>571</v>
      </c>
      <c r="O8" s="12" t="s">
        <v>575</v>
      </c>
      <c r="P8" s="12" t="s">
        <v>578</v>
      </c>
      <c r="Q8" s="12" t="s">
        <v>581</v>
      </c>
      <c r="R8" s="12" t="s">
        <v>584</v>
      </c>
      <c r="S8" s="12" t="s">
        <v>585</v>
      </c>
      <c r="T8" s="12" t="s">
        <v>586</v>
      </c>
      <c r="U8" s="12" t="s">
        <v>589</v>
      </c>
      <c r="V8" s="12" t="s">
        <v>592</v>
      </c>
      <c r="W8" s="12" t="s">
        <v>593</v>
      </c>
      <c r="X8" s="12" t="s">
        <v>594</v>
      </c>
      <c r="Y8" s="12" t="s">
        <v>595</v>
      </c>
      <c r="Z8" s="12" t="s">
        <v>596</v>
      </c>
      <c r="AA8" s="12" t="s">
        <v>597</v>
      </c>
      <c r="AB8" s="12" t="s">
        <v>616</v>
      </c>
      <c r="AC8" s="12" t="s">
        <v>617</v>
      </c>
      <c r="AD8" s="12" t="s">
        <v>619</v>
      </c>
      <c r="AE8" s="12" t="s">
        <v>620</v>
      </c>
    </row>
    <row r="9" spans="1:31" s="11" customFormat="1"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  <c r="W9" s="13" t="s">
        <v>219</v>
      </c>
      <c r="X9" s="13" t="s">
        <v>219</v>
      </c>
      <c r="Y9" s="13" t="s">
        <v>219</v>
      </c>
      <c r="Z9" s="13" t="s">
        <v>219</v>
      </c>
      <c r="AA9" s="13" t="s">
        <v>219</v>
      </c>
      <c r="AB9" s="13" t="s">
        <v>219</v>
      </c>
      <c r="AC9" s="13" t="s">
        <v>219</v>
      </c>
      <c r="AD9" s="13" t="s">
        <v>219</v>
      </c>
      <c r="AE9" s="13" t="s">
        <v>219</v>
      </c>
    </row>
    <row r="10" spans="1:31" s="11" customFormat="1">
      <c r="A10" s="14" t="s">
        <v>224</v>
      </c>
      <c r="B10" s="14" t="s">
        <v>259</v>
      </c>
      <c r="C10" s="14" t="s">
        <v>230</v>
      </c>
      <c r="D10" s="14" t="s">
        <v>621</v>
      </c>
      <c r="E10" s="14" t="s">
        <v>622</v>
      </c>
      <c r="F10" s="14" t="s">
        <v>231</v>
      </c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  <c r="AE10" s="14"/>
    </row>
    <row r="11" spans="1:31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401</v>
      </c>
      <c r="F11" s="16">
        <v>123162995</v>
      </c>
      <c r="G11" s="16">
        <v>100310243</v>
      </c>
      <c r="H11" s="16">
        <v>84632638</v>
      </c>
      <c r="I11" s="16">
        <v>22317680</v>
      </c>
      <c r="J11" s="16">
        <v>50641498</v>
      </c>
      <c r="K11" s="16">
        <v>1669868</v>
      </c>
      <c r="L11" s="16">
        <v>10003592</v>
      </c>
      <c r="M11" s="16">
        <v>15677605</v>
      </c>
      <c r="N11" s="16">
        <v>636896</v>
      </c>
      <c r="O11" s="16">
        <v>1826439</v>
      </c>
      <c r="P11" s="16">
        <v>2926536</v>
      </c>
      <c r="Q11" s="16">
        <v>4229403</v>
      </c>
      <c r="R11" s="16">
        <v>345776</v>
      </c>
      <c r="S11" s="16">
        <v>1666687</v>
      </c>
      <c r="T11" s="16">
        <v>334953</v>
      </c>
      <c r="U11" s="16">
        <v>1242039</v>
      </c>
      <c r="V11" s="16">
        <v>721113</v>
      </c>
      <c r="W11" s="16">
        <v>1747763</v>
      </c>
      <c r="X11" s="16">
        <v>1231866</v>
      </c>
      <c r="Y11" s="16">
        <v>21151042</v>
      </c>
      <c r="Z11" s="16">
        <v>469844</v>
      </c>
      <c r="AA11" s="16">
        <v>11442715</v>
      </c>
      <c r="AB11" s="16">
        <v>13067790</v>
      </c>
      <c r="AC11" s="16">
        <v>6716806</v>
      </c>
      <c r="AD11" s="16">
        <v>538532</v>
      </c>
      <c r="AE11" s="16">
        <v>532045</v>
      </c>
    </row>
    <row r="12" spans="1:31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514</v>
      </c>
      <c r="F12" s="16">
        <v>342</v>
      </c>
      <c r="G12" s="16">
        <v>204</v>
      </c>
      <c r="H12" s="16">
        <v>103</v>
      </c>
      <c r="I12" s="22" t="s">
        <v>268</v>
      </c>
      <c r="J12" s="16">
        <v>44</v>
      </c>
      <c r="K12" s="16">
        <v>4</v>
      </c>
      <c r="L12" s="16">
        <v>55</v>
      </c>
      <c r="M12" s="16">
        <v>101</v>
      </c>
      <c r="N12" s="22" t="s">
        <v>268</v>
      </c>
      <c r="O12" s="22" t="s">
        <v>268</v>
      </c>
      <c r="P12" s="22" t="s">
        <v>268</v>
      </c>
      <c r="Q12" s="22" t="s">
        <v>268</v>
      </c>
      <c r="R12" s="22" t="s">
        <v>268</v>
      </c>
      <c r="S12" s="22" t="s">
        <v>268</v>
      </c>
      <c r="T12" s="22" t="s">
        <v>268</v>
      </c>
      <c r="U12" s="22" t="s">
        <v>268</v>
      </c>
      <c r="V12" s="16">
        <v>69</v>
      </c>
      <c r="W12" s="16">
        <v>32</v>
      </c>
      <c r="X12" s="16">
        <v>10</v>
      </c>
      <c r="Y12" s="16">
        <v>128</v>
      </c>
      <c r="Z12" s="22" t="s">
        <v>268</v>
      </c>
      <c r="AA12" s="16">
        <v>3</v>
      </c>
      <c r="AB12" s="22" t="s">
        <v>268</v>
      </c>
      <c r="AC12" s="22" t="s">
        <v>268</v>
      </c>
      <c r="AD12" s="16">
        <v>77</v>
      </c>
      <c r="AE12" s="22" t="s">
        <v>268</v>
      </c>
    </row>
    <row r="13" spans="1:31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515</v>
      </c>
      <c r="F13" s="16">
        <v>303211</v>
      </c>
      <c r="G13" s="16">
        <v>12827</v>
      </c>
      <c r="H13" s="16">
        <v>7790</v>
      </c>
      <c r="I13" s="16">
        <v>1558</v>
      </c>
      <c r="J13" s="16">
        <v>3758</v>
      </c>
      <c r="K13" s="16">
        <v>188</v>
      </c>
      <c r="L13" s="16">
        <v>2286</v>
      </c>
      <c r="M13" s="16">
        <v>5037</v>
      </c>
      <c r="N13" s="22" t="s">
        <v>268</v>
      </c>
      <c r="O13" s="16">
        <v>24</v>
      </c>
      <c r="P13" s="16">
        <v>6</v>
      </c>
      <c r="Q13" s="16">
        <v>60</v>
      </c>
      <c r="R13" s="16">
        <v>79</v>
      </c>
      <c r="S13" s="16">
        <v>32</v>
      </c>
      <c r="T13" s="16">
        <v>16</v>
      </c>
      <c r="U13" s="16">
        <v>29</v>
      </c>
      <c r="V13" s="16">
        <v>4091</v>
      </c>
      <c r="W13" s="16">
        <v>700</v>
      </c>
      <c r="X13" s="16">
        <v>2761</v>
      </c>
      <c r="Y13" s="16">
        <v>287623</v>
      </c>
      <c r="Z13" s="22" t="s">
        <v>268</v>
      </c>
      <c r="AA13" s="16">
        <v>190</v>
      </c>
      <c r="AB13" s="22" t="s">
        <v>268</v>
      </c>
      <c r="AC13" s="22" t="s">
        <v>268</v>
      </c>
      <c r="AD13" s="16">
        <v>13611</v>
      </c>
      <c r="AE13" s="16">
        <v>26524</v>
      </c>
    </row>
    <row r="14" spans="1:31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516</v>
      </c>
      <c r="F14" s="16">
        <v>2185231</v>
      </c>
      <c r="G14" s="16">
        <v>402795</v>
      </c>
      <c r="H14" s="16">
        <v>336595</v>
      </c>
      <c r="I14" s="16">
        <v>88088</v>
      </c>
      <c r="J14" s="16">
        <v>192327</v>
      </c>
      <c r="K14" s="16">
        <v>3151</v>
      </c>
      <c r="L14" s="16">
        <v>53029</v>
      </c>
      <c r="M14" s="16">
        <v>66200</v>
      </c>
      <c r="N14" s="16">
        <v>148</v>
      </c>
      <c r="O14" s="16">
        <v>690</v>
      </c>
      <c r="P14" s="16">
        <v>590</v>
      </c>
      <c r="Q14" s="16">
        <v>2638</v>
      </c>
      <c r="R14" s="16">
        <v>1730</v>
      </c>
      <c r="S14" s="16">
        <v>1900</v>
      </c>
      <c r="T14" s="16">
        <v>396</v>
      </c>
      <c r="U14" s="16">
        <v>1692</v>
      </c>
      <c r="V14" s="16">
        <v>46283</v>
      </c>
      <c r="W14" s="16">
        <v>10133</v>
      </c>
      <c r="X14" s="16">
        <v>91884</v>
      </c>
      <c r="Y14" s="16">
        <v>1690552</v>
      </c>
      <c r="Z14" s="22" t="s">
        <v>268</v>
      </c>
      <c r="AA14" s="16">
        <v>8529</v>
      </c>
      <c r="AB14" s="22" t="s">
        <v>268</v>
      </c>
      <c r="AC14" s="22" t="s">
        <v>268</v>
      </c>
      <c r="AD14" s="16">
        <v>86670</v>
      </c>
      <c r="AE14" s="16">
        <v>151735</v>
      </c>
    </row>
    <row r="15" spans="1:31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517</v>
      </c>
      <c r="F15" s="16">
        <v>4074954</v>
      </c>
      <c r="G15" s="16">
        <v>2112045</v>
      </c>
      <c r="H15" s="16">
        <v>1996220</v>
      </c>
      <c r="I15" s="16">
        <v>622056</v>
      </c>
      <c r="J15" s="16">
        <v>1188226</v>
      </c>
      <c r="K15" s="16">
        <v>8777</v>
      </c>
      <c r="L15" s="16">
        <v>177161</v>
      </c>
      <c r="M15" s="16">
        <v>115825</v>
      </c>
      <c r="N15" s="16">
        <v>904</v>
      </c>
      <c r="O15" s="16">
        <v>3495</v>
      </c>
      <c r="P15" s="16">
        <v>5562</v>
      </c>
      <c r="Q15" s="16">
        <v>17516</v>
      </c>
      <c r="R15" s="16">
        <v>4021</v>
      </c>
      <c r="S15" s="16">
        <v>7811</v>
      </c>
      <c r="T15" s="16">
        <v>1702</v>
      </c>
      <c r="U15" s="16">
        <v>7751</v>
      </c>
      <c r="V15" s="16">
        <v>45580</v>
      </c>
      <c r="W15" s="16">
        <v>21483</v>
      </c>
      <c r="X15" s="16">
        <v>176005</v>
      </c>
      <c r="Y15" s="16">
        <v>1786904</v>
      </c>
      <c r="Z15" s="22" t="s">
        <v>268</v>
      </c>
      <c r="AA15" s="16">
        <v>44973</v>
      </c>
      <c r="AB15" s="22" t="s">
        <v>268</v>
      </c>
      <c r="AC15" s="22" t="s">
        <v>268</v>
      </c>
      <c r="AD15" s="16">
        <v>76862</v>
      </c>
      <c r="AE15" s="16">
        <v>136721</v>
      </c>
    </row>
    <row r="16" spans="1:31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518</v>
      </c>
      <c r="F16" s="16">
        <v>6492222</v>
      </c>
      <c r="G16" s="16">
        <v>5121053</v>
      </c>
      <c r="H16" s="16">
        <v>4901817</v>
      </c>
      <c r="I16" s="16">
        <v>795488</v>
      </c>
      <c r="J16" s="16">
        <v>3709005</v>
      </c>
      <c r="K16" s="16">
        <v>20571</v>
      </c>
      <c r="L16" s="16">
        <v>376753</v>
      </c>
      <c r="M16" s="16">
        <v>219236</v>
      </c>
      <c r="N16" s="16">
        <v>2028</v>
      </c>
      <c r="O16" s="16">
        <v>7974</v>
      </c>
      <c r="P16" s="16">
        <v>26838</v>
      </c>
      <c r="Q16" s="16">
        <v>65999</v>
      </c>
      <c r="R16" s="16">
        <v>4887</v>
      </c>
      <c r="S16" s="16">
        <v>18602</v>
      </c>
      <c r="T16" s="16">
        <v>3310</v>
      </c>
      <c r="U16" s="16">
        <v>22075</v>
      </c>
      <c r="V16" s="16">
        <v>31818</v>
      </c>
      <c r="W16" s="16">
        <v>35705</v>
      </c>
      <c r="X16" s="16">
        <v>113335</v>
      </c>
      <c r="Y16" s="16">
        <v>1257834</v>
      </c>
      <c r="Z16" s="22" t="s">
        <v>268</v>
      </c>
      <c r="AA16" s="16">
        <v>148352</v>
      </c>
      <c r="AB16" s="22" t="s">
        <v>268</v>
      </c>
      <c r="AC16" s="22" t="s">
        <v>268</v>
      </c>
      <c r="AD16" s="16">
        <v>45614</v>
      </c>
      <c r="AE16" s="16">
        <v>54508</v>
      </c>
    </row>
    <row r="17" spans="1:31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519</v>
      </c>
      <c r="F17" s="16">
        <v>9249103</v>
      </c>
      <c r="G17" s="16">
        <v>8120426</v>
      </c>
      <c r="H17" s="16">
        <v>7695582</v>
      </c>
      <c r="I17" s="16">
        <v>683128</v>
      </c>
      <c r="J17" s="16">
        <v>6279528</v>
      </c>
      <c r="K17" s="16">
        <v>45970</v>
      </c>
      <c r="L17" s="16">
        <v>686956</v>
      </c>
      <c r="M17" s="16">
        <v>424844</v>
      </c>
      <c r="N17" s="16">
        <v>4244</v>
      </c>
      <c r="O17" s="16">
        <v>15054</v>
      </c>
      <c r="P17" s="16">
        <v>75523</v>
      </c>
      <c r="Q17" s="16">
        <v>164499</v>
      </c>
      <c r="R17" s="16">
        <v>4833</v>
      </c>
      <c r="S17" s="16">
        <v>31144</v>
      </c>
      <c r="T17" s="16">
        <v>4343</v>
      </c>
      <c r="U17" s="16">
        <v>40598</v>
      </c>
      <c r="V17" s="16">
        <v>26856</v>
      </c>
      <c r="W17" s="16">
        <v>57750</v>
      </c>
      <c r="X17" s="16">
        <v>92488</v>
      </c>
      <c r="Y17" s="16">
        <v>1036189</v>
      </c>
      <c r="Z17" s="22" t="s">
        <v>268</v>
      </c>
      <c r="AA17" s="16">
        <v>343712</v>
      </c>
      <c r="AB17" s="22" t="s">
        <v>268</v>
      </c>
      <c r="AC17" s="22" t="s">
        <v>268</v>
      </c>
      <c r="AD17" s="16">
        <v>29600</v>
      </c>
      <c r="AE17" s="16">
        <v>27659</v>
      </c>
    </row>
    <row r="18" spans="1:31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520</v>
      </c>
      <c r="F18" s="16">
        <v>11463706</v>
      </c>
      <c r="G18" s="16">
        <v>10338439</v>
      </c>
      <c r="H18" s="16">
        <v>9611608</v>
      </c>
      <c r="I18" s="16">
        <v>719188</v>
      </c>
      <c r="J18" s="16">
        <v>7782267</v>
      </c>
      <c r="K18" s="16">
        <v>87696</v>
      </c>
      <c r="L18" s="16">
        <v>1022457</v>
      </c>
      <c r="M18" s="16">
        <v>726831</v>
      </c>
      <c r="N18" s="16">
        <v>7468</v>
      </c>
      <c r="O18" s="16">
        <v>28302</v>
      </c>
      <c r="P18" s="16">
        <v>140562</v>
      </c>
      <c r="Q18" s="16">
        <v>315404</v>
      </c>
      <c r="R18" s="16">
        <v>5903</v>
      </c>
      <c r="S18" s="16">
        <v>44705</v>
      </c>
      <c r="T18" s="16">
        <v>6924</v>
      </c>
      <c r="U18" s="16">
        <v>56288</v>
      </c>
      <c r="V18" s="16">
        <v>29361</v>
      </c>
      <c r="W18" s="16">
        <v>91914</v>
      </c>
      <c r="X18" s="16">
        <v>95416</v>
      </c>
      <c r="Y18" s="16">
        <v>1029851</v>
      </c>
      <c r="Z18" s="22" t="s">
        <v>268</v>
      </c>
      <c r="AA18" s="16">
        <v>618320</v>
      </c>
      <c r="AB18" s="22" t="s">
        <v>268</v>
      </c>
      <c r="AC18" s="22" t="s">
        <v>268</v>
      </c>
      <c r="AD18" s="16">
        <v>26012</v>
      </c>
      <c r="AE18" s="16">
        <v>20607</v>
      </c>
    </row>
    <row r="19" spans="1:31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521</v>
      </c>
      <c r="F19" s="16">
        <v>13415634</v>
      </c>
      <c r="G19" s="16">
        <v>12019665</v>
      </c>
      <c r="H19" s="16">
        <v>10843489</v>
      </c>
      <c r="I19" s="16">
        <v>986192</v>
      </c>
      <c r="J19" s="16">
        <v>8288726</v>
      </c>
      <c r="K19" s="16">
        <v>144741</v>
      </c>
      <c r="L19" s="16">
        <v>1423830</v>
      </c>
      <c r="M19" s="16">
        <v>1176176</v>
      </c>
      <c r="N19" s="16">
        <v>18724</v>
      </c>
      <c r="O19" s="16">
        <v>65244</v>
      </c>
      <c r="P19" s="16">
        <v>207278</v>
      </c>
      <c r="Q19" s="16">
        <v>530264</v>
      </c>
      <c r="R19" s="16">
        <v>8821</v>
      </c>
      <c r="S19" s="16">
        <v>66893</v>
      </c>
      <c r="T19" s="16">
        <v>12725</v>
      </c>
      <c r="U19" s="16">
        <v>71524</v>
      </c>
      <c r="V19" s="16">
        <v>43235</v>
      </c>
      <c r="W19" s="16">
        <v>151468</v>
      </c>
      <c r="X19" s="16">
        <v>116941</v>
      </c>
      <c r="Y19" s="16">
        <v>1279028</v>
      </c>
      <c r="Z19" s="22" t="s">
        <v>268</v>
      </c>
      <c r="AA19" s="16">
        <v>987498</v>
      </c>
      <c r="AB19" s="22" t="s">
        <v>268</v>
      </c>
      <c r="AC19" s="22" t="s">
        <v>268</v>
      </c>
      <c r="AD19" s="16">
        <v>29484</v>
      </c>
      <c r="AE19" s="16">
        <v>22429</v>
      </c>
    </row>
    <row r="20" spans="1:31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522</v>
      </c>
      <c r="F20" s="16">
        <v>11623071</v>
      </c>
      <c r="G20" s="16">
        <v>10226966</v>
      </c>
      <c r="H20" s="16">
        <v>8816090</v>
      </c>
      <c r="I20" s="16">
        <v>1192714</v>
      </c>
      <c r="J20" s="16">
        <v>6166400</v>
      </c>
      <c r="K20" s="16">
        <v>159526</v>
      </c>
      <c r="L20" s="16">
        <v>1297450</v>
      </c>
      <c r="M20" s="16">
        <v>1410876</v>
      </c>
      <c r="N20" s="16">
        <v>36284</v>
      </c>
      <c r="O20" s="16">
        <v>129804</v>
      </c>
      <c r="P20" s="16">
        <v>193061</v>
      </c>
      <c r="Q20" s="16">
        <v>620102</v>
      </c>
      <c r="R20" s="16">
        <v>10610</v>
      </c>
      <c r="S20" s="16">
        <v>79047</v>
      </c>
      <c r="T20" s="16">
        <v>20074</v>
      </c>
      <c r="U20" s="16">
        <v>86937</v>
      </c>
      <c r="V20" s="16">
        <v>54569</v>
      </c>
      <c r="W20" s="16">
        <v>180388</v>
      </c>
      <c r="X20" s="16">
        <v>112165</v>
      </c>
      <c r="Y20" s="16">
        <v>1283940</v>
      </c>
      <c r="Z20" s="22" t="s">
        <v>268</v>
      </c>
      <c r="AA20" s="16">
        <v>1120758</v>
      </c>
      <c r="AB20" s="22" t="s">
        <v>268</v>
      </c>
      <c r="AC20" s="22" t="s">
        <v>268</v>
      </c>
      <c r="AD20" s="16">
        <v>28473</v>
      </c>
      <c r="AE20" s="16">
        <v>20233</v>
      </c>
    </row>
    <row r="21" spans="1:31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523</v>
      </c>
      <c r="F21" s="16">
        <v>10287394</v>
      </c>
      <c r="G21" s="16">
        <v>8957874</v>
      </c>
      <c r="H21" s="16">
        <v>7193660</v>
      </c>
      <c r="I21" s="16">
        <v>1620130</v>
      </c>
      <c r="J21" s="16">
        <v>4404410</v>
      </c>
      <c r="K21" s="16">
        <v>152635</v>
      </c>
      <c r="L21" s="16">
        <v>1016485</v>
      </c>
      <c r="M21" s="16">
        <v>1764214</v>
      </c>
      <c r="N21" s="16">
        <v>62736</v>
      </c>
      <c r="O21" s="16">
        <v>277575</v>
      </c>
      <c r="P21" s="16">
        <v>176038</v>
      </c>
      <c r="Q21" s="16">
        <v>707856</v>
      </c>
      <c r="R21" s="16">
        <v>15647</v>
      </c>
      <c r="S21" s="16">
        <v>103400</v>
      </c>
      <c r="T21" s="16">
        <v>31332</v>
      </c>
      <c r="U21" s="16">
        <v>137116</v>
      </c>
      <c r="V21" s="16">
        <v>64043</v>
      </c>
      <c r="W21" s="16">
        <v>188471</v>
      </c>
      <c r="X21" s="16">
        <v>95755</v>
      </c>
      <c r="Y21" s="16">
        <v>1233765</v>
      </c>
      <c r="Z21" s="22" t="s">
        <v>268</v>
      </c>
      <c r="AA21" s="16">
        <v>1277219</v>
      </c>
      <c r="AB21" s="22" t="s">
        <v>268</v>
      </c>
      <c r="AC21" s="22" t="s">
        <v>268</v>
      </c>
      <c r="AD21" s="16">
        <v>26405</v>
      </c>
      <c r="AE21" s="16">
        <v>16171</v>
      </c>
    </row>
    <row r="22" spans="1:31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524</v>
      </c>
      <c r="F22" s="16">
        <v>9419323</v>
      </c>
      <c r="G22" s="16">
        <v>8194492</v>
      </c>
      <c r="H22" s="16">
        <v>6198843</v>
      </c>
      <c r="I22" s="16">
        <v>2160828</v>
      </c>
      <c r="J22" s="16">
        <v>3154957</v>
      </c>
      <c r="K22" s="16">
        <v>140182</v>
      </c>
      <c r="L22" s="16">
        <v>742876</v>
      </c>
      <c r="M22" s="16">
        <v>1995649</v>
      </c>
      <c r="N22" s="16">
        <v>66608</v>
      </c>
      <c r="O22" s="16">
        <v>417678</v>
      </c>
      <c r="P22" s="16">
        <v>193468</v>
      </c>
      <c r="Q22" s="16">
        <v>630175</v>
      </c>
      <c r="R22" s="16">
        <v>26228</v>
      </c>
      <c r="S22" s="16">
        <v>159735</v>
      </c>
      <c r="T22" s="16">
        <v>38454</v>
      </c>
      <c r="U22" s="16">
        <v>213428</v>
      </c>
      <c r="V22" s="16">
        <v>75682</v>
      </c>
      <c r="W22" s="16">
        <v>174193</v>
      </c>
      <c r="X22" s="16">
        <v>79012</v>
      </c>
      <c r="Y22" s="16">
        <v>1145819</v>
      </c>
      <c r="Z22" s="22" t="s">
        <v>268</v>
      </c>
      <c r="AA22" s="16">
        <v>1337405</v>
      </c>
      <c r="AB22" s="16">
        <v>13636</v>
      </c>
      <c r="AC22" s="22" t="s">
        <v>268</v>
      </c>
      <c r="AD22" s="16">
        <v>22938</v>
      </c>
      <c r="AE22" s="16">
        <v>9722</v>
      </c>
    </row>
    <row r="23" spans="1:31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525</v>
      </c>
      <c r="F23" s="16">
        <v>10219545</v>
      </c>
      <c r="G23" s="16">
        <v>8811816</v>
      </c>
      <c r="H23" s="16">
        <v>6698300</v>
      </c>
      <c r="I23" s="16">
        <v>3045384</v>
      </c>
      <c r="J23" s="16">
        <v>2838522</v>
      </c>
      <c r="K23" s="16">
        <v>158045</v>
      </c>
      <c r="L23" s="16">
        <v>656349</v>
      </c>
      <c r="M23" s="16">
        <v>2113516</v>
      </c>
      <c r="N23" s="16">
        <v>58176</v>
      </c>
      <c r="O23" s="16">
        <v>391287</v>
      </c>
      <c r="P23" s="16">
        <v>344101</v>
      </c>
      <c r="Q23" s="16">
        <v>438479</v>
      </c>
      <c r="R23" s="16">
        <v>48049</v>
      </c>
      <c r="S23" s="16">
        <v>268392</v>
      </c>
      <c r="T23" s="16">
        <v>37976</v>
      </c>
      <c r="U23" s="16">
        <v>253700</v>
      </c>
      <c r="V23" s="16">
        <v>95924</v>
      </c>
      <c r="W23" s="16">
        <v>177432</v>
      </c>
      <c r="X23" s="16">
        <v>76634</v>
      </c>
      <c r="Y23" s="16">
        <v>1331095</v>
      </c>
      <c r="Z23" s="22" t="s">
        <v>268</v>
      </c>
      <c r="AA23" s="16">
        <v>1439106</v>
      </c>
      <c r="AB23" s="16">
        <v>2756286</v>
      </c>
      <c r="AC23" s="16">
        <v>1331095</v>
      </c>
      <c r="AD23" s="16">
        <v>24156</v>
      </c>
      <c r="AE23" s="16">
        <v>5672</v>
      </c>
    </row>
    <row r="24" spans="1:31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526</v>
      </c>
      <c r="F24" s="16">
        <v>11335620</v>
      </c>
      <c r="G24" s="16">
        <v>9683017</v>
      </c>
      <c r="H24" s="16">
        <v>7616435</v>
      </c>
      <c r="I24" s="16">
        <v>3910628</v>
      </c>
      <c r="J24" s="16">
        <v>2795572</v>
      </c>
      <c r="K24" s="16">
        <v>193990</v>
      </c>
      <c r="L24" s="16">
        <v>716245</v>
      </c>
      <c r="M24" s="16">
        <v>2066582</v>
      </c>
      <c r="N24" s="16">
        <v>64100</v>
      </c>
      <c r="O24" s="16">
        <v>230346</v>
      </c>
      <c r="P24" s="16">
        <v>542977</v>
      </c>
      <c r="Q24" s="16">
        <v>278352</v>
      </c>
      <c r="R24" s="16">
        <v>74064</v>
      </c>
      <c r="S24" s="16">
        <v>358697</v>
      </c>
      <c r="T24" s="16">
        <v>32895</v>
      </c>
      <c r="U24" s="16">
        <v>190879</v>
      </c>
      <c r="V24" s="16">
        <v>97124</v>
      </c>
      <c r="W24" s="16">
        <v>197148</v>
      </c>
      <c r="X24" s="16">
        <v>74600</v>
      </c>
      <c r="Y24" s="16">
        <v>1578003</v>
      </c>
      <c r="Z24" s="22" t="s">
        <v>268</v>
      </c>
      <c r="AA24" s="16">
        <v>1516041</v>
      </c>
      <c r="AB24" s="16">
        <v>3827994</v>
      </c>
      <c r="AC24" s="16">
        <v>1578003</v>
      </c>
      <c r="AD24" s="16">
        <v>25456</v>
      </c>
      <c r="AE24" s="16">
        <v>2970</v>
      </c>
    </row>
    <row r="25" spans="1:31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527</v>
      </c>
      <c r="F25" s="16">
        <v>8598402</v>
      </c>
      <c r="G25" s="16">
        <v>7237347</v>
      </c>
      <c r="H25" s="16">
        <v>5826423</v>
      </c>
      <c r="I25" s="16">
        <v>3060166</v>
      </c>
      <c r="J25" s="16">
        <v>1939014</v>
      </c>
      <c r="K25" s="16">
        <v>179725</v>
      </c>
      <c r="L25" s="16">
        <v>647518</v>
      </c>
      <c r="M25" s="16">
        <v>1410924</v>
      </c>
      <c r="N25" s="16">
        <v>76604</v>
      </c>
      <c r="O25" s="16">
        <v>74253</v>
      </c>
      <c r="P25" s="16">
        <v>451531</v>
      </c>
      <c r="Q25" s="16">
        <v>153770</v>
      </c>
      <c r="R25" s="16">
        <v>64119</v>
      </c>
      <c r="S25" s="16">
        <v>267149</v>
      </c>
      <c r="T25" s="16">
        <v>28666</v>
      </c>
      <c r="U25" s="16">
        <v>78874</v>
      </c>
      <c r="V25" s="16">
        <v>52125</v>
      </c>
      <c r="W25" s="16">
        <v>163833</v>
      </c>
      <c r="X25" s="16">
        <v>46640</v>
      </c>
      <c r="Y25" s="16">
        <v>1314415</v>
      </c>
      <c r="Z25" s="22" t="s">
        <v>268</v>
      </c>
      <c r="AA25" s="16">
        <v>1080450</v>
      </c>
      <c r="AB25" s="16">
        <v>3042860</v>
      </c>
      <c r="AC25" s="16">
        <v>1314415</v>
      </c>
      <c r="AD25" s="16">
        <v>20583</v>
      </c>
      <c r="AE25" s="16">
        <v>813</v>
      </c>
    </row>
    <row r="26" spans="1:31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528</v>
      </c>
      <c r="F26" s="16">
        <v>6293926</v>
      </c>
      <c r="G26" s="16">
        <v>5104482</v>
      </c>
      <c r="H26" s="16">
        <v>4017535</v>
      </c>
      <c r="I26" s="16">
        <v>2075460</v>
      </c>
      <c r="J26" s="16">
        <v>1214492</v>
      </c>
      <c r="K26" s="16">
        <v>167918</v>
      </c>
      <c r="L26" s="16">
        <v>559665</v>
      </c>
      <c r="M26" s="16">
        <v>1086947</v>
      </c>
      <c r="N26" s="16">
        <v>100336</v>
      </c>
      <c r="O26" s="16">
        <v>54915</v>
      </c>
      <c r="P26" s="16">
        <v>337567</v>
      </c>
      <c r="Q26" s="16">
        <v>129668</v>
      </c>
      <c r="R26" s="16">
        <v>44893</v>
      </c>
      <c r="S26" s="16">
        <v>166566</v>
      </c>
      <c r="T26" s="16">
        <v>38748</v>
      </c>
      <c r="U26" s="16">
        <v>46053</v>
      </c>
      <c r="V26" s="16">
        <v>29837</v>
      </c>
      <c r="W26" s="16">
        <v>138364</v>
      </c>
      <c r="X26" s="16">
        <v>30472</v>
      </c>
      <c r="Y26" s="16">
        <v>1158972</v>
      </c>
      <c r="Z26" s="22" t="s">
        <v>268</v>
      </c>
      <c r="AA26" s="16">
        <v>805326</v>
      </c>
      <c r="AB26" s="16">
        <v>2071458</v>
      </c>
      <c r="AC26" s="16">
        <v>1158972</v>
      </c>
      <c r="AD26" s="16">
        <v>19935</v>
      </c>
      <c r="AE26" s="16">
        <v>119</v>
      </c>
    </row>
    <row r="27" spans="1:31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623</v>
      </c>
      <c r="F27" s="16">
        <v>5328864</v>
      </c>
      <c r="G27" s="16">
        <v>3966795</v>
      </c>
      <c r="H27" s="16">
        <v>2872148</v>
      </c>
      <c r="I27" s="16">
        <v>1356672</v>
      </c>
      <c r="J27" s="16">
        <v>684250</v>
      </c>
      <c r="K27" s="16">
        <v>206749</v>
      </c>
      <c r="L27" s="16">
        <v>624477</v>
      </c>
      <c r="M27" s="16">
        <v>1094647</v>
      </c>
      <c r="N27" s="16">
        <v>138536</v>
      </c>
      <c r="O27" s="16">
        <v>129798</v>
      </c>
      <c r="P27" s="16">
        <v>231434</v>
      </c>
      <c r="Q27" s="16">
        <v>174621</v>
      </c>
      <c r="R27" s="16">
        <v>31892</v>
      </c>
      <c r="S27" s="16">
        <v>92614</v>
      </c>
      <c r="T27" s="16">
        <v>77392</v>
      </c>
      <c r="U27" s="16">
        <v>35095</v>
      </c>
      <c r="V27" s="16">
        <v>24516</v>
      </c>
      <c r="W27" s="16">
        <v>158749</v>
      </c>
      <c r="X27" s="16">
        <v>27748</v>
      </c>
      <c r="Y27" s="16">
        <v>1334321</v>
      </c>
      <c r="Z27" s="22" t="s">
        <v>268</v>
      </c>
      <c r="AA27" s="16">
        <v>714833</v>
      </c>
      <c r="AB27" s="16">
        <v>1355556</v>
      </c>
      <c r="AC27" s="16">
        <v>1334321</v>
      </c>
      <c r="AD27" s="16">
        <v>32302</v>
      </c>
      <c r="AE27" s="16">
        <v>38</v>
      </c>
    </row>
    <row r="28" spans="1:31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624</v>
      </c>
      <c r="F28" s="16">
        <v>2872447</v>
      </c>
      <c r="G28" s="22" t="s">
        <v>268</v>
      </c>
      <c r="H28" s="22" t="s">
        <v>268</v>
      </c>
      <c r="I28" s="22" t="s">
        <v>268</v>
      </c>
      <c r="J28" s="22" t="s">
        <v>268</v>
      </c>
      <c r="K28" s="22" t="s">
        <v>268</v>
      </c>
      <c r="L28" s="22" t="s">
        <v>268</v>
      </c>
      <c r="M28" s="22" t="s">
        <v>268</v>
      </c>
      <c r="N28" s="22" t="s">
        <v>268</v>
      </c>
      <c r="O28" s="22" t="s">
        <v>268</v>
      </c>
      <c r="P28" s="22" t="s">
        <v>268</v>
      </c>
      <c r="Q28" s="22" t="s">
        <v>268</v>
      </c>
      <c r="R28" s="22" t="s">
        <v>268</v>
      </c>
      <c r="S28" s="22" t="s">
        <v>268</v>
      </c>
      <c r="T28" s="22" t="s">
        <v>268</v>
      </c>
      <c r="U28" s="22" t="s">
        <v>268</v>
      </c>
      <c r="V28" s="22" t="s">
        <v>268</v>
      </c>
      <c r="W28" s="22" t="s">
        <v>268</v>
      </c>
      <c r="X28" s="22" t="s">
        <v>268</v>
      </c>
      <c r="Y28" s="16">
        <v>2402603</v>
      </c>
      <c r="Z28" s="16">
        <v>469844</v>
      </c>
      <c r="AA28" s="22" t="s">
        <v>268</v>
      </c>
      <c r="AB28" s="22" t="s">
        <v>268</v>
      </c>
      <c r="AC28" s="22" t="s">
        <v>268</v>
      </c>
      <c r="AD28" s="16">
        <v>30354</v>
      </c>
      <c r="AE28" s="16">
        <v>36124</v>
      </c>
    </row>
    <row r="29" spans="1:31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461</v>
      </c>
      <c r="F29" s="16">
        <v>78513849</v>
      </c>
      <c r="G29" s="16">
        <v>65506582</v>
      </c>
      <c r="H29" s="16">
        <v>57601694</v>
      </c>
      <c r="I29" s="16">
        <v>8869370</v>
      </c>
      <c r="J29" s="16">
        <v>41169604</v>
      </c>
      <c r="K29" s="16">
        <v>763437</v>
      </c>
      <c r="L29" s="16">
        <v>6799283</v>
      </c>
      <c r="M29" s="16">
        <v>7904888</v>
      </c>
      <c r="N29" s="16">
        <v>199144</v>
      </c>
      <c r="O29" s="16">
        <v>945840</v>
      </c>
      <c r="P29" s="16">
        <v>1018926</v>
      </c>
      <c r="Q29" s="16">
        <v>3054513</v>
      </c>
      <c r="R29" s="16">
        <v>82759</v>
      </c>
      <c r="S29" s="16">
        <v>513269</v>
      </c>
      <c r="T29" s="16">
        <v>119276</v>
      </c>
      <c r="U29" s="16">
        <v>637438</v>
      </c>
      <c r="V29" s="16">
        <v>421518</v>
      </c>
      <c r="W29" s="16">
        <v>912205</v>
      </c>
      <c r="X29" s="16">
        <v>975762</v>
      </c>
      <c r="Y29" s="16">
        <v>12031505</v>
      </c>
      <c r="Z29" s="22" t="s">
        <v>268</v>
      </c>
      <c r="AA29" s="16">
        <v>5886956</v>
      </c>
      <c r="AB29" s="16">
        <v>13636</v>
      </c>
      <c r="AC29" s="22" t="s">
        <v>268</v>
      </c>
      <c r="AD29" s="16">
        <v>385669</v>
      </c>
      <c r="AE29" s="16">
        <v>486309</v>
      </c>
    </row>
    <row r="30" spans="1:31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462</v>
      </c>
      <c r="F30" s="16">
        <v>41776357</v>
      </c>
      <c r="G30" s="16">
        <v>34803457</v>
      </c>
      <c r="H30" s="16">
        <v>27030841</v>
      </c>
      <c r="I30" s="16">
        <v>13448310</v>
      </c>
      <c r="J30" s="16">
        <v>9471850</v>
      </c>
      <c r="K30" s="16">
        <v>906427</v>
      </c>
      <c r="L30" s="16">
        <v>3204254</v>
      </c>
      <c r="M30" s="16">
        <v>7772616</v>
      </c>
      <c r="N30" s="16">
        <v>437752</v>
      </c>
      <c r="O30" s="16">
        <v>880599</v>
      </c>
      <c r="P30" s="16">
        <v>1907610</v>
      </c>
      <c r="Q30" s="16">
        <v>1174890</v>
      </c>
      <c r="R30" s="16">
        <v>263017</v>
      </c>
      <c r="S30" s="16">
        <v>1153418</v>
      </c>
      <c r="T30" s="16">
        <v>215677</v>
      </c>
      <c r="U30" s="16">
        <v>604601</v>
      </c>
      <c r="V30" s="16">
        <v>299526</v>
      </c>
      <c r="W30" s="16">
        <v>835526</v>
      </c>
      <c r="X30" s="16">
        <v>256094</v>
      </c>
      <c r="Y30" s="16">
        <v>6716806</v>
      </c>
      <c r="Z30" s="22" t="s">
        <v>268</v>
      </c>
      <c r="AA30" s="16">
        <v>5555756</v>
      </c>
      <c r="AB30" s="16">
        <v>13054154</v>
      </c>
      <c r="AC30" s="16">
        <v>6716806</v>
      </c>
      <c r="AD30" s="16">
        <v>122432</v>
      </c>
      <c r="AE30" s="16">
        <v>9612</v>
      </c>
    </row>
    <row r="31" spans="1:31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463</v>
      </c>
      <c r="F31" s="16">
        <v>20221192</v>
      </c>
      <c r="G31" s="16">
        <v>16308624</v>
      </c>
      <c r="H31" s="16">
        <v>12716106</v>
      </c>
      <c r="I31" s="16">
        <v>6492298</v>
      </c>
      <c r="J31" s="16">
        <v>3837756</v>
      </c>
      <c r="K31" s="16">
        <v>554392</v>
      </c>
      <c r="L31" s="16">
        <v>1831660</v>
      </c>
      <c r="M31" s="16">
        <v>3592518</v>
      </c>
      <c r="N31" s="16">
        <v>315476</v>
      </c>
      <c r="O31" s="16">
        <v>258966</v>
      </c>
      <c r="P31" s="16">
        <v>1020532</v>
      </c>
      <c r="Q31" s="16">
        <v>458059</v>
      </c>
      <c r="R31" s="16">
        <v>140904</v>
      </c>
      <c r="S31" s="16">
        <v>526329</v>
      </c>
      <c r="T31" s="16">
        <v>144806</v>
      </c>
      <c r="U31" s="16">
        <v>160022</v>
      </c>
      <c r="V31" s="16">
        <v>106478</v>
      </c>
      <c r="W31" s="16">
        <v>460946</v>
      </c>
      <c r="X31" s="16">
        <v>104860</v>
      </c>
      <c r="Y31" s="16">
        <v>3807708</v>
      </c>
      <c r="Z31" s="22" t="s">
        <v>268</v>
      </c>
      <c r="AA31" s="16">
        <v>2600609</v>
      </c>
      <c r="AB31" s="16">
        <v>6469874</v>
      </c>
      <c r="AC31" s="16">
        <v>3807708</v>
      </c>
      <c r="AD31" s="16">
        <v>72820</v>
      </c>
      <c r="AE31" s="16">
        <v>970</v>
      </c>
    </row>
    <row r="32" spans="1:31">
      <c r="A32" s="21" t="s">
        <v>232</v>
      </c>
      <c r="B32" s="21" t="s">
        <v>233</v>
      </c>
      <c r="C32" s="21" t="s">
        <v>262</v>
      </c>
      <c r="D32" s="21" t="s">
        <v>215</v>
      </c>
      <c r="E32" s="21" t="s">
        <v>401</v>
      </c>
      <c r="F32" s="16">
        <v>100259814</v>
      </c>
      <c r="G32" s="16">
        <v>88077925</v>
      </c>
      <c r="H32" s="16">
        <v>74780205</v>
      </c>
      <c r="I32" s="16">
        <v>21935870</v>
      </c>
      <c r="J32" s="16">
        <v>49890014</v>
      </c>
      <c r="K32" s="16">
        <v>1645025</v>
      </c>
      <c r="L32" s="16">
        <v>1309296</v>
      </c>
      <c r="M32" s="16">
        <v>13297720</v>
      </c>
      <c r="N32" s="16">
        <v>633716</v>
      </c>
      <c r="O32" s="16">
        <v>1657992</v>
      </c>
      <c r="P32" s="16">
        <v>2914765</v>
      </c>
      <c r="Q32" s="16">
        <v>3799297</v>
      </c>
      <c r="R32" s="16">
        <v>326567</v>
      </c>
      <c r="S32" s="16">
        <v>1589633</v>
      </c>
      <c r="T32" s="16">
        <v>282428</v>
      </c>
      <c r="U32" s="16">
        <v>1145439</v>
      </c>
      <c r="V32" s="16">
        <v>408223</v>
      </c>
      <c r="W32" s="16">
        <v>539660</v>
      </c>
      <c r="X32" s="16">
        <v>864528</v>
      </c>
      <c r="Y32" s="16">
        <v>10936246</v>
      </c>
      <c r="Z32" s="16">
        <v>381115</v>
      </c>
      <c r="AA32" s="16">
        <v>9809667</v>
      </c>
      <c r="AB32" s="16">
        <v>12976792</v>
      </c>
      <c r="AC32" s="16">
        <v>2308171</v>
      </c>
      <c r="AD32" s="16">
        <v>278494</v>
      </c>
      <c r="AE32" s="16">
        <v>396157</v>
      </c>
    </row>
    <row r="33" spans="1:31">
      <c r="A33" s="21" t="s">
        <v>232</v>
      </c>
      <c r="B33" s="21" t="s">
        <v>233</v>
      </c>
      <c r="C33" s="21" t="s">
        <v>262</v>
      </c>
      <c r="D33" s="21" t="s">
        <v>215</v>
      </c>
      <c r="E33" s="21" t="s">
        <v>514</v>
      </c>
      <c r="F33" s="16">
        <v>237</v>
      </c>
      <c r="G33" s="16">
        <v>137</v>
      </c>
      <c r="H33" s="16">
        <v>76</v>
      </c>
      <c r="I33" s="22" t="s">
        <v>268</v>
      </c>
      <c r="J33" s="16">
        <v>35</v>
      </c>
      <c r="K33" s="16">
        <v>2</v>
      </c>
      <c r="L33" s="16">
        <v>39</v>
      </c>
      <c r="M33" s="16">
        <v>61</v>
      </c>
      <c r="N33" s="22" t="s">
        <v>268</v>
      </c>
      <c r="O33" s="22" t="s">
        <v>268</v>
      </c>
      <c r="P33" s="22" t="s">
        <v>268</v>
      </c>
      <c r="Q33" s="22" t="s">
        <v>268</v>
      </c>
      <c r="R33" s="22" t="s">
        <v>268</v>
      </c>
      <c r="S33" s="22" t="s">
        <v>268</v>
      </c>
      <c r="T33" s="22" t="s">
        <v>268</v>
      </c>
      <c r="U33" s="22" t="s">
        <v>268</v>
      </c>
      <c r="V33" s="16">
        <v>41</v>
      </c>
      <c r="W33" s="16">
        <v>20</v>
      </c>
      <c r="X33" s="16">
        <v>6</v>
      </c>
      <c r="Y33" s="16">
        <v>94</v>
      </c>
      <c r="Z33" s="22" t="s">
        <v>268</v>
      </c>
      <c r="AA33" s="22" t="s">
        <v>268</v>
      </c>
      <c r="AB33" s="22" t="s">
        <v>268</v>
      </c>
      <c r="AC33" s="22" t="s">
        <v>268</v>
      </c>
      <c r="AD33" s="16">
        <v>61</v>
      </c>
      <c r="AE33" s="22" t="s">
        <v>268</v>
      </c>
    </row>
    <row r="34" spans="1:31">
      <c r="A34" s="21" t="s">
        <v>232</v>
      </c>
      <c r="B34" s="21" t="s">
        <v>233</v>
      </c>
      <c r="C34" s="21" t="s">
        <v>262</v>
      </c>
      <c r="D34" s="21" t="s">
        <v>215</v>
      </c>
      <c r="E34" s="21" t="s">
        <v>515</v>
      </c>
      <c r="F34" s="16">
        <v>170812</v>
      </c>
      <c r="G34" s="16">
        <v>8056</v>
      </c>
      <c r="H34" s="16">
        <v>5690</v>
      </c>
      <c r="I34" s="16">
        <v>1310</v>
      </c>
      <c r="J34" s="16">
        <v>3530</v>
      </c>
      <c r="K34" s="16">
        <v>116</v>
      </c>
      <c r="L34" s="16">
        <v>734</v>
      </c>
      <c r="M34" s="16">
        <v>2366</v>
      </c>
      <c r="N34" s="22" t="s">
        <v>268</v>
      </c>
      <c r="O34" s="16">
        <v>18</v>
      </c>
      <c r="P34" s="16">
        <v>6</v>
      </c>
      <c r="Q34" s="16">
        <v>51</v>
      </c>
      <c r="R34" s="16">
        <v>62</v>
      </c>
      <c r="S34" s="16">
        <v>28</v>
      </c>
      <c r="T34" s="16">
        <v>12</v>
      </c>
      <c r="U34" s="16">
        <v>24</v>
      </c>
      <c r="V34" s="16">
        <v>1798</v>
      </c>
      <c r="W34" s="16">
        <v>367</v>
      </c>
      <c r="X34" s="16">
        <v>1618</v>
      </c>
      <c r="Y34" s="16">
        <v>161138</v>
      </c>
      <c r="Z34" s="22" t="s">
        <v>268</v>
      </c>
      <c r="AA34" s="16">
        <v>135</v>
      </c>
      <c r="AB34" s="22" t="s">
        <v>268</v>
      </c>
      <c r="AC34" s="22" t="s">
        <v>268</v>
      </c>
      <c r="AD34" s="16">
        <v>7627</v>
      </c>
      <c r="AE34" s="16">
        <v>19878</v>
      </c>
    </row>
    <row r="35" spans="1:31">
      <c r="A35" s="21" t="s">
        <v>232</v>
      </c>
      <c r="B35" s="21" t="s">
        <v>233</v>
      </c>
      <c r="C35" s="21" t="s">
        <v>262</v>
      </c>
      <c r="D35" s="21" t="s">
        <v>215</v>
      </c>
      <c r="E35" s="21" t="s">
        <v>516</v>
      </c>
      <c r="F35" s="16">
        <v>1296307</v>
      </c>
      <c r="G35" s="16">
        <v>306425</v>
      </c>
      <c r="H35" s="16">
        <v>274678</v>
      </c>
      <c r="I35" s="16">
        <v>77490</v>
      </c>
      <c r="J35" s="16">
        <v>184560</v>
      </c>
      <c r="K35" s="16">
        <v>2411</v>
      </c>
      <c r="L35" s="16">
        <v>10217</v>
      </c>
      <c r="M35" s="16">
        <v>31747</v>
      </c>
      <c r="N35" s="16">
        <v>124</v>
      </c>
      <c r="O35" s="16">
        <v>591</v>
      </c>
      <c r="P35" s="16">
        <v>569</v>
      </c>
      <c r="Q35" s="16">
        <v>2477</v>
      </c>
      <c r="R35" s="16">
        <v>1243</v>
      </c>
      <c r="S35" s="16">
        <v>1586</v>
      </c>
      <c r="T35" s="16">
        <v>358</v>
      </c>
      <c r="U35" s="16">
        <v>1602</v>
      </c>
      <c r="V35" s="16">
        <v>18067</v>
      </c>
      <c r="W35" s="16">
        <v>5130</v>
      </c>
      <c r="X35" s="16">
        <v>60225</v>
      </c>
      <c r="Y35" s="16">
        <v>929657</v>
      </c>
      <c r="Z35" s="22" t="s">
        <v>268</v>
      </c>
      <c r="AA35" s="16">
        <v>6429</v>
      </c>
      <c r="AB35" s="22" t="s">
        <v>268</v>
      </c>
      <c r="AC35" s="22" t="s">
        <v>268</v>
      </c>
      <c r="AD35" s="16">
        <v>47961</v>
      </c>
      <c r="AE35" s="16">
        <v>100266</v>
      </c>
    </row>
    <row r="36" spans="1:31">
      <c r="A36" s="21" t="s">
        <v>232</v>
      </c>
      <c r="B36" s="21" t="s">
        <v>233</v>
      </c>
      <c r="C36" s="21" t="s">
        <v>262</v>
      </c>
      <c r="D36" s="21" t="s">
        <v>215</v>
      </c>
      <c r="E36" s="21" t="s">
        <v>517</v>
      </c>
      <c r="F36" s="16">
        <v>3007302</v>
      </c>
      <c r="G36" s="16">
        <v>1825672</v>
      </c>
      <c r="H36" s="16">
        <v>1751327</v>
      </c>
      <c r="I36" s="16">
        <v>572296</v>
      </c>
      <c r="J36" s="16">
        <v>1145535</v>
      </c>
      <c r="K36" s="16">
        <v>7794</v>
      </c>
      <c r="L36" s="16">
        <v>25702</v>
      </c>
      <c r="M36" s="16">
        <v>74345</v>
      </c>
      <c r="N36" s="16">
        <v>836</v>
      </c>
      <c r="O36" s="16">
        <v>3186</v>
      </c>
      <c r="P36" s="16">
        <v>5365</v>
      </c>
      <c r="Q36" s="16">
        <v>16791</v>
      </c>
      <c r="R36" s="16">
        <v>3176</v>
      </c>
      <c r="S36" s="16">
        <v>6537</v>
      </c>
      <c r="T36" s="16">
        <v>1547</v>
      </c>
      <c r="U36" s="16">
        <v>7391</v>
      </c>
      <c r="V36" s="16">
        <v>19095</v>
      </c>
      <c r="W36" s="16">
        <v>10421</v>
      </c>
      <c r="X36" s="16">
        <v>126847</v>
      </c>
      <c r="Y36" s="16">
        <v>1054783</v>
      </c>
      <c r="Z36" s="22" t="s">
        <v>268</v>
      </c>
      <c r="AA36" s="16">
        <v>36761</v>
      </c>
      <c r="AB36" s="22" t="s">
        <v>268</v>
      </c>
      <c r="AC36" s="22" t="s">
        <v>268</v>
      </c>
      <c r="AD36" s="16">
        <v>45411</v>
      </c>
      <c r="AE36" s="16">
        <v>102824</v>
      </c>
    </row>
    <row r="37" spans="1:31">
      <c r="A37" s="21" t="s">
        <v>232</v>
      </c>
      <c r="B37" s="21" t="s">
        <v>233</v>
      </c>
      <c r="C37" s="21" t="s">
        <v>262</v>
      </c>
      <c r="D37" s="21" t="s">
        <v>215</v>
      </c>
      <c r="E37" s="21" t="s">
        <v>518</v>
      </c>
      <c r="F37" s="16">
        <v>5447062</v>
      </c>
      <c r="G37" s="16">
        <v>4584495</v>
      </c>
      <c r="H37" s="16">
        <v>4411168</v>
      </c>
      <c r="I37" s="16">
        <v>747410</v>
      </c>
      <c r="J37" s="16">
        <v>3601992</v>
      </c>
      <c r="K37" s="16">
        <v>19448</v>
      </c>
      <c r="L37" s="16">
        <v>42318</v>
      </c>
      <c r="M37" s="16">
        <v>173327</v>
      </c>
      <c r="N37" s="16">
        <v>1940</v>
      </c>
      <c r="O37" s="16">
        <v>7485</v>
      </c>
      <c r="P37" s="16">
        <v>26165</v>
      </c>
      <c r="Q37" s="16">
        <v>63875</v>
      </c>
      <c r="R37" s="16">
        <v>4144</v>
      </c>
      <c r="S37" s="16">
        <v>15033</v>
      </c>
      <c r="T37" s="16">
        <v>3033</v>
      </c>
      <c r="U37" s="16">
        <v>21465</v>
      </c>
      <c r="V37" s="16">
        <v>15333</v>
      </c>
      <c r="W37" s="16">
        <v>14854</v>
      </c>
      <c r="X37" s="16">
        <v>84639</v>
      </c>
      <c r="Y37" s="16">
        <v>777928</v>
      </c>
      <c r="Z37" s="22" t="s">
        <v>268</v>
      </c>
      <c r="AA37" s="16">
        <v>126822</v>
      </c>
      <c r="AB37" s="22" t="s">
        <v>268</v>
      </c>
      <c r="AC37" s="22" t="s">
        <v>268</v>
      </c>
      <c r="AD37" s="16">
        <v>27386</v>
      </c>
      <c r="AE37" s="16">
        <v>39591</v>
      </c>
    </row>
    <row r="38" spans="1:31">
      <c r="A38" s="21" t="s">
        <v>232</v>
      </c>
      <c r="B38" s="21" t="s">
        <v>233</v>
      </c>
      <c r="C38" s="21" t="s">
        <v>262</v>
      </c>
      <c r="D38" s="21" t="s">
        <v>215</v>
      </c>
      <c r="E38" s="21" t="s">
        <v>519</v>
      </c>
      <c r="F38" s="16">
        <v>7982028</v>
      </c>
      <c r="G38" s="16">
        <v>7247604</v>
      </c>
      <c r="H38" s="16">
        <v>6889135</v>
      </c>
      <c r="I38" s="16">
        <v>650104</v>
      </c>
      <c r="J38" s="16">
        <v>6128619</v>
      </c>
      <c r="K38" s="16">
        <v>44644</v>
      </c>
      <c r="L38" s="16">
        <v>65768</v>
      </c>
      <c r="M38" s="16">
        <v>358469</v>
      </c>
      <c r="N38" s="16">
        <v>4116</v>
      </c>
      <c r="O38" s="16">
        <v>14397</v>
      </c>
      <c r="P38" s="16">
        <v>74194</v>
      </c>
      <c r="Q38" s="16">
        <v>160259</v>
      </c>
      <c r="R38" s="16">
        <v>4300</v>
      </c>
      <c r="S38" s="16">
        <v>23222</v>
      </c>
      <c r="T38" s="16">
        <v>4042</v>
      </c>
      <c r="U38" s="16">
        <v>39563</v>
      </c>
      <c r="V38" s="16">
        <v>14043</v>
      </c>
      <c r="W38" s="16">
        <v>20333</v>
      </c>
      <c r="X38" s="16">
        <v>68405</v>
      </c>
      <c r="Y38" s="16">
        <v>666019</v>
      </c>
      <c r="Z38" s="22" t="s">
        <v>268</v>
      </c>
      <c r="AA38" s="16">
        <v>298864</v>
      </c>
      <c r="AB38" s="22" t="s">
        <v>268</v>
      </c>
      <c r="AC38" s="22" t="s">
        <v>268</v>
      </c>
      <c r="AD38" s="16">
        <v>18318</v>
      </c>
      <c r="AE38" s="16">
        <v>19935</v>
      </c>
    </row>
    <row r="39" spans="1:31">
      <c r="A39" s="21" t="s">
        <v>232</v>
      </c>
      <c r="B39" s="21" t="s">
        <v>233</v>
      </c>
      <c r="C39" s="21" t="s">
        <v>262</v>
      </c>
      <c r="D39" s="21" t="s">
        <v>215</v>
      </c>
      <c r="E39" s="21" t="s">
        <v>520</v>
      </c>
      <c r="F39" s="16">
        <v>9894308</v>
      </c>
      <c r="G39" s="16">
        <v>9151441</v>
      </c>
      <c r="H39" s="16">
        <v>8524173</v>
      </c>
      <c r="I39" s="16">
        <v>690760</v>
      </c>
      <c r="J39" s="16">
        <v>7634805</v>
      </c>
      <c r="K39" s="16">
        <v>85670</v>
      </c>
      <c r="L39" s="16">
        <v>112938</v>
      </c>
      <c r="M39" s="16">
        <v>627268</v>
      </c>
      <c r="N39" s="16">
        <v>7212</v>
      </c>
      <c r="O39" s="16">
        <v>27219</v>
      </c>
      <c r="P39" s="16">
        <v>138996</v>
      </c>
      <c r="Q39" s="16">
        <v>309977</v>
      </c>
      <c r="R39" s="16">
        <v>5238</v>
      </c>
      <c r="S39" s="16">
        <v>31311</v>
      </c>
      <c r="T39" s="16">
        <v>6336</v>
      </c>
      <c r="U39" s="16">
        <v>54251</v>
      </c>
      <c r="V39" s="16">
        <v>16657</v>
      </c>
      <c r="W39" s="16">
        <v>30071</v>
      </c>
      <c r="X39" s="16">
        <v>68527</v>
      </c>
      <c r="Y39" s="16">
        <v>674340</v>
      </c>
      <c r="Z39" s="22" t="s">
        <v>268</v>
      </c>
      <c r="AA39" s="16">
        <v>542529</v>
      </c>
      <c r="AB39" s="22" t="s">
        <v>268</v>
      </c>
      <c r="AC39" s="22" t="s">
        <v>268</v>
      </c>
      <c r="AD39" s="16">
        <v>15664</v>
      </c>
      <c r="AE39" s="16">
        <v>16021</v>
      </c>
    </row>
    <row r="40" spans="1:31">
      <c r="A40" s="21" t="s">
        <v>232</v>
      </c>
      <c r="B40" s="21" t="s">
        <v>233</v>
      </c>
      <c r="C40" s="21" t="s">
        <v>262</v>
      </c>
      <c r="D40" s="21" t="s">
        <v>215</v>
      </c>
      <c r="E40" s="21" t="s">
        <v>521</v>
      </c>
      <c r="F40" s="16">
        <v>11398925</v>
      </c>
      <c r="G40" s="16">
        <v>10487946</v>
      </c>
      <c r="H40" s="16">
        <v>9470783</v>
      </c>
      <c r="I40" s="16">
        <v>952858</v>
      </c>
      <c r="J40" s="16">
        <v>8170887</v>
      </c>
      <c r="K40" s="16">
        <v>141025</v>
      </c>
      <c r="L40" s="16">
        <v>206013</v>
      </c>
      <c r="M40" s="16">
        <v>1017163</v>
      </c>
      <c r="N40" s="16">
        <v>18368</v>
      </c>
      <c r="O40" s="16">
        <v>62820</v>
      </c>
      <c r="P40" s="16">
        <v>205772</v>
      </c>
      <c r="Q40" s="16">
        <v>521755</v>
      </c>
      <c r="R40" s="16">
        <v>8029</v>
      </c>
      <c r="S40" s="16">
        <v>49270</v>
      </c>
      <c r="T40" s="16">
        <v>11277</v>
      </c>
      <c r="U40" s="16">
        <v>66818</v>
      </c>
      <c r="V40" s="16">
        <v>26225</v>
      </c>
      <c r="W40" s="16">
        <v>46829</v>
      </c>
      <c r="X40" s="16">
        <v>80239</v>
      </c>
      <c r="Y40" s="16">
        <v>830740</v>
      </c>
      <c r="Z40" s="22" t="s">
        <v>268</v>
      </c>
      <c r="AA40" s="16">
        <v>861819</v>
      </c>
      <c r="AB40" s="22" t="s">
        <v>268</v>
      </c>
      <c r="AC40" s="22" t="s">
        <v>268</v>
      </c>
      <c r="AD40" s="16">
        <v>17266</v>
      </c>
      <c r="AE40" s="16">
        <v>19236</v>
      </c>
    </row>
    <row r="41" spans="1:31">
      <c r="A41" s="21" t="s">
        <v>232</v>
      </c>
      <c r="B41" s="21" t="s">
        <v>233</v>
      </c>
      <c r="C41" s="21" t="s">
        <v>262</v>
      </c>
      <c r="D41" s="21" t="s">
        <v>215</v>
      </c>
      <c r="E41" s="21" t="s">
        <v>522</v>
      </c>
      <c r="F41" s="16">
        <v>9769247</v>
      </c>
      <c r="G41" s="16">
        <v>8884896</v>
      </c>
      <c r="H41" s="16">
        <v>7659528</v>
      </c>
      <c r="I41" s="16">
        <v>1160158</v>
      </c>
      <c r="J41" s="16">
        <v>6091921</v>
      </c>
      <c r="K41" s="16">
        <v>154971</v>
      </c>
      <c r="L41" s="16">
        <v>252478</v>
      </c>
      <c r="M41" s="16">
        <v>1225368</v>
      </c>
      <c r="N41" s="16">
        <v>35808</v>
      </c>
      <c r="O41" s="16">
        <v>125781</v>
      </c>
      <c r="P41" s="16">
        <v>191845</v>
      </c>
      <c r="Q41" s="16">
        <v>608917</v>
      </c>
      <c r="R41" s="16">
        <v>9664</v>
      </c>
      <c r="S41" s="16">
        <v>64729</v>
      </c>
      <c r="T41" s="16">
        <v>17790</v>
      </c>
      <c r="U41" s="16">
        <v>79847</v>
      </c>
      <c r="V41" s="16">
        <v>33818</v>
      </c>
      <c r="W41" s="16">
        <v>57169</v>
      </c>
      <c r="X41" s="16">
        <v>76913</v>
      </c>
      <c r="Y41" s="16">
        <v>807438</v>
      </c>
      <c r="Z41" s="22" t="s">
        <v>268</v>
      </c>
      <c r="AA41" s="16">
        <v>975977</v>
      </c>
      <c r="AB41" s="22" t="s">
        <v>268</v>
      </c>
      <c r="AC41" s="22" t="s">
        <v>268</v>
      </c>
      <c r="AD41" s="16">
        <v>15377</v>
      </c>
      <c r="AE41" s="16">
        <v>18747</v>
      </c>
    </row>
    <row r="42" spans="1:31">
      <c r="A42" s="21" t="s">
        <v>232</v>
      </c>
      <c r="B42" s="21" t="s">
        <v>233</v>
      </c>
      <c r="C42" s="21" t="s">
        <v>262</v>
      </c>
      <c r="D42" s="21" t="s">
        <v>215</v>
      </c>
      <c r="E42" s="21" t="s">
        <v>523</v>
      </c>
      <c r="F42" s="16">
        <v>8728490</v>
      </c>
      <c r="G42" s="16">
        <v>7921841</v>
      </c>
      <c r="H42" s="16">
        <v>6354219</v>
      </c>
      <c r="I42" s="16">
        <v>1587416</v>
      </c>
      <c r="J42" s="16">
        <v>4359406</v>
      </c>
      <c r="K42" s="16">
        <v>148160</v>
      </c>
      <c r="L42" s="16">
        <v>259237</v>
      </c>
      <c r="M42" s="16">
        <v>1567622</v>
      </c>
      <c r="N42" s="16">
        <v>62288</v>
      </c>
      <c r="O42" s="16">
        <v>271461</v>
      </c>
      <c r="P42" s="16">
        <v>175141</v>
      </c>
      <c r="Q42" s="16">
        <v>689086</v>
      </c>
      <c r="R42" s="16">
        <v>14609</v>
      </c>
      <c r="S42" s="16">
        <v>94662</v>
      </c>
      <c r="T42" s="16">
        <v>28438</v>
      </c>
      <c r="U42" s="16">
        <v>125923</v>
      </c>
      <c r="V42" s="16">
        <v>41979</v>
      </c>
      <c r="W42" s="16">
        <v>64035</v>
      </c>
      <c r="X42" s="16">
        <v>66296</v>
      </c>
      <c r="Y42" s="16">
        <v>740353</v>
      </c>
      <c r="Z42" s="22" t="s">
        <v>268</v>
      </c>
      <c r="AA42" s="16">
        <v>1125731</v>
      </c>
      <c r="AB42" s="22" t="s">
        <v>268</v>
      </c>
      <c r="AC42" s="22" t="s">
        <v>268</v>
      </c>
      <c r="AD42" s="16">
        <v>13729</v>
      </c>
      <c r="AE42" s="16">
        <v>15156</v>
      </c>
    </row>
    <row r="43" spans="1:31">
      <c r="A43" s="21" t="s">
        <v>232</v>
      </c>
      <c r="B43" s="21" t="s">
        <v>233</v>
      </c>
      <c r="C43" s="21" t="s">
        <v>262</v>
      </c>
      <c r="D43" s="21" t="s">
        <v>215</v>
      </c>
      <c r="E43" s="21" t="s">
        <v>524</v>
      </c>
      <c r="F43" s="16">
        <v>8092342</v>
      </c>
      <c r="G43" s="16">
        <v>7384698</v>
      </c>
      <c r="H43" s="16">
        <v>5591887</v>
      </c>
      <c r="I43" s="16">
        <v>2132506</v>
      </c>
      <c r="J43" s="16">
        <v>3130759</v>
      </c>
      <c r="K43" s="16">
        <v>136994</v>
      </c>
      <c r="L43" s="16">
        <v>191628</v>
      </c>
      <c r="M43" s="16">
        <v>1792811</v>
      </c>
      <c r="N43" s="16">
        <v>66300</v>
      </c>
      <c r="O43" s="16">
        <v>409665</v>
      </c>
      <c r="P43" s="16">
        <v>192613</v>
      </c>
      <c r="Q43" s="16">
        <v>597906</v>
      </c>
      <c r="R43" s="16">
        <v>24990</v>
      </c>
      <c r="S43" s="16">
        <v>155305</v>
      </c>
      <c r="T43" s="16">
        <v>35346</v>
      </c>
      <c r="U43" s="16">
        <v>198191</v>
      </c>
      <c r="V43" s="16">
        <v>52522</v>
      </c>
      <c r="W43" s="16">
        <v>59973</v>
      </c>
      <c r="X43" s="16">
        <v>56637</v>
      </c>
      <c r="Y43" s="16">
        <v>651007</v>
      </c>
      <c r="Z43" s="22" t="s">
        <v>268</v>
      </c>
      <c r="AA43" s="16">
        <v>1183782</v>
      </c>
      <c r="AB43" s="22" t="s">
        <v>268</v>
      </c>
      <c r="AC43" s="22" t="s">
        <v>268</v>
      </c>
      <c r="AD43" s="16">
        <v>11847</v>
      </c>
      <c r="AE43" s="16">
        <v>8824</v>
      </c>
    </row>
    <row r="44" spans="1:31">
      <c r="A44" s="21" t="s">
        <v>232</v>
      </c>
      <c r="B44" s="21" t="s">
        <v>233</v>
      </c>
      <c r="C44" s="21" t="s">
        <v>262</v>
      </c>
      <c r="D44" s="21" t="s">
        <v>215</v>
      </c>
      <c r="E44" s="21" t="s">
        <v>525</v>
      </c>
      <c r="F44" s="16">
        <v>8720638</v>
      </c>
      <c r="G44" s="16">
        <v>7974023</v>
      </c>
      <c r="H44" s="16">
        <v>6100798</v>
      </c>
      <c r="I44" s="16">
        <v>3018218</v>
      </c>
      <c r="J44" s="16">
        <v>2824223</v>
      </c>
      <c r="K44" s="16">
        <v>156333</v>
      </c>
      <c r="L44" s="16">
        <v>102024</v>
      </c>
      <c r="M44" s="16">
        <v>1873225</v>
      </c>
      <c r="N44" s="16">
        <v>57948</v>
      </c>
      <c r="O44" s="16">
        <v>381012</v>
      </c>
      <c r="P44" s="16">
        <v>343044</v>
      </c>
      <c r="Q44" s="16">
        <v>383396</v>
      </c>
      <c r="R44" s="16">
        <v>46598</v>
      </c>
      <c r="S44" s="16">
        <v>265909</v>
      </c>
      <c r="T44" s="16">
        <v>34385</v>
      </c>
      <c r="U44" s="16">
        <v>237846</v>
      </c>
      <c r="V44" s="16">
        <v>66695</v>
      </c>
      <c r="W44" s="16">
        <v>56392</v>
      </c>
      <c r="X44" s="16">
        <v>55656</v>
      </c>
      <c r="Y44" s="16">
        <v>690959</v>
      </c>
      <c r="Z44" s="22" t="s">
        <v>268</v>
      </c>
      <c r="AA44" s="16">
        <v>1262284</v>
      </c>
      <c r="AB44" s="16">
        <v>2733392</v>
      </c>
      <c r="AC44" s="16">
        <v>690959</v>
      </c>
      <c r="AD44" s="16">
        <v>11925</v>
      </c>
      <c r="AE44" s="16">
        <v>4922</v>
      </c>
    </row>
    <row r="45" spans="1:31">
      <c r="A45" s="21" t="s">
        <v>232</v>
      </c>
      <c r="B45" s="21" t="s">
        <v>233</v>
      </c>
      <c r="C45" s="21" t="s">
        <v>262</v>
      </c>
      <c r="D45" s="21" t="s">
        <v>215</v>
      </c>
      <c r="E45" s="21" t="s">
        <v>526</v>
      </c>
      <c r="F45" s="16">
        <v>9387250</v>
      </c>
      <c r="G45" s="16">
        <v>8665455</v>
      </c>
      <c r="H45" s="16">
        <v>6897888</v>
      </c>
      <c r="I45" s="16">
        <v>3883846</v>
      </c>
      <c r="J45" s="16">
        <v>2785332</v>
      </c>
      <c r="K45" s="16">
        <v>193223</v>
      </c>
      <c r="L45" s="16">
        <v>35487</v>
      </c>
      <c r="M45" s="16">
        <v>1767567</v>
      </c>
      <c r="N45" s="16">
        <v>63848</v>
      </c>
      <c r="O45" s="16">
        <v>213483</v>
      </c>
      <c r="P45" s="16">
        <v>541908</v>
      </c>
      <c r="Q45" s="16">
        <v>199450</v>
      </c>
      <c r="R45" s="16">
        <v>71988</v>
      </c>
      <c r="S45" s="16">
        <v>357078</v>
      </c>
      <c r="T45" s="16">
        <v>28406</v>
      </c>
      <c r="U45" s="16">
        <v>177129</v>
      </c>
      <c r="V45" s="16">
        <v>60287</v>
      </c>
      <c r="W45" s="16">
        <v>53990</v>
      </c>
      <c r="X45" s="16">
        <v>52085</v>
      </c>
      <c r="Y45" s="16">
        <v>669710</v>
      </c>
      <c r="Z45" s="22" t="s">
        <v>268</v>
      </c>
      <c r="AA45" s="16">
        <v>1304932</v>
      </c>
      <c r="AB45" s="16">
        <v>3803176</v>
      </c>
      <c r="AC45" s="16">
        <v>669710</v>
      </c>
      <c r="AD45" s="16">
        <v>11147</v>
      </c>
      <c r="AE45" s="16">
        <v>2326</v>
      </c>
    </row>
    <row r="46" spans="1:31">
      <c r="A46" s="21" t="s">
        <v>232</v>
      </c>
      <c r="B46" s="21" t="s">
        <v>233</v>
      </c>
      <c r="C46" s="21" t="s">
        <v>262</v>
      </c>
      <c r="D46" s="21" t="s">
        <v>215</v>
      </c>
      <c r="E46" s="21" t="s">
        <v>527</v>
      </c>
      <c r="F46" s="16">
        <v>6735617</v>
      </c>
      <c r="G46" s="16">
        <v>6305116</v>
      </c>
      <c r="H46" s="16">
        <v>5160356</v>
      </c>
      <c r="I46" s="16">
        <v>3043390</v>
      </c>
      <c r="J46" s="16">
        <v>1933402</v>
      </c>
      <c r="K46" s="16">
        <v>179609</v>
      </c>
      <c r="L46" s="16">
        <v>3955</v>
      </c>
      <c r="M46" s="16">
        <v>1144760</v>
      </c>
      <c r="N46" s="16">
        <v>76360</v>
      </c>
      <c r="O46" s="16">
        <v>51705</v>
      </c>
      <c r="P46" s="16">
        <v>450737</v>
      </c>
      <c r="Q46" s="16">
        <v>80957</v>
      </c>
      <c r="R46" s="16">
        <v>62199</v>
      </c>
      <c r="S46" s="16">
        <v>266332</v>
      </c>
      <c r="T46" s="16">
        <v>22394</v>
      </c>
      <c r="U46" s="16">
        <v>69466</v>
      </c>
      <c r="V46" s="16">
        <v>25368</v>
      </c>
      <c r="W46" s="16">
        <v>39242</v>
      </c>
      <c r="X46" s="16">
        <v>31265</v>
      </c>
      <c r="Y46" s="16">
        <v>399236</v>
      </c>
      <c r="Z46" s="22" t="s">
        <v>268</v>
      </c>
      <c r="AA46" s="16">
        <v>897590</v>
      </c>
      <c r="AB46" s="16">
        <v>3026768</v>
      </c>
      <c r="AC46" s="16">
        <v>399236</v>
      </c>
      <c r="AD46" s="16">
        <v>6731</v>
      </c>
      <c r="AE46" s="16">
        <v>588</v>
      </c>
    </row>
    <row r="47" spans="1:31">
      <c r="A47" s="21" t="s">
        <v>232</v>
      </c>
      <c r="B47" s="21" t="s">
        <v>233</v>
      </c>
      <c r="C47" s="21" t="s">
        <v>262</v>
      </c>
      <c r="D47" s="21" t="s">
        <v>215</v>
      </c>
      <c r="E47" s="21" t="s">
        <v>528</v>
      </c>
      <c r="F47" s="16">
        <v>4588222</v>
      </c>
      <c r="G47" s="16">
        <v>4298045</v>
      </c>
      <c r="H47" s="16">
        <v>3446496</v>
      </c>
      <c r="I47" s="16">
        <v>2066060</v>
      </c>
      <c r="J47" s="16">
        <v>1211960</v>
      </c>
      <c r="K47" s="16">
        <v>167878</v>
      </c>
      <c r="L47" s="16">
        <v>598</v>
      </c>
      <c r="M47" s="16">
        <v>851549</v>
      </c>
      <c r="N47" s="16">
        <v>100184</v>
      </c>
      <c r="O47" s="16">
        <v>24555</v>
      </c>
      <c r="P47" s="16">
        <v>337168</v>
      </c>
      <c r="Q47" s="16">
        <v>65100</v>
      </c>
      <c r="R47" s="16">
        <v>42775</v>
      </c>
      <c r="S47" s="16">
        <v>166191</v>
      </c>
      <c r="T47" s="16">
        <v>30403</v>
      </c>
      <c r="U47" s="16">
        <v>39103</v>
      </c>
      <c r="V47" s="16">
        <v>10864</v>
      </c>
      <c r="W47" s="16">
        <v>35206</v>
      </c>
      <c r="X47" s="16">
        <v>19342</v>
      </c>
      <c r="Y47" s="16">
        <v>270835</v>
      </c>
      <c r="Z47" s="22" t="s">
        <v>268</v>
      </c>
      <c r="AA47" s="16">
        <v>650967</v>
      </c>
      <c r="AB47" s="16">
        <v>2062350</v>
      </c>
      <c r="AC47" s="16">
        <v>270835</v>
      </c>
      <c r="AD47" s="16">
        <v>4615</v>
      </c>
      <c r="AE47" s="16">
        <v>78</v>
      </c>
    </row>
    <row r="48" spans="1:31">
      <c r="A48" s="21" t="s">
        <v>232</v>
      </c>
      <c r="B48" s="21" t="s">
        <v>233</v>
      </c>
      <c r="C48" s="21" t="s">
        <v>262</v>
      </c>
      <c r="D48" s="21" t="s">
        <v>215</v>
      </c>
      <c r="E48" s="21" t="s">
        <v>623</v>
      </c>
      <c r="F48" s="16">
        <v>3325334</v>
      </c>
      <c r="G48" s="16">
        <v>3032075</v>
      </c>
      <c r="H48" s="16">
        <v>2242003</v>
      </c>
      <c r="I48" s="16">
        <v>1352048</v>
      </c>
      <c r="J48" s="16">
        <v>683048</v>
      </c>
      <c r="K48" s="16">
        <v>206747</v>
      </c>
      <c r="L48" s="16">
        <v>160</v>
      </c>
      <c r="M48" s="16">
        <v>790072</v>
      </c>
      <c r="N48" s="16">
        <v>138384</v>
      </c>
      <c r="O48" s="16">
        <v>64614</v>
      </c>
      <c r="P48" s="16">
        <v>231242</v>
      </c>
      <c r="Q48" s="16">
        <v>99300</v>
      </c>
      <c r="R48" s="16">
        <v>27552</v>
      </c>
      <c r="S48" s="16">
        <v>92440</v>
      </c>
      <c r="T48" s="16">
        <v>58661</v>
      </c>
      <c r="U48" s="16">
        <v>26820</v>
      </c>
      <c r="V48" s="16">
        <v>5431</v>
      </c>
      <c r="W48" s="16">
        <v>45628</v>
      </c>
      <c r="X48" s="16">
        <v>15828</v>
      </c>
      <c r="Y48" s="16">
        <v>277431</v>
      </c>
      <c r="Z48" s="22" t="s">
        <v>268</v>
      </c>
      <c r="AA48" s="16">
        <v>535045</v>
      </c>
      <c r="AB48" s="16">
        <v>1351106</v>
      </c>
      <c r="AC48" s="16">
        <v>277431</v>
      </c>
      <c r="AD48" s="16">
        <v>5274</v>
      </c>
      <c r="AE48" s="16">
        <v>21</v>
      </c>
    </row>
    <row r="49" spans="1:31">
      <c r="A49" s="21" t="s">
        <v>232</v>
      </c>
      <c r="B49" s="21" t="s">
        <v>233</v>
      </c>
      <c r="C49" s="21" t="s">
        <v>262</v>
      </c>
      <c r="D49" s="21" t="s">
        <v>215</v>
      </c>
      <c r="E49" s="21" t="s">
        <v>624</v>
      </c>
      <c r="F49" s="16">
        <v>1715693</v>
      </c>
      <c r="G49" s="22" t="s">
        <v>268</v>
      </c>
      <c r="H49" s="22" t="s">
        <v>268</v>
      </c>
      <c r="I49" s="22" t="s">
        <v>268</v>
      </c>
      <c r="J49" s="22" t="s">
        <v>268</v>
      </c>
      <c r="K49" s="22" t="s">
        <v>268</v>
      </c>
      <c r="L49" s="22" t="s">
        <v>268</v>
      </c>
      <c r="M49" s="22" t="s">
        <v>268</v>
      </c>
      <c r="N49" s="22" t="s">
        <v>268</v>
      </c>
      <c r="O49" s="22" t="s">
        <v>268</v>
      </c>
      <c r="P49" s="22" t="s">
        <v>268</v>
      </c>
      <c r="Q49" s="22" t="s">
        <v>268</v>
      </c>
      <c r="R49" s="22" t="s">
        <v>268</v>
      </c>
      <c r="S49" s="22" t="s">
        <v>268</v>
      </c>
      <c r="T49" s="22" t="s">
        <v>268</v>
      </c>
      <c r="U49" s="22" t="s">
        <v>268</v>
      </c>
      <c r="V49" s="22" t="s">
        <v>268</v>
      </c>
      <c r="W49" s="22" t="s">
        <v>268</v>
      </c>
      <c r="X49" s="22" t="s">
        <v>268</v>
      </c>
      <c r="Y49" s="16">
        <v>1334578</v>
      </c>
      <c r="Z49" s="16">
        <v>381115</v>
      </c>
      <c r="AA49" s="22" t="s">
        <v>268</v>
      </c>
      <c r="AB49" s="22" t="s">
        <v>268</v>
      </c>
      <c r="AC49" s="22" t="s">
        <v>268</v>
      </c>
      <c r="AD49" s="16">
        <v>18155</v>
      </c>
      <c r="AE49" s="16">
        <v>27744</v>
      </c>
    </row>
    <row r="50" spans="1:31">
      <c r="A50" s="21" t="s">
        <v>232</v>
      </c>
      <c r="B50" s="21" t="s">
        <v>233</v>
      </c>
      <c r="C50" s="21" t="s">
        <v>262</v>
      </c>
      <c r="D50" s="21" t="s">
        <v>215</v>
      </c>
      <c r="E50" s="21" t="s">
        <v>461</v>
      </c>
      <c r="F50" s="16">
        <v>65786823</v>
      </c>
      <c r="G50" s="16">
        <v>57803074</v>
      </c>
      <c r="H50" s="16">
        <v>50932588</v>
      </c>
      <c r="I50" s="16">
        <v>8572308</v>
      </c>
      <c r="J50" s="16">
        <v>40452014</v>
      </c>
      <c r="K50" s="16">
        <v>741233</v>
      </c>
      <c r="L50" s="16">
        <v>1167033</v>
      </c>
      <c r="M50" s="16">
        <v>6870486</v>
      </c>
      <c r="N50" s="16">
        <v>196992</v>
      </c>
      <c r="O50" s="16">
        <v>922623</v>
      </c>
      <c r="P50" s="16">
        <v>1010666</v>
      </c>
      <c r="Q50" s="16">
        <v>2971094</v>
      </c>
      <c r="R50" s="16">
        <v>75455</v>
      </c>
      <c r="S50" s="16">
        <v>441683</v>
      </c>
      <c r="T50" s="16">
        <v>108179</v>
      </c>
      <c r="U50" s="16">
        <v>595075</v>
      </c>
      <c r="V50" s="16">
        <v>239537</v>
      </c>
      <c r="W50" s="16">
        <v>309182</v>
      </c>
      <c r="X50" s="16">
        <v>690346</v>
      </c>
      <c r="Y50" s="16">
        <v>7293403</v>
      </c>
      <c r="Z50" s="22" t="s">
        <v>268</v>
      </c>
      <c r="AA50" s="16">
        <v>5158849</v>
      </c>
      <c r="AB50" s="22" t="s">
        <v>268</v>
      </c>
      <c r="AC50" s="22" t="s">
        <v>268</v>
      </c>
      <c r="AD50" s="16">
        <v>220586</v>
      </c>
      <c r="AE50" s="16">
        <v>360478</v>
      </c>
    </row>
    <row r="51" spans="1:31">
      <c r="A51" s="21" t="s">
        <v>232</v>
      </c>
      <c r="B51" s="21" t="s">
        <v>233</v>
      </c>
      <c r="C51" s="21" t="s">
        <v>262</v>
      </c>
      <c r="D51" s="21" t="s">
        <v>215</v>
      </c>
      <c r="E51" s="21" t="s">
        <v>462</v>
      </c>
      <c r="F51" s="16">
        <v>32757061</v>
      </c>
      <c r="G51" s="16">
        <v>30274714</v>
      </c>
      <c r="H51" s="16">
        <v>23847541</v>
      </c>
      <c r="I51" s="16">
        <v>13363562</v>
      </c>
      <c r="J51" s="16">
        <v>9437965</v>
      </c>
      <c r="K51" s="16">
        <v>903790</v>
      </c>
      <c r="L51" s="16">
        <v>142224</v>
      </c>
      <c r="M51" s="16">
        <v>6427173</v>
      </c>
      <c r="N51" s="16">
        <v>436724</v>
      </c>
      <c r="O51" s="16">
        <v>735369</v>
      </c>
      <c r="P51" s="16">
        <v>1904099</v>
      </c>
      <c r="Q51" s="16">
        <v>828203</v>
      </c>
      <c r="R51" s="16">
        <v>251112</v>
      </c>
      <c r="S51" s="16">
        <v>1147950</v>
      </c>
      <c r="T51" s="16">
        <v>174249</v>
      </c>
      <c r="U51" s="16">
        <v>550364</v>
      </c>
      <c r="V51" s="16">
        <v>168645</v>
      </c>
      <c r="W51" s="16">
        <v>230458</v>
      </c>
      <c r="X51" s="16">
        <v>174176</v>
      </c>
      <c r="Y51" s="16">
        <v>2308171</v>
      </c>
      <c r="Z51" s="22" t="s">
        <v>268</v>
      </c>
      <c r="AA51" s="16">
        <v>4650818</v>
      </c>
      <c r="AB51" s="16">
        <v>12976792</v>
      </c>
      <c r="AC51" s="16">
        <v>2308171</v>
      </c>
      <c r="AD51" s="16">
        <v>39692</v>
      </c>
      <c r="AE51" s="16">
        <v>7935</v>
      </c>
    </row>
    <row r="52" spans="1:31">
      <c r="A52" s="21" t="s">
        <v>232</v>
      </c>
      <c r="B52" s="21" t="s">
        <v>233</v>
      </c>
      <c r="C52" s="21" t="s">
        <v>262</v>
      </c>
      <c r="D52" s="21" t="s">
        <v>215</v>
      </c>
      <c r="E52" s="21" t="s">
        <v>463</v>
      </c>
      <c r="F52" s="16">
        <v>14649173</v>
      </c>
      <c r="G52" s="16">
        <v>13635236</v>
      </c>
      <c r="H52" s="16">
        <v>10848855</v>
      </c>
      <c r="I52" s="16">
        <v>6461498</v>
      </c>
      <c r="J52" s="16">
        <v>3828410</v>
      </c>
      <c r="K52" s="16">
        <v>554234</v>
      </c>
      <c r="L52" s="16">
        <v>4713</v>
      </c>
      <c r="M52" s="16">
        <v>2786381</v>
      </c>
      <c r="N52" s="16">
        <v>314928</v>
      </c>
      <c r="O52" s="16">
        <v>140874</v>
      </c>
      <c r="P52" s="16">
        <v>1019147</v>
      </c>
      <c r="Q52" s="16">
        <v>245357</v>
      </c>
      <c r="R52" s="16">
        <v>132526</v>
      </c>
      <c r="S52" s="16">
        <v>524963</v>
      </c>
      <c r="T52" s="16">
        <v>111458</v>
      </c>
      <c r="U52" s="16">
        <v>135389</v>
      </c>
      <c r="V52" s="16">
        <v>41663</v>
      </c>
      <c r="W52" s="16">
        <v>120076</v>
      </c>
      <c r="X52" s="16">
        <v>66435</v>
      </c>
      <c r="Y52" s="16">
        <v>947502</v>
      </c>
      <c r="Z52" s="22" t="s">
        <v>268</v>
      </c>
      <c r="AA52" s="16">
        <v>2083602</v>
      </c>
      <c r="AB52" s="16">
        <v>6440224</v>
      </c>
      <c r="AC52" s="16">
        <v>947502</v>
      </c>
      <c r="AD52" s="16">
        <v>16620</v>
      </c>
      <c r="AE52" s="16">
        <v>687</v>
      </c>
    </row>
    <row r="53" spans="1:31">
      <c r="A53" s="21" t="s">
        <v>232</v>
      </c>
      <c r="B53" s="21" t="s">
        <v>233</v>
      </c>
      <c r="C53" s="21" t="s">
        <v>262</v>
      </c>
      <c r="D53" s="21" t="s">
        <v>216</v>
      </c>
      <c r="E53" s="21" t="s">
        <v>401</v>
      </c>
      <c r="F53" s="16">
        <v>22903181</v>
      </c>
      <c r="G53" s="16">
        <v>12232318</v>
      </c>
      <c r="H53" s="16">
        <v>9852433</v>
      </c>
      <c r="I53" s="16">
        <v>381810</v>
      </c>
      <c r="J53" s="16">
        <v>751484</v>
      </c>
      <c r="K53" s="16">
        <v>24843</v>
      </c>
      <c r="L53" s="16">
        <v>8694296</v>
      </c>
      <c r="M53" s="16">
        <v>2379885</v>
      </c>
      <c r="N53" s="16">
        <v>3180</v>
      </c>
      <c r="O53" s="16">
        <v>168447</v>
      </c>
      <c r="P53" s="16">
        <v>11771</v>
      </c>
      <c r="Q53" s="16">
        <v>430106</v>
      </c>
      <c r="R53" s="16">
        <v>19209</v>
      </c>
      <c r="S53" s="16">
        <v>77054</v>
      </c>
      <c r="T53" s="16">
        <v>52525</v>
      </c>
      <c r="U53" s="16">
        <v>96600</v>
      </c>
      <c r="V53" s="16">
        <v>312890</v>
      </c>
      <c r="W53" s="16">
        <v>1208103</v>
      </c>
      <c r="X53" s="16">
        <v>367338</v>
      </c>
      <c r="Y53" s="16">
        <v>10214796</v>
      </c>
      <c r="Z53" s="16">
        <v>88729</v>
      </c>
      <c r="AA53" s="16">
        <v>1633048</v>
      </c>
      <c r="AB53" s="16">
        <v>90998</v>
      </c>
      <c r="AC53" s="16">
        <v>4408635</v>
      </c>
      <c r="AD53" s="16">
        <v>260038</v>
      </c>
      <c r="AE53" s="16">
        <v>135888</v>
      </c>
    </row>
    <row r="54" spans="1:31">
      <c r="A54" s="21" t="s">
        <v>232</v>
      </c>
      <c r="B54" s="21" t="s">
        <v>233</v>
      </c>
      <c r="C54" s="21" t="s">
        <v>262</v>
      </c>
      <c r="D54" s="21" t="s">
        <v>216</v>
      </c>
      <c r="E54" s="21" t="s">
        <v>514</v>
      </c>
      <c r="F54" s="16">
        <v>105</v>
      </c>
      <c r="G54" s="16">
        <v>67</v>
      </c>
      <c r="H54" s="16">
        <v>27</v>
      </c>
      <c r="I54" s="22" t="s">
        <v>268</v>
      </c>
      <c r="J54" s="16">
        <v>9</v>
      </c>
      <c r="K54" s="16">
        <v>2</v>
      </c>
      <c r="L54" s="16">
        <v>16</v>
      </c>
      <c r="M54" s="16">
        <v>40</v>
      </c>
      <c r="N54" s="22" t="s">
        <v>268</v>
      </c>
      <c r="O54" s="22" t="s">
        <v>268</v>
      </c>
      <c r="P54" s="22" t="s">
        <v>268</v>
      </c>
      <c r="Q54" s="22" t="s">
        <v>268</v>
      </c>
      <c r="R54" s="22" t="s">
        <v>268</v>
      </c>
      <c r="S54" s="22" t="s">
        <v>268</v>
      </c>
      <c r="T54" s="22" t="s">
        <v>268</v>
      </c>
      <c r="U54" s="22" t="s">
        <v>268</v>
      </c>
      <c r="V54" s="16">
        <v>28</v>
      </c>
      <c r="W54" s="16">
        <v>12</v>
      </c>
      <c r="X54" s="16">
        <v>4</v>
      </c>
      <c r="Y54" s="16">
        <v>34</v>
      </c>
      <c r="Z54" s="22" t="s">
        <v>268</v>
      </c>
      <c r="AA54" s="16">
        <v>3</v>
      </c>
      <c r="AB54" s="22" t="s">
        <v>268</v>
      </c>
      <c r="AC54" s="22" t="s">
        <v>268</v>
      </c>
      <c r="AD54" s="16">
        <v>16</v>
      </c>
      <c r="AE54" s="22" t="s">
        <v>268</v>
      </c>
    </row>
    <row r="55" spans="1:31">
      <c r="A55" s="21" t="s">
        <v>232</v>
      </c>
      <c r="B55" s="21" t="s">
        <v>233</v>
      </c>
      <c r="C55" s="21" t="s">
        <v>262</v>
      </c>
      <c r="D55" s="21" t="s">
        <v>216</v>
      </c>
      <c r="E55" s="21" t="s">
        <v>515</v>
      </c>
      <c r="F55" s="16">
        <v>132399</v>
      </c>
      <c r="G55" s="16">
        <v>4771</v>
      </c>
      <c r="H55" s="16">
        <v>2100</v>
      </c>
      <c r="I55" s="16">
        <v>248</v>
      </c>
      <c r="J55" s="16">
        <v>228</v>
      </c>
      <c r="K55" s="16">
        <v>72</v>
      </c>
      <c r="L55" s="16">
        <v>1552</v>
      </c>
      <c r="M55" s="16">
        <v>2671</v>
      </c>
      <c r="N55" s="22" t="s">
        <v>268</v>
      </c>
      <c r="O55" s="16">
        <v>6</v>
      </c>
      <c r="P55" s="22" t="s">
        <v>268</v>
      </c>
      <c r="Q55" s="16">
        <v>9</v>
      </c>
      <c r="R55" s="16">
        <v>17</v>
      </c>
      <c r="S55" s="16">
        <v>4</v>
      </c>
      <c r="T55" s="16">
        <v>4</v>
      </c>
      <c r="U55" s="16">
        <v>5</v>
      </c>
      <c r="V55" s="16">
        <v>2293</v>
      </c>
      <c r="W55" s="16">
        <v>333</v>
      </c>
      <c r="X55" s="16">
        <v>1143</v>
      </c>
      <c r="Y55" s="16">
        <v>126485</v>
      </c>
      <c r="Z55" s="22" t="s">
        <v>268</v>
      </c>
      <c r="AA55" s="16">
        <v>55</v>
      </c>
      <c r="AB55" s="22" t="s">
        <v>268</v>
      </c>
      <c r="AC55" s="22" t="s">
        <v>268</v>
      </c>
      <c r="AD55" s="16">
        <v>5984</v>
      </c>
      <c r="AE55" s="16">
        <v>6646</v>
      </c>
    </row>
    <row r="56" spans="1:31">
      <c r="A56" s="21" t="s">
        <v>232</v>
      </c>
      <c r="B56" s="21" t="s">
        <v>233</v>
      </c>
      <c r="C56" s="21" t="s">
        <v>262</v>
      </c>
      <c r="D56" s="21" t="s">
        <v>216</v>
      </c>
      <c r="E56" s="21" t="s">
        <v>516</v>
      </c>
      <c r="F56" s="16">
        <v>888924</v>
      </c>
      <c r="G56" s="16">
        <v>96370</v>
      </c>
      <c r="H56" s="16">
        <v>61917</v>
      </c>
      <c r="I56" s="16">
        <v>10598</v>
      </c>
      <c r="J56" s="16">
        <v>7767</v>
      </c>
      <c r="K56" s="16">
        <v>740</v>
      </c>
      <c r="L56" s="16">
        <v>42812</v>
      </c>
      <c r="M56" s="16">
        <v>34453</v>
      </c>
      <c r="N56" s="16">
        <v>24</v>
      </c>
      <c r="O56" s="16">
        <v>99</v>
      </c>
      <c r="P56" s="16">
        <v>21</v>
      </c>
      <c r="Q56" s="16">
        <v>161</v>
      </c>
      <c r="R56" s="16">
        <v>487</v>
      </c>
      <c r="S56" s="16">
        <v>314</v>
      </c>
      <c r="T56" s="16">
        <v>38</v>
      </c>
      <c r="U56" s="16">
        <v>90</v>
      </c>
      <c r="V56" s="16">
        <v>28216</v>
      </c>
      <c r="W56" s="16">
        <v>5003</v>
      </c>
      <c r="X56" s="16">
        <v>31659</v>
      </c>
      <c r="Y56" s="16">
        <v>760895</v>
      </c>
      <c r="Z56" s="22" t="s">
        <v>268</v>
      </c>
      <c r="AA56" s="16">
        <v>2100</v>
      </c>
      <c r="AB56" s="22" t="s">
        <v>268</v>
      </c>
      <c r="AC56" s="22" t="s">
        <v>268</v>
      </c>
      <c r="AD56" s="16">
        <v>38709</v>
      </c>
      <c r="AE56" s="16">
        <v>51469</v>
      </c>
    </row>
    <row r="57" spans="1:31">
      <c r="A57" s="21" t="s">
        <v>232</v>
      </c>
      <c r="B57" s="21" t="s">
        <v>233</v>
      </c>
      <c r="C57" s="21" t="s">
        <v>262</v>
      </c>
      <c r="D57" s="21" t="s">
        <v>216</v>
      </c>
      <c r="E57" s="21" t="s">
        <v>517</v>
      </c>
      <c r="F57" s="16">
        <v>1067652</v>
      </c>
      <c r="G57" s="16">
        <v>286373</v>
      </c>
      <c r="H57" s="16">
        <v>244893</v>
      </c>
      <c r="I57" s="16">
        <v>49760</v>
      </c>
      <c r="J57" s="16">
        <v>42691</v>
      </c>
      <c r="K57" s="16">
        <v>983</v>
      </c>
      <c r="L57" s="16">
        <v>151459</v>
      </c>
      <c r="M57" s="16">
        <v>41480</v>
      </c>
      <c r="N57" s="16">
        <v>68</v>
      </c>
      <c r="O57" s="16">
        <v>309</v>
      </c>
      <c r="P57" s="16">
        <v>197</v>
      </c>
      <c r="Q57" s="16">
        <v>725</v>
      </c>
      <c r="R57" s="16">
        <v>845</v>
      </c>
      <c r="S57" s="16">
        <v>1274</v>
      </c>
      <c r="T57" s="16">
        <v>155</v>
      </c>
      <c r="U57" s="16">
        <v>360</v>
      </c>
      <c r="V57" s="16">
        <v>26485</v>
      </c>
      <c r="W57" s="16">
        <v>11062</v>
      </c>
      <c r="X57" s="16">
        <v>49158</v>
      </c>
      <c r="Y57" s="16">
        <v>732121</v>
      </c>
      <c r="Z57" s="22" t="s">
        <v>268</v>
      </c>
      <c r="AA57" s="16">
        <v>8212</v>
      </c>
      <c r="AB57" s="22" t="s">
        <v>268</v>
      </c>
      <c r="AC57" s="22" t="s">
        <v>268</v>
      </c>
      <c r="AD57" s="16">
        <v>31451</v>
      </c>
      <c r="AE57" s="16">
        <v>33897</v>
      </c>
    </row>
    <row r="58" spans="1:31">
      <c r="A58" s="21" t="s">
        <v>232</v>
      </c>
      <c r="B58" s="21" t="s">
        <v>233</v>
      </c>
      <c r="C58" s="21" t="s">
        <v>262</v>
      </c>
      <c r="D58" s="21" t="s">
        <v>216</v>
      </c>
      <c r="E58" s="21" t="s">
        <v>518</v>
      </c>
      <c r="F58" s="16">
        <v>1045160</v>
      </c>
      <c r="G58" s="16">
        <v>536558</v>
      </c>
      <c r="H58" s="16">
        <v>490649</v>
      </c>
      <c r="I58" s="16">
        <v>48078</v>
      </c>
      <c r="J58" s="16">
        <v>107013</v>
      </c>
      <c r="K58" s="16">
        <v>1123</v>
      </c>
      <c r="L58" s="16">
        <v>334435</v>
      </c>
      <c r="M58" s="16">
        <v>45909</v>
      </c>
      <c r="N58" s="16">
        <v>88</v>
      </c>
      <c r="O58" s="16">
        <v>489</v>
      </c>
      <c r="P58" s="16">
        <v>673</v>
      </c>
      <c r="Q58" s="16">
        <v>2124</v>
      </c>
      <c r="R58" s="16">
        <v>743</v>
      </c>
      <c r="S58" s="16">
        <v>3569</v>
      </c>
      <c r="T58" s="16">
        <v>277</v>
      </c>
      <c r="U58" s="16">
        <v>610</v>
      </c>
      <c r="V58" s="16">
        <v>16485</v>
      </c>
      <c r="W58" s="16">
        <v>20851</v>
      </c>
      <c r="X58" s="16">
        <v>28696</v>
      </c>
      <c r="Y58" s="16">
        <v>479906</v>
      </c>
      <c r="Z58" s="22" t="s">
        <v>268</v>
      </c>
      <c r="AA58" s="16">
        <v>21530</v>
      </c>
      <c r="AB58" s="22" t="s">
        <v>268</v>
      </c>
      <c r="AC58" s="22" t="s">
        <v>268</v>
      </c>
      <c r="AD58" s="16">
        <v>18228</v>
      </c>
      <c r="AE58" s="16">
        <v>14917</v>
      </c>
    </row>
    <row r="59" spans="1:31">
      <c r="A59" s="21" t="s">
        <v>232</v>
      </c>
      <c r="B59" s="21" t="s">
        <v>233</v>
      </c>
      <c r="C59" s="21" t="s">
        <v>262</v>
      </c>
      <c r="D59" s="21" t="s">
        <v>216</v>
      </c>
      <c r="E59" s="21" t="s">
        <v>519</v>
      </c>
      <c r="F59" s="16">
        <v>1267075</v>
      </c>
      <c r="G59" s="16">
        <v>872822</v>
      </c>
      <c r="H59" s="16">
        <v>806447</v>
      </c>
      <c r="I59" s="16">
        <v>33024</v>
      </c>
      <c r="J59" s="16">
        <v>150909</v>
      </c>
      <c r="K59" s="16">
        <v>1326</v>
      </c>
      <c r="L59" s="16">
        <v>621188</v>
      </c>
      <c r="M59" s="16">
        <v>66375</v>
      </c>
      <c r="N59" s="16">
        <v>128</v>
      </c>
      <c r="O59" s="16">
        <v>657</v>
      </c>
      <c r="P59" s="16">
        <v>1329</v>
      </c>
      <c r="Q59" s="16">
        <v>4240</v>
      </c>
      <c r="R59" s="16">
        <v>533</v>
      </c>
      <c r="S59" s="16">
        <v>7922</v>
      </c>
      <c r="T59" s="16">
        <v>301</v>
      </c>
      <c r="U59" s="16">
        <v>1035</v>
      </c>
      <c r="V59" s="16">
        <v>12813</v>
      </c>
      <c r="W59" s="16">
        <v>37417</v>
      </c>
      <c r="X59" s="16">
        <v>24083</v>
      </c>
      <c r="Y59" s="16">
        <v>370170</v>
      </c>
      <c r="Z59" s="22" t="s">
        <v>268</v>
      </c>
      <c r="AA59" s="16">
        <v>44848</v>
      </c>
      <c r="AB59" s="22" t="s">
        <v>268</v>
      </c>
      <c r="AC59" s="22" t="s">
        <v>268</v>
      </c>
      <c r="AD59" s="16">
        <v>11282</v>
      </c>
      <c r="AE59" s="16">
        <v>7724</v>
      </c>
    </row>
    <row r="60" spans="1:31">
      <c r="A60" s="21" t="s">
        <v>232</v>
      </c>
      <c r="B60" s="21" t="s">
        <v>233</v>
      </c>
      <c r="C60" s="21" t="s">
        <v>262</v>
      </c>
      <c r="D60" s="21" t="s">
        <v>216</v>
      </c>
      <c r="E60" s="21" t="s">
        <v>520</v>
      </c>
      <c r="F60" s="16">
        <v>1569398</v>
      </c>
      <c r="G60" s="16">
        <v>1186998</v>
      </c>
      <c r="H60" s="16">
        <v>1087435</v>
      </c>
      <c r="I60" s="16">
        <v>28428</v>
      </c>
      <c r="J60" s="16">
        <v>147462</v>
      </c>
      <c r="K60" s="16">
        <v>2026</v>
      </c>
      <c r="L60" s="16">
        <v>909519</v>
      </c>
      <c r="M60" s="16">
        <v>99563</v>
      </c>
      <c r="N60" s="16">
        <v>256</v>
      </c>
      <c r="O60" s="16">
        <v>1083</v>
      </c>
      <c r="P60" s="16">
        <v>1566</v>
      </c>
      <c r="Q60" s="16">
        <v>5427</v>
      </c>
      <c r="R60" s="16">
        <v>665</v>
      </c>
      <c r="S60" s="16">
        <v>13394</v>
      </c>
      <c r="T60" s="16">
        <v>588</v>
      </c>
      <c r="U60" s="16">
        <v>2037</v>
      </c>
      <c r="V60" s="16">
        <v>12704</v>
      </c>
      <c r="W60" s="16">
        <v>61843</v>
      </c>
      <c r="X60" s="16">
        <v>26889</v>
      </c>
      <c r="Y60" s="16">
        <v>355511</v>
      </c>
      <c r="Z60" s="22" t="s">
        <v>268</v>
      </c>
      <c r="AA60" s="16">
        <v>75791</v>
      </c>
      <c r="AB60" s="22" t="s">
        <v>268</v>
      </c>
      <c r="AC60" s="22" t="s">
        <v>268</v>
      </c>
      <c r="AD60" s="16">
        <v>10348</v>
      </c>
      <c r="AE60" s="16">
        <v>4586</v>
      </c>
    </row>
    <row r="61" spans="1:31">
      <c r="A61" s="21" t="s">
        <v>232</v>
      </c>
      <c r="B61" s="21" t="s">
        <v>233</v>
      </c>
      <c r="C61" s="21" t="s">
        <v>262</v>
      </c>
      <c r="D61" s="21" t="s">
        <v>216</v>
      </c>
      <c r="E61" s="21" t="s">
        <v>521</v>
      </c>
      <c r="F61" s="16">
        <v>2016709</v>
      </c>
      <c r="G61" s="16">
        <v>1531719</v>
      </c>
      <c r="H61" s="16">
        <v>1372706</v>
      </c>
      <c r="I61" s="16">
        <v>33334</v>
      </c>
      <c r="J61" s="16">
        <v>117839</v>
      </c>
      <c r="K61" s="16">
        <v>3716</v>
      </c>
      <c r="L61" s="16">
        <v>1217817</v>
      </c>
      <c r="M61" s="16">
        <v>159013</v>
      </c>
      <c r="N61" s="16">
        <v>356</v>
      </c>
      <c r="O61" s="16">
        <v>2424</v>
      </c>
      <c r="P61" s="16">
        <v>1506</v>
      </c>
      <c r="Q61" s="16">
        <v>8509</v>
      </c>
      <c r="R61" s="16">
        <v>792</v>
      </c>
      <c r="S61" s="16">
        <v>17623</v>
      </c>
      <c r="T61" s="16">
        <v>1448</v>
      </c>
      <c r="U61" s="16">
        <v>4706</v>
      </c>
      <c r="V61" s="16">
        <v>17010</v>
      </c>
      <c r="W61" s="16">
        <v>104639</v>
      </c>
      <c r="X61" s="16">
        <v>36702</v>
      </c>
      <c r="Y61" s="16">
        <v>448288</v>
      </c>
      <c r="Z61" s="22" t="s">
        <v>268</v>
      </c>
      <c r="AA61" s="16">
        <v>125679</v>
      </c>
      <c r="AB61" s="22" t="s">
        <v>268</v>
      </c>
      <c r="AC61" s="22" t="s">
        <v>268</v>
      </c>
      <c r="AD61" s="16">
        <v>12218</v>
      </c>
      <c r="AE61" s="16">
        <v>3193</v>
      </c>
    </row>
    <row r="62" spans="1:31">
      <c r="A62" s="21" t="s">
        <v>232</v>
      </c>
      <c r="B62" s="21" t="s">
        <v>233</v>
      </c>
      <c r="C62" s="21" t="s">
        <v>262</v>
      </c>
      <c r="D62" s="21" t="s">
        <v>216</v>
      </c>
      <c r="E62" s="21" t="s">
        <v>522</v>
      </c>
      <c r="F62" s="16">
        <v>1853824</v>
      </c>
      <c r="G62" s="16">
        <v>1342070</v>
      </c>
      <c r="H62" s="16">
        <v>1156562</v>
      </c>
      <c r="I62" s="16">
        <v>32556</v>
      </c>
      <c r="J62" s="16">
        <v>74479</v>
      </c>
      <c r="K62" s="16">
        <v>4555</v>
      </c>
      <c r="L62" s="16">
        <v>1044972</v>
      </c>
      <c r="M62" s="16">
        <v>185508</v>
      </c>
      <c r="N62" s="16">
        <v>476</v>
      </c>
      <c r="O62" s="16">
        <v>4023</v>
      </c>
      <c r="P62" s="16">
        <v>1216</v>
      </c>
      <c r="Q62" s="16">
        <v>11185</v>
      </c>
      <c r="R62" s="16">
        <v>946</v>
      </c>
      <c r="S62" s="16">
        <v>14318</v>
      </c>
      <c r="T62" s="16">
        <v>2284</v>
      </c>
      <c r="U62" s="16">
        <v>7090</v>
      </c>
      <c r="V62" s="16">
        <v>20751</v>
      </c>
      <c r="W62" s="16">
        <v>123219</v>
      </c>
      <c r="X62" s="16">
        <v>35252</v>
      </c>
      <c r="Y62" s="16">
        <v>476502</v>
      </c>
      <c r="Z62" s="22" t="s">
        <v>268</v>
      </c>
      <c r="AA62" s="16">
        <v>144781</v>
      </c>
      <c r="AB62" s="22" t="s">
        <v>268</v>
      </c>
      <c r="AC62" s="22" t="s">
        <v>268</v>
      </c>
      <c r="AD62" s="16">
        <v>13096</v>
      </c>
      <c r="AE62" s="16">
        <v>1486</v>
      </c>
    </row>
    <row r="63" spans="1:31">
      <c r="A63" s="21" t="s">
        <v>232</v>
      </c>
      <c r="B63" s="21" t="s">
        <v>233</v>
      </c>
      <c r="C63" s="21" t="s">
        <v>262</v>
      </c>
      <c r="D63" s="21" t="s">
        <v>216</v>
      </c>
      <c r="E63" s="21" t="s">
        <v>523</v>
      </c>
      <c r="F63" s="16">
        <v>1558904</v>
      </c>
      <c r="G63" s="16">
        <v>1036033</v>
      </c>
      <c r="H63" s="16">
        <v>839441</v>
      </c>
      <c r="I63" s="16">
        <v>32714</v>
      </c>
      <c r="J63" s="16">
        <v>45004</v>
      </c>
      <c r="K63" s="16">
        <v>4475</v>
      </c>
      <c r="L63" s="16">
        <v>757248</v>
      </c>
      <c r="M63" s="16">
        <v>196592</v>
      </c>
      <c r="N63" s="16">
        <v>448</v>
      </c>
      <c r="O63" s="16">
        <v>6114</v>
      </c>
      <c r="P63" s="16">
        <v>897</v>
      </c>
      <c r="Q63" s="16">
        <v>18770</v>
      </c>
      <c r="R63" s="16">
        <v>1038</v>
      </c>
      <c r="S63" s="16">
        <v>8738</v>
      </c>
      <c r="T63" s="16">
        <v>2894</v>
      </c>
      <c r="U63" s="16">
        <v>11193</v>
      </c>
      <c r="V63" s="16">
        <v>22064</v>
      </c>
      <c r="W63" s="16">
        <v>124436</v>
      </c>
      <c r="X63" s="16">
        <v>29459</v>
      </c>
      <c r="Y63" s="16">
        <v>493412</v>
      </c>
      <c r="Z63" s="22" t="s">
        <v>268</v>
      </c>
      <c r="AA63" s="16">
        <v>151488</v>
      </c>
      <c r="AB63" s="22" t="s">
        <v>268</v>
      </c>
      <c r="AC63" s="22" t="s">
        <v>268</v>
      </c>
      <c r="AD63" s="16">
        <v>12676</v>
      </c>
      <c r="AE63" s="16">
        <v>1015</v>
      </c>
    </row>
    <row r="64" spans="1:31">
      <c r="A64" s="21" t="s">
        <v>232</v>
      </c>
      <c r="B64" s="21" t="s">
        <v>233</v>
      </c>
      <c r="C64" s="21" t="s">
        <v>262</v>
      </c>
      <c r="D64" s="21" t="s">
        <v>216</v>
      </c>
      <c r="E64" s="21" t="s">
        <v>524</v>
      </c>
      <c r="F64" s="16">
        <v>1326981</v>
      </c>
      <c r="G64" s="16">
        <v>809794</v>
      </c>
      <c r="H64" s="16">
        <v>606956</v>
      </c>
      <c r="I64" s="16">
        <v>28322</v>
      </c>
      <c r="J64" s="16">
        <v>24198</v>
      </c>
      <c r="K64" s="16">
        <v>3188</v>
      </c>
      <c r="L64" s="16">
        <v>551248</v>
      </c>
      <c r="M64" s="16">
        <v>202838</v>
      </c>
      <c r="N64" s="16">
        <v>308</v>
      </c>
      <c r="O64" s="16">
        <v>8013</v>
      </c>
      <c r="P64" s="16">
        <v>855</v>
      </c>
      <c r="Q64" s="16">
        <v>32269</v>
      </c>
      <c r="R64" s="16">
        <v>1238</v>
      </c>
      <c r="S64" s="16">
        <v>4430</v>
      </c>
      <c r="T64" s="16">
        <v>3108</v>
      </c>
      <c r="U64" s="16">
        <v>15237</v>
      </c>
      <c r="V64" s="16">
        <v>23160</v>
      </c>
      <c r="W64" s="16">
        <v>114220</v>
      </c>
      <c r="X64" s="16">
        <v>22375</v>
      </c>
      <c r="Y64" s="16">
        <v>494812</v>
      </c>
      <c r="Z64" s="22" t="s">
        <v>268</v>
      </c>
      <c r="AA64" s="16">
        <v>153623</v>
      </c>
      <c r="AB64" s="16">
        <v>13636</v>
      </c>
      <c r="AC64" s="22" t="s">
        <v>268</v>
      </c>
      <c r="AD64" s="16">
        <v>11091</v>
      </c>
      <c r="AE64" s="16">
        <v>898</v>
      </c>
    </row>
    <row r="65" spans="1:31">
      <c r="A65" s="21" t="s">
        <v>232</v>
      </c>
      <c r="B65" s="21" t="s">
        <v>233</v>
      </c>
      <c r="C65" s="21" t="s">
        <v>262</v>
      </c>
      <c r="D65" s="21" t="s">
        <v>216</v>
      </c>
      <c r="E65" s="21" t="s">
        <v>525</v>
      </c>
      <c r="F65" s="16">
        <v>1498907</v>
      </c>
      <c r="G65" s="16">
        <v>837793</v>
      </c>
      <c r="H65" s="16">
        <v>597502</v>
      </c>
      <c r="I65" s="16">
        <v>27166</v>
      </c>
      <c r="J65" s="16">
        <v>14299</v>
      </c>
      <c r="K65" s="16">
        <v>1712</v>
      </c>
      <c r="L65" s="16">
        <v>554325</v>
      </c>
      <c r="M65" s="16">
        <v>240291</v>
      </c>
      <c r="N65" s="16">
        <v>228</v>
      </c>
      <c r="O65" s="16">
        <v>10275</v>
      </c>
      <c r="P65" s="16">
        <v>1057</v>
      </c>
      <c r="Q65" s="16">
        <v>55083</v>
      </c>
      <c r="R65" s="16">
        <v>1451</v>
      </c>
      <c r="S65" s="16">
        <v>2483</v>
      </c>
      <c r="T65" s="16">
        <v>3591</v>
      </c>
      <c r="U65" s="16">
        <v>15854</v>
      </c>
      <c r="V65" s="16">
        <v>29229</v>
      </c>
      <c r="W65" s="16">
        <v>121040</v>
      </c>
      <c r="X65" s="16">
        <v>20978</v>
      </c>
      <c r="Y65" s="16">
        <v>640136</v>
      </c>
      <c r="Z65" s="22" t="s">
        <v>268</v>
      </c>
      <c r="AA65" s="16">
        <v>176822</v>
      </c>
      <c r="AB65" s="16">
        <v>22894</v>
      </c>
      <c r="AC65" s="16">
        <v>640136</v>
      </c>
      <c r="AD65" s="16">
        <v>12231</v>
      </c>
      <c r="AE65" s="16">
        <v>750</v>
      </c>
    </row>
    <row r="66" spans="1:31">
      <c r="A66" s="21" t="s">
        <v>232</v>
      </c>
      <c r="B66" s="21" t="s">
        <v>233</v>
      </c>
      <c r="C66" s="21" t="s">
        <v>262</v>
      </c>
      <c r="D66" s="21" t="s">
        <v>216</v>
      </c>
      <c r="E66" s="21" t="s">
        <v>526</v>
      </c>
      <c r="F66" s="16">
        <v>1948370</v>
      </c>
      <c r="G66" s="16">
        <v>1017562</v>
      </c>
      <c r="H66" s="16">
        <v>718547</v>
      </c>
      <c r="I66" s="16">
        <v>26782</v>
      </c>
      <c r="J66" s="16">
        <v>10240</v>
      </c>
      <c r="K66" s="16">
        <v>767</v>
      </c>
      <c r="L66" s="16">
        <v>680758</v>
      </c>
      <c r="M66" s="16">
        <v>299015</v>
      </c>
      <c r="N66" s="16">
        <v>252</v>
      </c>
      <c r="O66" s="16">
        <v>16863</v>
      </c>
      <c r="P66" s="16">
        <v>1069</v>
      </c>
      <c r="Q66" s="16">
        <v>78902</v>
      </c>
      <c r="R66" s="16">
        <v>2076</v>
      </c>
      <c r="S66" s="16">
        <v>1619</v>
      </c>
      <c r="T66" s="16">
        <v>4489</v>
      </c>
      <c r="U66" s="16">
        <v>13750</v>
      </c>
      <c r="V66" s="16">
        <v>36837</v>
      </c>
      <c r="W66" s="16">
        <v>143158</v>
      </c>
      <c r="X66" s="16">
        <v>22515</v>
      </c>
      <c r="Y66" s="16">
        <v>908293</v>
      </c>
      <c r="Z66" s="22" t="s">
        <v>268</v>
      </c>
      <c r="AA66" s="16">
        <v>211109</v>
      </c>
      <c r="AB66" s="16">
        <v>24818</v>
      </c>
      <c r="AC66" s="16">
        <v>908293</v>
      </c>
      <c r="AD66" s="16">
        <v>14309</v>
      </c>
      <c r="AE66" s="16">
        <v>644</v>
      </c>
    </row>
    <row r="67" spans="1:31">
      <c r="A67" s="21" t="s">
        <v>232</v>
      </c>
      <c r="B67" s="21" t="s">
        <v>233</v>
      </c>
      <c r="C67" s="21" t="s">
        <v>262</v>
      </c>
      <c r="D67" s="21" t="s">
        <v>216</v>
      </c>
      <c r="E67" s="21" t="s">
        <v>527</v>
      </c>
      <c r="F67" s="16">
        <v>1862785</v>
      </c>
      <c r="G67" s="16">
        <v>932231</v>
      </c>
      <c r="H67" s="16">
        <v>666067</v>
      </c>
      <c r="I67" s="16">
        <v>16776</v>
      </c>
      <c r="J67" s="16">
        <v>5612</v>
      </c>
      <c r="K67" s="16">
        <v>116</v>
      </c>
      <c r="L67" s="16">
        <v>643563</v>
      </c>
      <c r="M67" s="16">
        <v>266164</v>
      </c>
      <c r="N67" s="16">
        <v>244</v>
      </c>
      <c r="O67" s="16">
        <v>22548</v>
      </c>
      <c r="P67" s="16">
        <v>794</v>
      </c>
      <c r="Q67" s="16">
        <v>72813</v>
      </c>
      <c r="R67" s="16">
        <v>1920</v>
      </c>
      <c r="S67" s="16">
        <v>817</v>
      </c>
      <c r="T67" s="16">
        <v>6272</v>
      </c>
      <c r="U67" s="16">
        <v>9408</v>
      </c>
      <c r="V67" s="16">
        <v>26757</v>
      </c>
      <c r="W67" s="16">
        <v>124591</v>
      </c>
      <c r="X67" s="16">
        <v>15375</v>
      </c>
      <c r="Y67" s="16">
        <v>915179</v>
      </c>
      <c r="Z67" s="22" t="s">
        <v>268</v>
      </c>
      <c r="AA67" s="16">
        <v>182860</v>
      </c>
      <c r="AB67" s="16">
        <v>16092</v>
      </c>
      <c r="AC67" s="16">
        <v>915179</v>
      </c>
      <c r="AD67" s="16">
        <v>13852</v>
      </c>
      <c r="AE67" s="16">
        <v>225</v>
      </c>
    </row>
    <row r="68" spans="1:31">
      <c r="A68" s="21" t="s">
        <v>232</v>
      </c>
      <c r="B68" s="21" t="s">
        <v>233</v>
      </c>
      <c r="C68" s="21" t="s">
        <v>262</v>
      </c>
      <c r="D68" s="21" t="s">
        <v>216</v>
      </c>
      <c r="E68" s="21" t="s">
        <v>528</v>
      </c>
      <c r="F68" s="16">
        <v>1705704</v>
      </c>
      <c r="G68" s="16">
        <v>806437</v>
      </c>
      <c r="H68" s="16">
        <v>571039</v>
      </c>
      <c r="I68" s="16">
        <v>9400</v>
      </c>
      <c r="J68" s="16">
        <v>2532</v>
      </c>
      <c r="K68" s="16">
        <v>40</v>
      </c>
      <c r="L68" s="16">
        <v>559067</v>
      </c>
      <c r="M68" s="16">
        <v>235398</v>
      </c>
      <c r="N68" s="16">
        <v>152</v>
      </c>
      <c r="O68" s="16">
        <v>30360</v>
      </c>
      <c r="P68" s="16">
        <v>399</v>
      </c>
      <c r="Q68" s="16">
        <v>64568</v>
      </c>
      <c r="R68" s="16">
        <v>2118</v>
      </c>
      <c r="S68" s="16">
        <v>375</v>
      </c>
      <c r="T68" s="16">
        <v>8345</v>
      </c>
      <c r="U68" s="16">
        <v>6950</v>
      </c>
      <c r="V68" s="16">
        <v>18973</v>
      </c>
      <c r="W68" s="16">
        <v>103158</v>
      </c>
      <c r="X68" s="16">
        <v>11130</v>
      </c>
      <c r="Y68" s="16">
        <v>888137</v>
      </c>
      <c r="Z68" s="22" t="s">
        <v>268</v>
      </c>
      <c r="AA68" s="16">
        <v>154359</v>
      </c>
      <c r="AB68" s="16">
        <v>9108</v>
      </c>
      <c r="AC68" s="16">
        <v>888137</v>
      </c>
      <c r="AD68" s="16">
        <v>15320</v>
      </c>
      <c r="AE68" s="16">
        <v>41</v>
      </c>
    </row>
    <row r="69" spans="1:31">
      <c r="A69" s="21" t="s">
        <v>232</v>
      </c>
      <c r="B69" s="21" t="s">
        <v>233</v>
      </c>
      <c r="C69" s="21" t="s">
        <v>262</v>
      </c>
      <c r="D69" s="21" t="s">
        <v>216</v>
      </c>
      <c r="E69" s="21" t="s">
        <v>623</v>
      </c>
      <c r="F69" s="16">
        <v>2003530</v>
      </c>
      <c r="G69" s="16">
        <v>934720</v>
      </c>
      <c r="H69" s="16">
        <v>630145</v>
      </c>
      <c r="I69" s="16">
        <v>4624</v>
      </c>
      <c r="J69" s="16">
        <v>1202</v>
      </c>
      <c r="K69" s="16">
        <v>2</v>
      </c>
      <c r="L69" s="16">
        <v>624317</v>
      </c>
      <c r="M69" s="16">
        <v>304575</v>
      </c>
      <c r="N69" s="16">
        <v>152</v>
      </c>
      <c r="O69" s="16">
        <v>65184</v>
      </c>
      <c r="P69" s="16">
        <v>192</v>
      </c>
      <c r="Q69" s="16">
        <v>75321</v>
      </c>
      <c r="R69" s="16">
        <v>4340</v>
      </c>
      <c r="S69" s="16">
        <v>174</v>
      </c>
      <c r="T69" s="16">
        <v>18731</v>
      </c>
      <c r="U69" s="16">
        <v>8275</v>
      </c>
      <c r="V69" s="16">
        <v>19085</v>
      </c>
      <c r="W69" s="16">
        <v>113121</v>
      </c>
      <c r="X69" s="16">
        <v>11920</v>
      </c>
      <c r="Y69" s="16">
        <v>1056890</v>
      </c>
      <c r="Z69" s="22" t="s">
        <v>268</v>
      </c>
      <c r="AA69" s="16">
        <v>179788</v>
      </c>
      <c r="AB69" s="16">
        <v>4450</v>
      </c>
      <c r="AC69" s="16">
        <v>1056890</v>
      </c>
      <c r="AD69" s="16">
        <v>27028</v>
      </c>
      <c r="AE69" s="16">
        <v>17</v>
      </c>
    </row>
    <row r="70" spans="1:31">
      <c r="A70" s="21" t="s">
        <v>232</v>
      </c>
      <c r="B70" s="21" t="s">
        <v>233</v>
      </c>
      <c r="C70" s="21" t="s">
        <v>262</v>
      </c>
      <c r="D70" s="21" t="s">
        <v>216</v>
      </c>
      <c r="E70" s="21" t="s">
        <v>624</v>
      </c>
      <c r="F70" s="16">
        <v>1156754</v>
      </c>
      <c r="G70" s="22" t="s">
        <v>268</v>
      </c>
      <c r="H70" s="22" t="s">
        <v>268</v>
      </c>
      <c r="I70" s="22" t="s">
        <v>268</v>
      </c>
      <c r="J70" s="22" t="s">
        <v>268</v>
      </c>
      <c r="K70" s="22" t="s">
        <v>268</v>
      </c>
      <c r="L70" s="22" t="s">
        <v>268</v>
      </c>
      <c r="M70" s="22" t="s">
        <v>268</v>
      </c>
      <c r="N70" s="22" t="s">
        <v>268</v>
      </c>
      <c r="O70" s="22" t="s">
        <v>268</v>
      </c>
      <c r="P70" s="22" t="s">
        <v>268</v>
      </c>
      <c r="Q70" s="22" t="s">
        <v>268</v>
      </c>
      <c r="R70" s="22" t="s">
        <v>268</v>
      </c>
      <c r="S70" s="22" t="s">
        <v>268</v>
      </c>
      <c r="T70" s="22" t="s">
        <v>268</v>
      </c>
      <c r="U70" s="22" t="s">
        <v>268</v>
      </c>
      <c r="V70" s="22" t="s">
        <v>268</v>
      </c>
      <c r="W70" s="22" t="s">
        <v>268</v>
      </c>
      <c r="X70" s="22" t="s">
        <v>268</v>
      </c>
      <c r="Y70" s="16">
        <v>1068025</v>
      </c>
      <c r="Z70" s="16">
        <v>88729</v>
      </c>
      <c r="AA70" s="22" t="s">
        <v>268</v>
      </c>
      <c r="AB70" s="22" t="s">
        <v>268</v>
      </c>
      <c r="AC70" s="22" t="s">
        <v>268</v>
      </c>
      <c r="AD70" s="16">
        <v>12199</v>
      </c>
      <c r="AE70" s="16">
        <v>8380</v>
      </c>
    </row>
    <row r="71" spans="1:31">
      <c r="A71" s="21" t="s">
        <v>232</v>
      </c>
      <c r="B71" s="21" t="s">
        <v>233</v>
      </c>
      <c r="C71" s="21" t="s">
        <v>262</v>
      </c>
      <c r="D71" s="21" t="s">
        <v>216</v>
      </c>
      <c r="E71" s="21" t="s">
        <v>461</v>
      </c>
      <c r="F71" s="16">
        <v>12727026</v>
      </c>
      <c r="G71" s="16">
        <v>7703508</v>
      </c>
      <c r="H71" s="16">
        <v>6669106</v>
      </c>
      <c r="I71" s="16">
        <v>297062</v>
      </c>
      <c r="J71" s="16">
        <v>717590</v>
      </c>
      <c r="K71" s="16">
        <v>22204</v>
      </c>
      <c r="L71" s="16">
        <v>5632250</v>
      </c>
      <c r="M71" s="16">
        <v>1034402</v>
      </c>
      <c r="N71" s="16">
        <v>2152</v>
      </c>
      <c r="O71" s="16">
        <v>23217</v>
      </c>
      <c r="P71" s="16">
        <v>8260</v>
      </c>
      <c r="Q71" s="16">
        <v>83419</v>
      </c>
      <c r="R71" s="16">
        <v>7304</v>
      </c>
      <c r="S71" s="16">
        <v>71586</v>
      </c>
      <c r="T71" s="16">
        <v>11097</v>
      </c>
      <c r="U71" s="16">
        <v>42363</v>
      </c>
      <c r="V71" s="16">
        <v>181981</v>
      </c>
      <c r="W71" s="16">
        <v>603023</v>
      </c>
      <c r="X71" s="16">
        <v>285416</v>
      </c>
      <c r="Y71" s="16">
        <v>4738102</v>
      </c>
      <c r="Z71" s="22" t="s">
        <v>268</v>
      </c>
      <c r="AA71" s="16">
        <v>728107</v>
      </c>
      <c r="AB71" s="16">
        <v>13636</v>
      </c>
      <c r="AC71" s="22" t="s">
        <v>268</v>
      </c>
      <c r="AD71" s="16">
        <v>165083</v>
      </c>
      <c r="AE71" s="16">
        <v>125831</v>
      </c>
    </row>
    <row r="72" spans="1:31">
      <c r="A72" s="21" t="s">
        <v>232</v>
      </c>
      <c r="B72" s="21" t="s">
        <v>233</v>
      </c>
      <c r="C72" s="21" t="s">
        <v>262</v>
      </c>
      <c r="D72" s="21" t="s">
        <v>216</v>
      </c>
      <c r="E72" s="21" t="s">
        <v>462</v>
      </c>
      <c r="F72" s="16">
        <v>9019296</v>
      </c>
      <c r="G72" s="16">
        <v>4528743</v>
      </c>
      <c r="H72" s="16">
        <v>3183300</v>
      </c>
      <c r="I72" s="16">
        <v>84748</v>
      </c>
      <c r="J72" s="16">
        <v>33885</v>
      </c>
      <c r="K72" s="16">
        <v>2637</v>
      </c>
      <c r="L72" s="16">
        <v>3062030</v>
      </c>
      <c r="M72" s="16">
        <v>1345443</v>
      </c>
      <c r="N72" s="16">
        <v>1028</v>
      </c>
      <c r="O72" s="16">
        <v>145230</v>
      </c>
      <c r="P72" s="16">
        <v>3511</v>
      </c>
      <c r="Q72" s="16">
        <v>346687</v>
      </c>
      <c r="R72" s="16">
        <v>11905</v>
      </c>
      <c r="S72" s="16">
        <v>5468</v>
      </c>
      <c r="T72" s="16">
        <v>41428</v>
      </c>
      <c r="U72" s="16">
        <v>54237</v>
      </c>
      <c r="V72" s="16">
        <v>130881</v>
      </c>
      <c r="W72" s="16">
        <v>605068</v>
      </c>
      <c r="X72" s="16">
        <v>81918</v>
      </c>
      <c r="Y72" s="16">
        <v>4408635</v>
      </c>
      <c r="Z72" s="22" t="s">
        <v>268</v>
      </c>
      <c r="AA72" s="16">
        <v>904938</v>
      </c>
      <c r="AB72" s="16">
        <v>77362</v>
      </c>
      <c r="AC72" s="16">
        <v>4408635</v>
      </c>
      <c r="AD72" s="16">
        <v>82740</v>
      </c>
      <c r="AE72" s="16">
        <v>1677</v>
      </c>
    </row>
    <row r="73" spans="1:31">
      <c r="A73" s="21" t="s">
        <v>232</v>
      </c>
      <c r="B73" s="21" t="s">
        <v>233</v>
      </c>
      <c r="C73" s="21" t="s">
        <v>262</v>
      </c>
      <c r="D73" s="21" t="s">
        <v>216</v>
      </c>
      <c r="E73" s="21" t="s">
        <v>463</v>
      </c>
      <c r="F73" s="16">
        <v>5572019</v>
      </c>
      <c r="G73" s="16">
        <v>2673388</v>
      </c>
      <c r="H73" s="16">
        <v>1867251</v>
      </c>
      <c r="I73" s="16">
        <v>30800</v>
      </c>
      <c r="J73" s="16">
        <v>9346</v>
      </c>
      <c r="K73" s="16">
        <v>158</v>
      </c>
      <c r="L73" s="16">
        <v>1826947</v>
      </c>
      <c r="M73" s="16">
        <v>806137</v>
      </c>
      <c r="N73" s="16">
        <v>548</v>
      </c>
      <c r="O73" s="16">
        <v>118092</v>
      </c>
      <c r="P73" s="16">
        <v>1385</v>
      </c>
      <c r="Q73" s="16">
        <v>212702</v>
      </c>
      <c r="R73" s="16">
        <v>8378</v>
      </c>
      <c r="S73" s="16">
        <v>1366</v>
      </c>
      <c r="T73" s="16">
        <v>33348</v>
      </c>
      <c r="U73" s="16">
        <v>24633</v>
      </c>
      <c r="V73" s="16">
        <v>64815</v>
      </c>
      <c r="W73" s="16">
        <v>340870</v>
      </c>
      <c r="X73" s="16">
        <v>38425</v>
      </c>
      <c r="Y73" s="16">
        <v>2860206</v>
      </c>
      <c r="Z73" s="22" t="s">
        <v>268</v>
      </c>
      <c r="AA73" s="16">
        <v>517007</v>
      </c>
      <c r="AB73" s="16">
        <v>29650</v>
      </c>
      <c r="AC73" s="16">
        <v>2860206</v>
      </c>
      <c r="AD73" s="16">
        <v>56200</v>
      </c>
      <c r="AE73" s="16">
        <v>283</v>
      </c>
    </row>
    <row r="74" spans="1:31">
      <c r="A74" s="21" t="s">
        <v>232</v>
      </c>
      <c r="B74" s="21" t="s">
        <v>237</v>
      </c>
      <c r="C74" s="21" t="s">
        <v>264</v>
      </c>
      <c r="D74" s="21" t="s">
        <v>214</v>
      </c>
      <c r="E74" s="21" t="s">
        <v>401</v>
      </c>
      <c r="F74" s="16">
        <v>1678793</v>
      </c>
      <c r="G74" s="16">
        <v>1417970</v>
      </c>
      <c r="H74" s="16">
        <v>1115416</v>
      </c>
      <c r="I74" s="16">
        <v>298656</v>
      </c>
      <c r="J74" s="16">
        <v>648373</v>
      </c>
      <c r="K74" s="16">
        <v>22314</v>
      </c>
      <c r="L74" s="16">
        <v>146073</v>
      </c>
      <c r="M74" s="16">
        <v>302554</v>
      </c>
      <c r="N74" s="16">
        <v>14296</v>
      </c>
      <c r="O74" s="16">
        <v>35688</v>
      </c>
      <c r="P74" s="16">
        <v>58699</v>
      </c>
      <c r="Q74" s="16">
        <v>69255</v>
      </c>
      <c r="R74" s="16">
        <v>7107</v>
      </c>
      <c r="S74" s="16">
        <v>34228</v>
      </c>
      <c r="T74" s="16">
        <v>8546</v>
      </c>
      <c r="U74" s="16">
        <v>30945</v>
      </c>
      <c r="V74" s="16">
        <v>11246</v>
      </c>
      <c r="W74" s="16">
        <v>32544</v>
      </c>
      <c r="X74" s="16">
        <v>14249</v>
      </c>
      <c r="Y74" s="16">
        <v>242940</v>
      </c>
      <c r="Z74" s="16">
        <v>3634</v>
      </c>
      <c r="AA74" s="16">
        <v>220757</v>
      </c>
      <c r="AB74" s="16">
        <v>188350</v>
      </c>
      <c r="AC74" s="16">
        <v>92410</v>
      </c>
      <c r="AD74" s="16">
        <v>6064</v>
      </c>
      <c r="AE74" s="16">
        <v>6607</v>
      </c>
    </row>
    <row r="75" spans="1:31">
      <c r="A75" s="21" t="s">
        <v>232</v>
      </c>
      <c r="B75" s="21" t="s">
        <v>237</v>
      </c>
      <c r="C75" s="21" t="s">
        <v>264</v>
      </c>
      <c r="D75" s="21" t="s">
        <v>214</v>
      </c>
      <c r="E75" s="21" t="s">
        <v>514</v>
      </c>
      <c r="F75" s="16">
        <v>6</v>
      </c>
      <c r="G75" s="16">
        <v>2</v>
      </c>
      <c r="H75" s="22" t="s">
        <v>268</v>
      </c>
      <c r="I75" s="22" t="s">
        <v>268</v>
      </c>
      <c r="J75" s="22" t="s">
        <v>268</v>
      </c>
      <c r="K75" s="22" t="s">
        <v>268</v>
      </c>
      <c r="L75" s="22" t="s">
        <v>268</v>
      </c>
      <c r="M75" s="16">
        <v>2</v>
      </c>
      <c r="N75" s="22" t="s">
        <v>268</v>
      </c>
      <c r="O75" s="22" t="s">
        <v>268</v>
      </c>
      <c r="P75" s="22" t="s">
        <v>268</v>
      </c>
      <c r="Q75" s="22" t="s">
        <v>268</v>
      </c>
      <c r="R75" s="22" t="s">
        <v>268</v>
      </c>
      <c r="S75" s="22" t="s">
        <v>268</v>
      </c>
      <c r="T75" s="22" t="s">
        <v>268</v>
      </c>
      <c r="U75" s="22" t="s">
        <v>268</v>
      </c>
      <c r="V75" s="16">
        <v>2</v>
      </c>
      <c r="W75" s="22" t="s">
        <v>268</v>
      </c>
      <c r="X75" s="22" t="s">
        <v>268</v>
      </c>
      <c r="Y75" s="16">
        <v>4</v>
      </c>
      <c r="Z75" s="22" t="s">
        <v>268</v>
      </c>
      <c r="AA75" s="22" t="s">
        <v>268</v>
      </c>
      <c r="AB75" s="22" t="s">
        <v>268</v>
      </c>
      <c r="AC75" s="22" t="s">
        <v>268</v>
      </c>
      <c r="AD75" s="16">
        <v>3</v>
      </c>
      <c r="AE75" s="22" t="s">
        <v>268</v>
      </c>
    </row>
    <row r="76" spans="1:31">
      <c r="A76" s="21" t="s">
        <v>232</v>
      </c>
      <c r="B76" s="21" t="s">
        <v>237</v>
      </c>
      <c r="C76" s="21" t="s">
        <v>264</v>
      </c>
      <c r="D76" s="21" t="s">
        <v>214</v>
      </c>
      <c r="E76" s="21" t="s">
        <v>515</v>
      </c>
      <c r="F76" s="16">
        <v>4244</v>
      </c>
      <c r="G76" s="16">
        <v>226</v>
      </c>
      <c r="H76" s="16">
        <v>113</v>
      </c>
      <c r="I76" s="16">
        <v>22</v>
      </c>
      <c r="J76" s="16">
        <v>50</v>
      </c>
      <c r="K76" s="16">
        <v>6</v>
      </c>
      <c r="L76" s="16">
        <v>35</v>
      </c>
      <c r="M76" s="16">
        <v>113</v>
      </c>
      <c r="N76" s="22" t="s">
        <v>268</v>
      </c>
      <c r="O76" s="22" t="s">
        <v>268</v>
      </c>
      <c r="P76" s="22" t="s">
        <v>268</v>
      </c>
      <c r="Q76" s="22" t="s">
        <v>268</v>
      </c>
      <c r="R76" s="16">
        <v>3</v>
      </c>
      <c r="S76" s="22" t="s">
        <v>268</v>
      </c>
      <c r="T76" s="22" t="s">
        <v>268</v>
      </c>
      <c r="U76" s="22" t="s">
        <v>268</v>
      </c>
      <c r="V76" s="16">
        <v>97</v>
      </c>
      <c r="W76" s="16">
        <v>13</v>
      </c>
      <c r="X76" s="16">
        <v>46</v>
      </c>
      <c r="Y76" s="16">
        <v>3972</v>
      </c>
      <c r="Z76" s="22" t="s">
        <v>268</v>
      </c>
      <c r="AA76" s="22" t="s">
        <v>268</v>
      </c>
      <c r="AB76" s="22" t="s">
        <v>268</v>
      </c>
      <c r="AC76" s="22" t="s">
        <v>268</v>
      </c>
      <c r="AD76" s="16">
        <v>208</v>
      </c>
      <c r="AE76" s="16">
        <v>336</v>
      </c>
    </row>
    <row r="77" spans="1:31">
      <c r="A77" s="21" t="s">
        <v>232</v>
      </c>
      <c r="B77" s="21" t="s">
        <v>237</v>
      </c>
      <c r="C77" s="21" t="s">
        <v>264</v>
      </c>
      <c r="D77" s="21" t="s">
        <v>214</v>
      </c>
      <c r="E77" s="21" t="s">
        <v>516</v>
      </c>
      <c r="F77" s="16">
        <v>26621</v>
      </c>
      <c r="G77" s="16">
        <v>6460</v>
      </c>
      <c r="H77" s="16">
        <v>5463</v>
      </c>
      <c r="I77" s="16">
        <v>1182</v>
      </c>
      <c r="J77" s="16">
        <v>3393</v>
      </c>
      <c r="K77" s="16">
        <v>23</v>
      </c>
      <c r="L77" s="16">
        <v>865</v>
      </c>
      <c r="M77" s="16">
        <v>997</v>
      </c>
      <c r="N77" s="16">
        <v>8</v>
      </c>
      <c r="O77" s="16">
        <v>15</v>
      </c>
      <c r="P77" s="16">
        <v>11</v>
      </c>
      <c r="Q77" s="16">
        <v>49</v>
      </c>
      <c r="R77" s="16">
        <v>22</v>
      </c>
      <c r="S77" s="16">
        <v>45</v>
      </c>
      <c r="T77" s="16">
        <v>17</v>
      </c>
      <c r="U77" s="16">
        <v>41</v>
      </c>
      <c r="V77" s="16">
        <v>634</v>
      </c>
      <c r="W77" s="16">
        <v>155</v>
      </c>
      <c r="X77" s="16">
        <v>987</v>
      </c>
      <c r="Y77" s="16">
        <v>19174</v>
      </c>
      <c r="Z77" s="22" t="s">
        <v>268</v>
      </c>
      <c r="AA77" s="16">
        <v>193</v>
      </c>
      <c r="AB77" s="22" t="s">
        <v>268</v>
      </c>
      <c r="AC77" s="22" t="s">
        <v>268</v>
      </c>
      <c r="AD77" s="16">
        <v>1199</v>
      </c>
      <c r="AE77" s="16">
        <v>1998</v>
      </c>
    </row>
    <row r="78" spans="1:31">
      <c r="A78" s="21" t="s">
        <v>232</v>
      </c>
      <c r="B78" s="21" t="s">
        <v>237</v>
      </c>
      <c r="C78" s="21" t="s">
        <v>264</v>
      </c>
      <c r="D78" s="21" t="s">
        <v>214</v>
      </c>
      <c r="E78" s="21" t="s">
        <v>517</v>
      </c>
      <c r="F78" s="16">
        <v>50304</v>
      </c>
      <c r="G78" s="16">
        <v>32011</v>
      </c>
      <c r="H78" s="16">
        <v>30006</v>
      </c>
      <c r="I78" s="16">
        <v>6232</v>
      </c>
      <c r="J78" s="16">
        <v>20743</v>
      </c>
      <c r="K78" s="16">
        <v>154</v>
      </c>
      <c r="L78" s="16">
        <v>2877</v>
      </c>
      <c r="M78" s="16">
        <v>2005</v>
      </c>
      <c r="N78" s="16">
        <v>8</v>
      </c>
      <c r="O78" s="16">
        <v>39</v>
      </c>
      <c r="P78" s="16">
        <v>148</v>
      </c>
      <c r="Q78" s="16">
        <v>409</v>
      </c>
      <c r="R78" s="16">
        <v>50</v>
      </c>
      <c r="S78" s="16">
        <v>177</v>
      </c>
      <c r="T78" s="16">
        <v>33</v>
      </c>
      <c r="U78" s="16">
        <v>225</v>
      </c>
      <c r="V78" s="16">
        <v>552</v>
      </c>
      <c r="W78" s="16">
        <v>364</v>
      </c>
      <c r="X78" s="16">
        <v>1660</v>
      </c>
      <c r="Y78" s="16">
        <v>16633</v>
      </c>
      <c r="Z78" s="22" t="s">
        <v>268</v>
      </c>
      <c r="AA78" s="16">
        <v>1066</v>
      </c>
      <c r="AB78" s="22" t="s">
        <v>268</v>
      </c>
      <c r="AC78" s="22" t="s">
        <v>268</v>
      </c>
      <c r="AD78" s="16">
        <v>871</v>
      </c>
      <c r="AE78" s="16">
        <v>1655</v>
      </c>
    </row>
    <row r="79" spans="1:31">
      <c r="A79" s="21" t="s">
        <v>232</v>
      </c>
      <c r="B79" s="21" t="s">
        <v>237</v>
      </c>
      <c r="C79" s="21" t="s">
        <v>264</v>
      </c>
      <c r="D79" s="21" t="s">
        <v>214</v>
      </c>
      <c r="E79" s="21" t="s">
        <v>518</v>
      </c>
      <c r="F79" s="16">
        <v>88353</v>
      </c>
      <c r="G79" s="16">
        <v>75592</v>
      </c>
      <c r="H79" s="16">
        <v>71771</v>
      </c>
      <c r="I79" s="16">
        <v>7360</v>
      </c>
      <c r="J79" s="16">
        <v>57317</v>
      </c>
      <c r="K79" s="16">
        <v>333</v>
      </c>
      <c r="L79" s="16">
        <v>6761</v>
      </c>
      <c r="M79" s="16">
        <v>3821</v>
      </c>
      <c r="N79" s="16">
        <v>48</v>
      </c>
      <c r="O79" s="16">
        <v>93</v>
      </c>
      <c r="P79" s="16">
        <v>595</v>
      </c>
      <c r="Q79" s="16">
        <v>1224</v>
      </c>
      <c r="R79" s="16">
        <v>49</v>
      </c>
      <c r="S79" s="16">
        <v>323</v>
      </c>
      <c r="T79" s="16">
        <v>38</v>
      </c>
      <c r="U79" s="16">
        <v>427</v>
      </c>
      <c r="V79" s="16">
        <v>357</v>
      </c>
      <c r="W79" s="16">
        <v>667</v>
      </c>
      <c r="X79" s="16">
        <v>1029</v>
      </c>
      <c r="Y79" s="16">
        <v>11732</v>
      </c>
      <c r="Z79" s="22" t="s">
        <v>268</v>
      </c>
      <c r="AA79" s="16">
        <v>2949</v>
      </c>
      <c r="AB79" s="22" t="s">
        <v>268</v>
      </c>
      <c r="AC79" s="22" t="s">
        <v>268</v>
      </c>
      <c r="AD79" s="16">
        <v>462</v>
      </c>
      <c r="AE79" s="16">
        <v>777</v>
      </c>
    </row>
    <row r="80" spans="1:31">
      <c r="A80" s="21" t="s">
        <v>232</v>
      </c>
      <c r="B80" s="21" t="s">
        <v>237</v>
      </c>
      <c r="C80" s="21" t="s">
        <v>264</v>
      </c>
      <c r="D80" s="21" t="s">
        <v>214</v>
      </c>
      <c r="E80" s="21" t="s">
        <v>519</v>
      </c>
      <c r="F80" s="16">
        <v>129285</v>
      </c>
      <c r="G80" s="16">
        <v>118302</v>
      </c>
      <c r="H80" s="16">
        <v>110173</v>
      </c>
      <c r="I80" s="16">
        <v>6466</v>
      </c>
      <c r="J80" s="16">
        <v>91145</v>
      </c>
      <c r="K80" s="16">
        <v>823</v>
      </c>
      <c r="L80" s="16">
        <v>11739</v>
      </c>
      <c r="M80" s="16">
        <v>8129</v>
      </c>
      <c r="N80" s="16">
        <v>52</v>
      </c>
      <c r="O80" s="16">
        <v>228</v>
      </c>
      <c r="P80" s="16">
        <v>1565</v>
      </c>
      <c r="Q80" s="16">
        <v>2868</v>
      </c>
      <c r="R80" s="16">
        <v>34</v>
      </c>
      <c r="S80" s="16">
        <v>750</v>
      </c>
      <c r="T80" s="16">
        <v>42</v>
      </c>
      <c r="U80" s="16">
        <v>1081</v>
      </c>
      <c r="V80" s="16">
        <v>342</v>
      </c>
      <c r="W80" s="16">
        <v>1167</v>
      </c>
      <c r="X80" s="16">
        <v>949</v>
      </c>
      <c r="Y80" s="16">
        <v>10034</v>
      </c>
      <c r="Z80" s="22" t="s">
        <v>268</v>
      </c>
      <c r="AA80" s="16">
        <v>7007</v>
      </c>
      <c r="AB80" s="22" t="s">
        <v>268</v>
      </c>
      <c r="AC80" s="22" t="s">
        <v>268</v>
      </c>
      <c r="AD80" s="16">
        <v>301</v>
      </c>
      <c r="AE80" s="16">
        <v>417</v>
      </c>
    </row>
    <row r="81" spans="1:31">
      <c r="A81" s="21" t="s">
        <v>232</v>
      </c>
      <c r="B81" s="21" t="s">
        <v>237</v>
      </c>
      <c r="C81" s="21" t="s">
        <v>264</v>
      </c>
      <c r="D81" s="21" t="s">
        <v>214</v>
      </c>
      <c r="E81" s="21" t="s">
        <v>520</v>
      </c>
      <c r="F81" s="16">
        <v>153621</v>
      </c>
      <c r="G81" s="16">
        <v>142106</v>
      </c>
      <c r="H81" s="16">
        <v>129344</v>
      </c>
      <c r="I81" s="16">
        <v>6502</v>
      </c>
      <c r="J81" s="16">
        <v>105302</v>
      </c>
      <c r="K81" s="16">
        <v>1388</v>
      </c>
      <c r="L81" s="16">
        <v>16152</v>
      </c>
      <c r="M81" s="16">
        <v>12762</v>
      </c>
      <c r="N81" s="16">
        <v>84</v>
      </c>
      <c r="O81" s="16">
        <v>351</v>
      </c>
      <c r="P81" s="16">
        <v>2832</v>
      </c>
      <c r="Q81" s="16">
        <v>5013</v>
      </c>
      <c r="R81" s="16">
        <v>80</v>
      </c>
      <c r="S81" s="16">
        <v>915</v>
      </c>
      <c r="T81" s="16">
        <v>103</v>
      </c>
      <c r="U81" s="16">
        <v>1285</v>
      </c>
      <c r="V81" s="16">
        <v>345</v>
      </c>
      <c r="W81" s="16">
        <v>1754</v>
      </c>
      <c r="X81" s="16">
        <v>1041</v>
      </c>
      <c r="Y81" s="16">
        <v>10474</v>
      </c>
      <c r="Z81" s="22" t="s">
        <v>268</v>
      </c>
      <c r="AA81" s="16">
        <v>11311</v>
      </c>
      <c r="AB81" s="22" t="s">
        <v>268</v>
      </c>
      <c r="AC81" s="22" t="s">
        <v>268</v>
      </c>
      <c r="AD81" s="16">
        <v>291</v>
      </c>
      <c r="AE81" s="16">
        <v>291</v>
      </c>
    </row>
    <row r="82" spans="1:31">
      <c r="A82" s="21" t="s">
        <v>232</v>
      </c>
      <c r="B82" s="21" t="s">
        <v>237</v>
      </c>
      <c r="C82" s="21" t="s">
        <v>264</v>
      </c>
      <c r="D82" s="21" t="s">
        <v>214</v>
      </c>
      <c r="E82" s="21" t="s">
        <v>521</v>
      </c>
      <c r="F82" s="16">
        <v>155020</v>
      </c>
      <c r="G82" s="16">
        <v>141163</v>
      </c>
      <c r="H82" s="16">
        <v>124081</v>
      </c>
      <c r="I82" s="16">
        <v>9488</v>
      </c>
      <c r="J82" s="16">
        <v>94756</v>
      </c>
      <c r="K82" s="16">
        <v>1689</v>
      </c>
      <c r="L82" s="16">
        <v>18148</v>
      </c>
      <c r="M82" s="16">
        <v>17082</v>
      </c>
      <c r="N82" s="16">
        <v>324</v>
      </c>
      <c r="O82" s="16">
        <v>774</v>
      </c>
      <c r="P82" s="16">
        <v>3475</v>
      </c>
      <c r="Q82" s="16">
        <v>6818</v>
      </c>
      <c r="R82" s="16">
        <v>143</v>
      </c>
      <c r="S82" s="16">
        <v>1176</v>
      </c>
      <c r="T82" s="16">
        <v>258</v>
      </c>
      <c r="U82" s="16">
        <v>1470</v>
      </c>
      <c r="V82" s="16">
        <v>420</v>
      </c>
      <c r="W82" s="16">
        <v>2224</v>
      </c>
      <c r="X82" s="16">
        <v>1148</v>
      </c>
      <c r="Y82" s="16">
        <v>12709</v>
      </c>
      <c r="Z82" s="22" t="s">
        <v>268</v>
      </c>
      <c r="AA82" s="16">
        <v>14694</v>
      </c>
      <c r="AB82" s="22" t="s">
        <v>268</v>
      </c>
      <c r="AC82" s="22" t="s">
        <v>268</v>
      </c>
      <c r="AD82" s="16">
        <v>328</v>
      </c>
      <c r="AE82" s="16">
        <v>290</v>
      </c>
    </row>
    <row r="83" spans="1:31">
      <c r="A83" s="21" t="s">
        <v>232</v>
      </c>
      <c r="B83" s="21" t="s">
        <v>237</v>
      </c>
      <c r="C83" s="21" t="s">
        <v>264</v>
      </c>
      <c r="D83" s="21" t="s">
        <v>214</v>
      </c>
      <c r="E83" s="21" t="s">
        <v>522</v>
      </c>
      <c r="F83" s="16">
        <v>129161</v>
      </c>
      <c r="G83" s="16">
        <v>114774</v>
      </c>
      <c r="H83" s="16">
        <v>92862</v>
      </c>
      <c r="I83" s="16">
        <v>12970</v>
      </c>
      <c r="J83" s="16">
        <v>63007</v>
      </c>
      <c r="K83" s="16">
        <v>1722</v>
      </c>
      <c r="L83" s="16">
        <v>15163</v>
      </c>
      <c r="M83" s="16">
        <v>21912</v>
      </c>
      <c r="N83" s="16">
        <v>796</v>
      </c>
      <c r="O83" s="16">
        <v>1983</v>
      </c>
      <c r="P83" s="16">
        <v>3743</v>
      </c>
      <c r="Q83" s="16">
        <v>8164</v>
      </c>
      <c r="R83" s="16">
        <v>137</v>
      </c>
      <c r="S83" s="16">
        <v>1418</v>
      </c>
      <c r="T83" s="16">
        <v>389</v>
      </c>
      <c r="U83" s="16">
        <v>2071</v>
      </c>
      <c r="V83" s="16">
        <v>655</v>
      </c>
      <c r="W83" s="16">
        <v>2556</v>
      </c>
      <c r="X83" s="16">
        <v>1109</v>
      </c>
      <c r="Y83" s="16">
        <v>13278</v>
      </c>
      <c r="Z83" s="22" t="s">
        <v>268</v>
      </c>
      <c r="AA83" s="16">
        <v>17502</v>
      </c>
      <c r="AB83" s="22" t="s">
        <v>268</v>
      </c>
      <c r="AC83" s="22" t="s">
        <v>268</v>
      </c>
      <c r="AD83" s="16">
        <v>336</v>
      </c>
      <c r="AE83" s="16">
        <v>206</v>
      </c>
    </row>
    <row r="84" spans="1:31">
      <c r="A84" s="21" t="s">
        <v>232</v>
      </c>
      <c r="B84" s="21" t="s">
        <v>237</v>
      </c>
      <c r="C84" s="21" t="s">
        <v>264</v>
      </c>
      <c r="D84" s="21" t="s">
        <v>214</v>
      </c>
      <c r="E84" s="21" t="s">
        <v>523</v>
      </c>
      <c r="F84" s="16">
        <v>132222</v>
      </c>
      <c r="G84" s="16">
        <v>116328</v>
      </c>
      <c r="H84" s="16">
        <v>83519</v>
      </c>
      <c r="I84" s="16">
        <v>21192</v>
      </c>
      <c r="J84" s="16">
        <v>47884</v>
      </c>
      <c r="K84" s="16">
        <v>1664</v>
      </c>
      <c r="L84" s="16">
        <v>12779</v>
      </c>
      <c r="M84" s="16">
        <v>32809</v>
      </c>
      <c r="N84" s="16">
        <v>1800</v>
      </c>
      <c r="O84" s="16">
        <v>5322</v>
      </c>
      <c r="P84" s="16">
        <v>4279</v>
      </c>
      <c r="Q84" s="16">
        <v>10734</v>
      </c>
      <c r="R84" s="16">
        <v>253</v>
      </c>
      <c r="S84" s="16">
        <v>2127</v>
      </c>
      <c r="T84" s="16">
        <v>626</v>
      </c>
      <c r="U84" s="16">
        <v>3617</v>
      </c>
      <c r="V84" s="16">
        <v>851</v>
      </c>
      <c r="W84" s="16">
        <v>3200</v>
      </c>
      <c r="X84" s="16">
        <v>1077</v>
      </c>
      <c r="Y84" s="16">
        <v>14817</v>
      </c>
      <c r="Z84" s="22" t="s">
        <v>268</v>
      </c>
      <c r="AA84" s="16">
        <v>23288</v>
      </c>
      <c r="AB84" s="22" t="s">
        <v>268</v>
      </c>
      <c r="AC84" s="22" t="s">
        <v>268</v>
      </c>
      <c r="AD84" s="16">
        <v>338</v>
      </c>
      <c r="AE84" s="16">
        <v>179</v>
      </c>
    </row>
    <row r="85" spans="1:31">
      <c r="A85" s="21" t="s">
        <v>232</v>
      </c>
      <c r="B85" s="21" t="s">
        <v>237</v>
      </c>
      <c r="C85" s="21" t="s">
        <v>264</v>
      </c>
      <c r="D85" s="21" t="s">
        <v>214</v>
      </c>
      <c r="E85" s="21" t="s">
        <v>524</v>
      </c>
      <c r="F85" s="16">
        <v>146542</v>
      </c>
      <c r="G85" s="16">
        <v>128714</v>
      </c>
      <c r="H85" s="16">
        <v>87007</v>
      </c>
      <c r="I85" s="16">
        <v>33722</v>
      </c>
      <c r="J85" s="16">
        <v>40069</v>
      </c>
      <c r="K85" s="16">
        <v>2002</v>
      </c>
      <c r="L85" s="16">
        <v>11214</v>
      </c>
      <c r="M85" s="16">
        <v>41707</v>
      </c>
      <c r="N85" s="16">
        <v>1936</v>
      </c>
      <c r="O85" s="16">
        <v>8340</v>
      </c>
      <c r="P85" s="16">
        <v>4845</v>
      </c>
      <c r="Q85" s="16">
        <v>10481</v>
      </c>
      <c r="R85" s="16">
        <v>536</v>
      </c>
      <c r="S85" s="16">
        <v>3838</v>
      </c>
      <c r="T85" s="16">
        <v>808</v>
      </c>
      <c r="U85" s="16">
        <v>5899</v>
      </c>
      <c r="V85" s="16">
        <v>1378</v>
      </c>
      <c r="W85" s="16">
        <v>3646</v>
      </c>
      <c r="X85" s="16">
        <v>1190</v>
      </c>
      <c r="Y85" s="16">
        <v>16638</v>
      </c>
      <c r="Z85" s="22" t="s">
        <v>268</v>
      </c>
      <c r="AA85" s="16">
        <v>28005</v>
      </c>
      <c r="AB85" s="16">
        <v>246</v>
      </c>
      <c r="AC85" s="22" t="s">
        <v>268</v>
      </c>
      <c r="AD85" s="16">
        <v>330</v>
      </c>
      <c r="AE85" s="16">
        <v>104</v>
      </c>
    </row>
    <row r="86" spans="1:31">
      <c r="A86" s="21" t="s">
        <v>232</v>
      </c>
      <c r="B86" s="21" t="s">
        <v>237</v>
      </c>
      <c r="C86" s="21" t="s">
        <v>264</v>
      </c>
      <c r="D86" s="21" t="s">
        <v>214</v>
      </c>
      <c r="E86" s="21" t="s">
        <v>525</v>
      </c>
      <c r="F86" s="16">
        <v>166242</v>
      </c>
      <c r="G86" s="16">
        <v>145150</v>
      </c>
      <c r="H86" s="16">
        <v>99655</v>
      </c>
      <c r="I86" s="16">
        <v>48702</v>
      </c>
      <c r="J86" s="16">
        <v>38806</v>
      </c>
      <c r="K86" s="16">
        <v>2326</v>
      </c>
      <c r="L86" s="16">
        <v>9821</v>
      </c>
      <c r="M86" s="16">
        <v>45495</v>
      </c>
      <c r="N86" s="16">
        <v>1332</v>
      </c>
      <c r="O86" s="16">
        <v>7899</v>
      </c>
      <c r="P86" s="16">
        <v>8093</v>
      </c>
      <c r="Q86" s="16">
        <v>7812</v>
      </c>
      <c r="R86" s="16">
        <v>1116</v>
      </c>
      <c r="S86" s="16">
        <v>6328</v>
      </c>
      <c r="T86" s="16">
        <v>831</v>
      </c>
      <c r="U86" s="16">
        <v>6482</v>
      </c>
      <c r="V86" s="16">
        <v>1864</v>
      </c>
      <c r="W86" s="16">
        <v>3738</v>
      </c>
      <c r="X86" s="16">
        <v>1201</v>
      </c>
      <c r="Y86" s="16">
        <v>19891</v>
      </c>
      <c r="Z86" s="22" t="s">
        <v>268</v>
      </c>
      <c r="AA86" s="16">
        <v>31510</v>
      </c>
      <c r="AB86" s="16">
        <v>44592</v>
      </c>
      <c r="AC86" s="16">
        <v>19891</v>
      </c>
      <c r="AD86" s="16">
        <v>358</v>
      </c>
      <c r="AE86" s="16">
        <v>42</v>
      </c>
    </row>
    <row r="87" spans="1:31">
      <c r="A87" s="21" t="s">
        <v>232</v>
      </c>
      <c r="B87" s="21" t="s">
        <v>237</v>
      </c>
      <c r="C87" s="21" t="s">
        <v>264</v>
      </c>
      <c r="D87" s="21" t="s">
        <v>214</v>
      </c>
      <c r="E87" s="21" t="s">
        <v>526</v>
      </c>
      <c r="F87" s="16">
        <v>167623</v>
      </c>
      <c r="G87" s="16">
        <v>145747</v>
      </c>
      <c r="H87" s="16">
        <v>103998</v>
      </c>
      <c r="I87" s="16">
        <v>55880</v>
      </c>
      <c r="J87" s="16">
        <v>35469</v>
      </c>
      <c r="K87" s="16">
        <v>2581</v>
      </c>
      <c r="L87" s="16">
        <v>10068</v>
      </c>
      <c r="M87" s="16">
        <v>41749</v>
      </c>
      <c r="N87" s="16">
        <v>1132</v>
      </c>
      <c r="O87" s="16">
        <v>4224</v>
      </c>
      <c r="P87" s="16">
        <v>10921</v>
      </c>
      <c r="Q87" s="16">
        <v>5492</v>
      </c>
      <c r="R87" s="16">
        <v>1673</v>
      </c>
      <c r="S87" s="16">
        <v>7497</v>
      </c>
      <c r="T87" s="16">
        <v>783</v>
      </c>
      <c r="U87" s="16">
        <v>4404</v>
      </c>
      <c r="V87" s="16">
        <v>1703</v>
      </c>
      <c r="W87" s="16">
        <v>3920</v>
      </c>
      <c r="X87" s="16">
        <v>1161</v>
      </c>
      <c r="Y87" s="16">
        <v>20715</v>
      </c>
      <c r="Z87" s="22" t="s">
        <v>268</v>
      </c>
      <c r="AA87" s="16">
        <v>31295</v>
      </c>
      <c r="AB87" s="16">
        <v>54862</v>
      </c>
      <c r="AC87" s="16">
        <v>20715</v>
      </c>
      <c r="AD87" s="16">
        <v>261</v>
      </c>
      <c r="AE87" s="16">
        <v>24</v>
      </c>
    </row>
    <row r="88" spans="1:31">
      <c r="A88" s="21" t="s">
        <v>232</v>
      </c>
      <c r="B88" s="21" t="s">
        <v>237</v>
      </c>
      <c r="C88" s="21" t="s">
        <v>264</v>
      </c>
      <c r="D88" s="21" t="s">
        <v>214</v>
      </c>
      <c r="E88" s="21" t="s">
        <v>527</v>
      </c>
      <c r="F88" s="16">
        <v>115165</v>
      </c>
      <c r="G88" s="16">
        <v>98025</v>
      </c>
      <c r="H88" s="16">
        <v>72036</v>
      </c>
      <c r="I88" s="16">
        <v>38900</v>
      </c>
      <c r="J88" s="16">
        <v>22631</v>
      </c>
      <c r="K88" s="16">
        <v>2006</v>
      </c>
      <c r="L88" s="16">
        <v>8499</v>
      </c>
      <c r="M88" s="16">
        <v>25989</v>
      </c>
      <c r="N88" s="16">
        <v>1368</v>
      </c>
      <c r="O88" s="16">
        <v>1401</v>
      </c>
      <c r="P88" s="16">
        <v>7728</v>
      </c>
      <c r="Q88" s="16">
        <v>3348</v>
      </c>
      <c r="R88" s="16">
        <v>1294</v>
      </c>
      <c r="S88" s="16">
        <v>4658</v>
      </c>
      <c r="T88" s="16">
        <v>738</v>
      </c>
      <c r="U88" s="16">
        <v>1595</v>
      </c>
      <c r="V88" s="16">
        <v>935</v>
      </c>
      <c r="W88" s="16">
        <v>2924</v>
      </c>
      <c r="X88" s="16">
        <v>682</v>
      </c>
      <c r="Y88" s="16">
        <v>16458</v>
      </c>
      <c r="Z88" s="22" t="s">
        <v>268</v>
      </c>
      <c r="AA88" s="16">
        <v>19761</v>
      </c>
      <c r="AB88" s="16">
        <v>38676</v>
      </c>
      <c r="AC88" s="16">
        <v>16458</v>
      </c>
      <c r="AD88" s="16">
        <v>181</v>
      </c>
      <c r="AE88" s="16">
        <v>11</v>
      </c>
    </row>
    <row r="89" spans="1:31">
      <c r="A89" s="21" t="s">
        <v>232</v>
      </c>
      <c r="B89" s="21" t="s">
        <v>237</v>
      </c>
      <c r="C89" s="21" t="s">
        <v>264</v>
      </c>
      <c r="D89" s="21" t="s">
        <v>214</v>
      </c>
      <c r="E89" s="21" t="s">
        <v>528</v>
      </c>
      <c r="F89" s="16">
        <v>95906</v>
      </c>
      <c r="G89" s="16">
        <v>79569</v>
      </c>
      <c r="H89" s="16">
        <v>56277</v>
      </c>
      <c r="I89" s="16">
        <v>28902</v>
      </c>
      <c r="J89" s="16">
        <v>16319</v>
      </c>
      <c r="K89" s="16">
        <v>2152</v>
      </c>
      <c r="L89" s="16">
        <v>8904</v>
      </c>
      <c r="M89" s="16">
        <v>23292</v>
      </c>
      <c r="N89" s="16">
        <v>2260</v>
      </c>
      <c r="O89" s="16">
        <v>1551</v>
      </c>
      <c r="P89" s="16">
        <v>6345</v>
      </c>
      <c r="Q89" s="16">
        <v>3023</v>
      </c>
      <c r="R89" s="16">
        <v>986</v>
      </c>
      <c r="S89" s="16">
        <v>3175</v>
      </c>
      <c r="T89" s="16">
        <v>1237</v>
      </c>
      <c r="U89" s="16">
        <v>1293</v>
      </c>
      <c r="V89" s="16">
        <v>588</v>
      </c>
      <c r="W89" s="16">
        <v>2834</v>
      </c>
      <c r="X89" s="16">
        <v>508</v>
      </c>
      <c r="Y89" s="16">
        <v>15829</v>
      </c>
      <c r="Z89" s="22" t="s">
        <v>268</v>
      </c>
      <c r="AA89" s="16">
        <v>16870</v>
      </c>
      <c r="AB89" s="16">
        <v>28844</v>
      </c>
      <c r="AC89" s="16">
        <v>15829</v>
      </c>
      <c r="AD89" s="16">
        <v>187</v>
      </c>
      <c r="AE89" s="16">
        <v>2</v>
      </c>
    </row>
    <row r="90" spans="1:31">
      <c r="A90" s="21" t="s">
        <v>232</v>
      </c>
      <c r="B90" s="21" t="s">
        <v>237</v>
      </c>
      <c r="C90" s="21" t="s">
        <v>264</v>
      </c>
      <c r="D90" s="21" t="s">
        <v>214</v>
      </c>
      <c r="E90" s="21" t="s">
        <v>623</v>
      </c>
      <c r="F90" s="16">
        <v>93779</v>
      </c>
      <c r="G90" s="16">
        <v>73801</v>
      </c>
      <c r="H90" s="16">
        <v>49111</v>
      </c>
      <c r="I90" s="16">
        <v>21136</v>
      </c>
      <c r="J90" s="16">
        <v>11482</v>
      </c>
      <c r="K90" s="16">
        <v>3445</v>
      </c>
      <c r="L90" s="16">
        <v>13048</v>
      </c>
      <c r="M90" s="16">
        <v>24690</v>
      </c>
      <c r="N90" s="16">
        <v>3148</v>
      </c>
      <c r="O90" s="16">
        <v>3468</v>
      </c>
      <c r="P90" s="16">
        <v>4119</v>
      </c>
      <c r="Q90" s="16">
        <v>3820</v>
      </c>
      <c r="R90" s="16">
        <v>731</v>
      </c>
      <c r="S90" s="16">
        <v>1801</v>
      </c>
      <c r="T90" s="16">
        <v>2643</v>
      </c>
      <c r="U90" s="16">
        <v>1055</v>
      </c>
      <c r="V90" s="16">
        <v>523</v>
      </c>
      <c r="W90" s="16">
        <v>3382</v>
      </c>
      <c r="X90" s="16">
        <v>461</v>
      </c>
      <c r="Y90" s="16">
        <v>19517</v>
      </c>
      <c r="Z90" s="22" t="s">
        <v>268</v>
      </c>
      <c r="AA90" s="16">
        <v>15306</v>
      </c>
      <c r="AB90" s="16">
        <v>21130</v>
      </c>
      <c r="AC90" s="16">
        <v>19517</v>
      </c>
      <c r="AD90" s="16">
        <v>289</v>
      </c>
      <c r="AE90" s="16">
        <v>1</v>
      </c>
    </row>
    <row r="91" spans="1:31">
      <c r="A91" s="21" t="s">
        <v>232</v>
      </c>
      <c r="B91" s="21" t="s">
        <v>237</v>
      </c>
      <c r="C91" s="21" t="s">
        <v>264</v>
      </c>
      <c r="D91" s="21" t="s">
        <v>214</v>
      </c>
      <c r="E91" s="21" t="s">
        <v>624</v>
      </c>
      <c r="F91" s="16">
        <v>24699</v>
      </c>
      <c r="G91" s="22" t="s">
        <v>268</v>
      </c>
      <c r="H91" s="22" t="s">
        <v>268</v>
      </c>
      <c r="I91" s="22" t="s">
        <v>268</v>
      </c>
      <c r="J91" s="22" t="s">
        <v>268</v>
      </c>
      <c r="K91" s="22" t="s">
        <v>268</v>
      </c>
      <c r="L91" s="22" t="s">
        <v>268</v>
      </c>
      <c r="M91" s="22" t="s">
        <v>268</v>
      </c>
      <c r="N91" s="22" t="s">
        <v>268</v>
      </c>
      <c r="O91" s="22" t="s">
        <v>268</v>
      </c>
      <c r="P91" s="22" t="s">
        <v>268</v>
      </c>
      <c r="Q91" s="22" t="s">
        <v>268</v>
      </c>
      <c r="R91" s="22" t="s">
        <v>268</v>
      </c>
      <c r="S91" s="22" t="s">
        <v>268</v>
      </c>
      <c r="T91" s="22" t="s">
        <v>268</v>
      </c>
      <c r="U91" s="22" t="s">
        <v>268</v>
      </c>
      <c r="V91" s="22" t="s">
        <v>268</v>
      </c>
      <c r="W91" s="22" t="s">
        <v>268</v>
      </c>
      <c r="X91" s="22" t="s">
        <v>268</v>
      </c>
      <c r="Y91" s="16">
        <v>21065</v>
      </c>
      <c r="Z91" s="16">
        <v>3634</v>
      </c>
      <c r="AA91" s="22" t="s">
        <v>268</v>
      </c>
      <c r="AB91" s="22" t="s">
        <v>268</v>
      </c>
      <c r="AC91" s="22" t="s">
        <v>268</v>
      </c>
      <c r="AD91" s="16">
        <v>121</v>
      </c>
      <c r="AE91" s="16">
        <v>274</v>
      </c>
    </row>
    <row r="92" spans="1:31">
      <c r="A92" s="21" t="s">
        <v>232</v>
      </c>
      <c r="B92" s="21" t="s">
        <v>237</v>
      </c>
      <c r="C92" s="21" t="s">
        <v>264</v>
      </c>
      <c r="D92" s="21" t="s">
        <v>214</v>
      </c>
      <c r="E92" s="21" t="s">
        <v>461</v>
      </c>
      <c r="F92" s="16">
        <v>1015373</v>
      </c>
      <c r="G92" s="16">
        <v>875676</v>
      </c>
      <c r="H92" s="16">
        <v>734339</v>
      </c>
      <c r="I92" s="16">
        <v>105136</v>
      </c>
      <c r="J92" s="16">
        <v>523666</v>
      </c>
      <c r="K92" s="16">
        <v>9804</v>
      </c>
      <c r="L92" s="16">
        <v>95733</v>
      </c>
      <c r="M92" s="16">
        <v>141337</v>
      </c>
      <c r="N92" s="16">
        <v>5056</v>
      </c>
      <c r="O92" s="16">
        <v>17145</v>
      </c>
      <c r="P92" s="16">
        <v>21493</v>
      </c>
      <c r="Q92" s="16">
        <v>45760</v>
      </c>
      <c r="R92" s="16">
        <v>1307</v>
      </c>
      <c r="S92" s="16">
        <v>10769</v>
      </c>
      <c r="T92" s="16">
        <v>2314</v>
      </c>
      <c r="U92" s="16">
        <v>16116</v>
      </c>
      <c r="V92" s="16">
        <v>5631</v>
      </c>
      <c r="W92" s="16">
        <v>15746</v>
      </c>
      <c r="X92" s="16">
        <v>10236</v>
      </c>
      <c r="Y92" s="16">
        <v>129461</v>
      </c>
      <c r="Z92" s="22" t="s">
        <v>268</v>
      </c>
      <c r="AA92" s="16">
        <v>106015</v>
      </c>
      <c r="AB92" s="16">
        <v>246</v>
      </c>
      <c r="AC92" s="22" t="s">
        <v>268</v>
      </c>
      <c r="AD92" s="16">
        <v>4664</v>
      </c>
      <c r="AE92" s="16">
        <v>6253</v>
      </c>
    </row>
    <row r="93" spans="1:31">
      <c r="A93" s="21" t="s">
        <v>232</v>
      </c>
      <c r="B93" s="21" t="s">
        <v>237</v>
      </c>
      <c r="C93" s="21" t="s">
        <v>264</v>
      </c>
      <c r="D93" s="21" t="s">
        <v>214</v>
      </c>
      <c r="E93" s="21" t="s">
        <v>462</v>
      </c>
      <c r="F93" s="16">
        <v>638715</v>
      </c>
      <c r="G93" s="16">
        <v>542292</v>
      </c>
      <c r="H93" s="16">
        <v>381077</v>
      </c>
      <c r="I93" s="16">
        <v>193520</v>
      </c>
      <c r="J93" s="16">
        <v>124707</v>
      </c>
      <c r="K93" s="16">
        <v>12510</v>
      </c>
      <c r="L93" s="16">
        <v>50340</v>
      </c>
      <c r="M93" s="16">
        <v>161215</v>
      </c>
      <c r="N93" s="16">
        <v>9240</v>
      </c>
      <c r="O93" s="16">
        <v>18543</v>
      </c>
      <c r="P93" s="16">
        <v>37206</v>
      </c>
      <c r="Q93" s="16">
        <v>23495</v>
      </c>
      <c r="R93" s="16">
        <v>5800</v>
      </c>
      <c r="S93" s="16">
        <v>23459</v>
      </c>
      <c r="T93" s="16">
        <v>6232</v>
      </c>
      <c r="U93" s="16">
        <v>14829</v>
      </c>
      <c r="V93" s="16">
        <v>5613</v>
      </c>
      <c r="W93" s="16">
        <v>16798</v>
      </c>
      <c r="X93" s="16">
        <v>4013</v>
      </c>
      <c r="Y93" s="16">
        <v>92410</v>
      </c>
      <c r="Z93" s="22" t="s">
        <v>268</v>
      </c>
      <c r="AA93" s="16">
        <v>114742</v>
      </c>
      <c r="AB93" s="16">
        <v>188104</v>
      </c>
      <c r="AC93" s="16">
        <v>92410</v>
      </c>
      <c r="AD93" s="16">
        <v>1276</v>
      </c>
      <c r="AE93" s="16">
        <v>80</v>
      </c>
    </row>
    <row r="94" spans="1:31">
      <c r="A94" s="21" t="s">
        <v>232</v>
      </c>
      <c r="B94" s="21" t="s">
        <v>237</v>
      </c>
      <c r="C94" s="21" t="s">
        <v>264</v>
      </c>
      <c r="D94" s="21" t="s">
        <v>214</v>
      </c>
      <c r="E94" s="21" t="s">
        <v>463</v>
      </c>
      <c r="F94" s="16">
        <v>304850</v>
      </c>
      <c r="G94" s="16">
        <v>251395</v>
      </c>
      <c r="H94" s="16">
        <v>177424</v>
      </c>
      <c r="I94" s="16">
        <v>88938</v>
      </c>
      <c r="J94" s="16">
        <v>50432</v>
      </c>
      <c r="K94" s="16">
        <v>7603</v>
      </c>
      <c r="L94" s="16">
        <v>30451</v>
      </c>
      <c r="M94" s="16">
        <v>73971</v>
      </c>
      <c r="N94" s="16">
        <v>6776</v>
      </c>
      <c r="O94" s="16">
        <v>6420</v>
      </c>
      <c r="P94" s="16">
        <v>18192</v>
      </c>
      <c r="Q94" s="16">
        <v>10191</v>
      </c>
      <c r="R94" s="16">
        <v>3011</v>
      </c>
      <c r="S94" s="16">
        <v>9634</v>
      </c>
      <c r="T94" s="16">
        <v>4618</v>
      </c>
      <c r="U94" s="16">
        <v>3943</v>
      </c>
      <c r="V94" s="16">
        <v>2046</v>
      </c>
      <c r="W94" s="16">
        <v>9140</v>
      </c>
      <c r="X94" s="16">
        <v>1651</v>
      </c>
      <c r="Y94" s="16">
        <v>51804</v>
      </c>
      <c r="Z94" s="22" t="s">
        <v>268</v>
      </c>
      <c r="AA94" s="16">
        <v>51937</v>
      </c>
      <c r="AB94" s="16">
        <v>88650</v>
      </c>
      <c r="AC94" s="16">
        <v>51804</v>
      </c>
      <c r="AD94" s="16">
        <v>657</v>
      </c>
      <c r="AE94" s="16">
        <v>14</v>
      </c>
    </row>
    <row r="95" spans="1:31">
      <c r="A95" s="21" t="s">
        <v>232</v>
      </c>
      <c r="B95" s="21" t="s">
        <v>237</v>
      </c>
      <c r="C95" s="21" t="s">
        <v>264</v>
      </c>
      <c r="D95" s="21" t="s">
        <v>215</v>
      </c>
      <c r="E95" s="21" t="s">
        <v>401</v>
      </c>
      <c r="F95" s="16">
        <v>1345893</v>
      </c>
      <c r="G95" s="16">
        <v>1218417</v>
      </c>
      <c r="H95" s="16">
        <v>968744</v>
      </c>
      <c r="I95" s="16">
        <v>294180</v>
      </c>
      <c r="J95" s="16">
        <v>637123</v>
      </c>
      <c r="K95" s="16">
        <v>21930</v>
      </c>
      <c r="L95" s="16">
        <v>15511</v>
      </c>
      <c r="M95" s="16">
        <v>249673</v>
      </c>
      <c r="N95" s="16">
        <v>14220</v>
      </c>
      <c r="O95" s="16">
        <v>30948</v>
      </c>
      <c r="P95" s="16">
        <v>58439</v>
      </c>
      <c r="Q95" s="16">
        <v>57424</v>
      </c>
      <c r="R95" s="16">
        <v>6618</v>
      </c>
      <c r="S95" s="16">
        <v>32549</v>
      </c>
      <c r="T95" s="16">
        <v>6463</v>
      </c>
      <c r="U95" s="16">
        <v>27971</v>
      </c>
      <c r="V95" s="16">
        <v>5979</v>
      </c>
      <c r="W95" s="16">
        <v>9062</v>
      </c>
      <c r="X95" s="16">
        <v>9867</v>
      </c>
      <c r="Y95" s="16">
        <v>114719</v>
      </c>
      <c r="Z95" s="16">
        <v>2890</v>
      </c>
      <c r="AA95" s="16">
        <v>183281</v>
      </c>
      <c r="AB95" s="16">
        <v>186782</v>
      </c>
      <c r="AC95" s="16">
        <v>29745</v>
      </c>
      <c r="AD95" s="16">
        <v>2964</v>
      </c>
      <c r="AE95" s="16">
        <v>3878</v>
      </c>
    </row>
    <row r="96" spans="1:31">
      <c r="A96" s="21" t="s">
        <v>232</v>
      </c>
      <c r="B96" s="21" t="s">
        <v>237</v>
      </c>
      <c r="C96" s="21" t="s">
        <v>264</v>
      </c>
      <c r="D96" s="21" t="s">
        <v>215</v>
      </c>
      <c r="E96" s="21" t="s">
        <v>514</v>
      </c>
      <c r="F96" s="16">
        <v>6</v>
      </c>
      <c r="G96" s="16">
        <v>2</v>
      </c>
      <c r="H96" s="22" t="s">
        <v>268</v>
      </c>
      <c r="I96" s="22" t="s">
        <v>268</v>
      </c>
      <c r="J96" s="22" t="s">
        <v>268</v>
      </c>
      <c r="K96" s="22" t="s">
        <v>268</v>
      </c>
      <c r="L96" s="22" t="s">
        <v>268</v>
      </c>
      <c r="M96" s="16">
        <v>2</v>
      </c>
      <c r="N96" s="22" t="s">
        <v>268</v>
      </c>
      <c r="O96" s="22" t="s">
        <v>268</v>
      </c>
      <c r="P96" s="22" t="s">
        <v>268</v>
      </c>
      <c r="Q96" s="22" t="s">
        <v>268</v>
      </c>
      <c r="R96" s="22" t="s">
        <v>268</v>
      </c>
      <c r="S96" s="22" t="s">
        <v>268</v>
      </c>
      <c r="T96" s="22" t="s">
        <v>268</v>
      </c>
      <c r="U96" s="22" t="s">
        <v>268</v>
      </c>
      <c r="V96" s="16">
        <v>2</v>
      </c>
      <c r="W96" s="22" t="s">
        <v>268</v>
      </c>
      <c r="X96" s="22" t="s">
        <v>268</v>
      </c>
      <c r="Y96" s="16">
        <v>4</v>
      </c>
      <c r="Z96" s="22" t="s">
        <v>268</v>
      </c>
      <c r="AA96" s="22" t="s">
        <v>268</v>
      </c>
      <c r="AB96" s="22" t="s">
        <v>268</v>
      </c>
      <c r="AC96" s="22" t="s">
        <v>268</v>
      </c>
      <c r="AD96" s="16">
        <v>3</v>
      </c>
      <c r="AE96" s="22" t="s">
        <v>268</v>
      </c>
    </row>
    <row r="97" spans="1:31">
      <c r="A97" s="21" t="s">
        <v>232</v>
      </c>
      <c r="B97" s="21" t="s">
        <v>237</v>
      </c>
      <c r="C97" s="21" t="s">
        <v>264</v>
      </c>
      <c r="D97" s="21" t="s">
        <v>215</v>
      </c>
      <c r="E97" s="21" t="s">
        <v>515</v>
      </c>
      <c r="F97" s="16">
        <v>2377</v>
      </c>
      <c r="G97" s="16">
        <v>136</v>
      </c>
      <c r="H97" s="16">
        <v>85</v>
      </c>
      <c r="I97" s="16">
        <v>18</v>
      </c>
      <c r="J97" s="16">
        <v>47</v>
      </c>
      <c r="K97" s="16">
        <v>4</v>
      </c>
      <c r="L97" s="16">
        <v>16</v>
      </c>
      <c r="M97" s="16">
        <v>51</v>
      </c>
      <c r="N97" s="22" t="s">
        <v>268</v>
      </c>
      <c r="O97" s="22" t="s">
        <v>268</v>
      </c>
      <c r="P97" s="22" t="s">
        <v>268</v>
      </c>
      <c r="Q97" s="22" t="s">
        <v>268</v>
      </c>
      <c r="R97" s="16">
        <v>3</v>
      </c>
      <c r="S97" s="22" t="s">
        <v>268</v>
      </c>
      <c r="T97" s="22" t="s">
        <v>268</v>
      </c>
      <c r="U97" s="22" t="s">
        <v>268</v>
      </c>
      <c r="V97" s="16">
        <v>42</v>
      </c>
      <c r="W97" s="16">
        <v>6</v>
      </c>
      <c r="X97" s="16">
        <v>32</v>
      </c>
      <c r="Y97" s="16">
        <v>2209</v>
      </c>
      <c r="Z97" s="22" t="s">
        <v>268</v>
      </c>
      <c r="AA97" s="22" t="s">
        <v>268</v>
      </c>
      <c r="AB97" s="22" t="s">
        <v>268</v>
      </c>
      <c r="AC97" s="22" t="s">
        <v>268</v>
      </c>
      <c r="AD97" s="16">
        <v>135</v>
      </c>
      <c r="AE97" s="16">
        <v>206</v>
      </c>
    </row>
    <row r="98" spans="1:31">
      <c r="A98" s="21" t="s">
        <v>232</v>
      </c>
      <c r="B98" s="21" t="s">
        <v>237</v>
      </c>
      <c r="C98" s="21" t="s">
        <v>264</v>
      </c>
      <c r="D98" s="21" t="s">
        <v>215</v>
      </c>
      <c r="E98" s="21" t="s">
        <v>516</v>
      </c>
      <c r="F98" s="16">
        <v>15847</v>
      </c>
      <c r="G98" s="16">
        <v>4956</v>
      </c>
      <c r="H98" s="16">
        <v>4477</v>
      </c>
      <c r="I98" s="16">
        <v>1066</v>
      </c>
      <c r="J98" s="16">
        <v>3282</v>
      </c>
      <c r="K98" s="16">
        <v>21</v>
      </c>
      <c r="L98" s="16">
        <v>108</v>
      </c>
      <c r="M98" s="16">
        <v>479</v>
      </c>
      <c r="N98" s="16">
        <v>8</v>
      </c>
      <c r="O98" s="16">
        <v>12</v>
      </c>
      <c r="P98" s="16">
        <v>11</v>
      </c>
      <c r="Q98" s="16">
        <v>49</v>
      </c>
      <c r="R98" s="16">
        <v>14</v>
      </c>
      <c r="S98" s="16">
        <v>45</v>
      </c>
      <c r="T98" s="16">
        <v>13</v>
      </c>
      <c r="U98" s="16">
        <v>41</v>
      </c>
      <c r="V98" s="16">
        <v>234</v>
      </c>
      <c r="W98" s="16">
        <v>52</v>
      </c>
      <c r="X98" s="16">
        <v>661</v>
      </c>
      <c r="Y98" s="16">
        <v>10230</v>
      </c>
      <c r="Z98" s="22" t="s">
        <v>268</v>
      </c>
      <c r="AA98" s="16">
        <v>149</v>
      </c>
      <c r="AB98" s="22" t="s">
        <v>268</v>
      </c>
      <c r="AC98" s="22" t="s">
        <v>268</v>
      </c>
      <c r="AD98" s="16">
        <v>593</v>
      </c>
      <c r="AE98" s="16">
        <v>974</v>
      </c>
    </row>
    <row r="99" spans="1:31">
      <c r="A99" s="21" t="s">
        <v>232</v>
      </c>
      <c r="B99" s="21" t="s">
        <v>237</v>
      </c>
      <c r="C99" s="21" t="s">
        <v>264</v>
      </c>
      <c r="D99" s="21" t="s">
        <v>215</v>
      </c>
      <c r="E99" s="21" t="s">
        <v>517</v>
      </c>
      <c r="F99" s="16">
        <v>37892</v>
      </c>
      <c r="G99" s="16">
        <v>27739</v>
      </c>
      <c r="H99" s="16">
        <v>26344</v>
      </c>
      <c r="I99" s="16">
        <v>5802</v>
      </c>
      <c r="J99" s="16">
        <v>20100</v>
      </c>
      <c r="K99" s="16">
        <v>139</v>
      </c>
      <c r="L99" s="16">
        <v>303</v>
      </c>
      <c r="M99" s="16">
        <v>1395</v>
      </c>
      <c r="N99" s="16">
        <v>8</v>
      </c>
      <c r="O99" s="16">
        <v>36</v>
      </c>
      <c r="P99" s="16">
        <v>148</v>
      </c>
      <c r="Q99" s="16">
        <v>387</v>
      </c>
      <c r="R99" s="16">
        <v>42</v>
      </c>
      <c r="S99" s="16">
        <v>147</v>
      </c>
      <c r="T99" s="16">
        <v>33</v>
      </c>
      <c r="U99" s="16">
        <v>220</v>
      </c>
      <c r="V99" s="16">
        <v>211</v>
      </c>
      <c r="W99" s="16">
        <v>163</v>
      </c>
      <c r="X99" s="16">
        <v>1154</v>
      </c>
      <c r="Y99" s="16">
        <v>8999</v>
      </c>
      <c r="Z99" s="22" t="s">
        <v>268</v>
      </c>
      <c r="AA99" s="16">
        <v>885</v>
      </c>
      <c r="AB99" s="22" t="s">
        <v>268</v>
      </c>
      <c r="AC99" s="22" t="s">
        <v>268</v>
      </c>
      <c r="AD99" s="16">
        <v>426</v>
      </c>
      <c r="AE99" s="16">
        <v>968</v>
      </c>
    </row>
    <row r="100" spans="1:31">
      <c r="A100" s="21" t="s">
        <v>232</v>
      </c>
      <c r="B100" s="21" t="s">
        <v>237</v>
      </c>
      <c r="C100" s="21" t="s">
        <v>264</v>
      </c>
      <c r="D100" s="21" t="s">
        <v>215</v>
      </c>
      <c r="E100" s="21" t="s">
        <v>518</v>
      </c>
      <c r="F100" s="16">
        <v>73919</v>
      </c>
      <c r="G100" s="16">
        <v>66410</v>
      </c>
      <c r="H100" s="16">
        <v>63392</v>
      </c>
      <c r="I100" s="16">
        <v>6964</v>
      </c>
      <c r="J100" s="16">
        <v>55714</v>
      </c>
      <c r="K100" s="16">
        <v>316</v>
      </c>
      <c r="L100" s="16">
        <v>398</v>
      </c>
      <c r="M100" s="16">
        <v>3018</v>
      </c>
      <c r="N100" s="16">
        <v>48</v>
      </c>
      <c r="O100" s="16">
        <v>87</v>
      </c>
      <c r="P100" s="16">
        <v>585</v>
      </c>
      <c r="Q100" s="16">
        <v>1187</v>
      </c>
      <c r="R100" s="16">
        <v>43</v>
      </c>
      <c r="S100" s="16">
        <v>237</v>
      </c>
      <c r="T100" s="16">
        <v>38</v>
      </c>
      <c r="U100" s="16">
        <v>415</v>
      </c>
      <c r="V100" s="16">
        <v>157</v>
      </c>
      <c r="W100" s="16">
        <v>221</v>
      </c>
      <c r="X100" s="16">
        <v>738</v>
      </c>
      <c r="Y100" s="16">
        <v>6771</v>
      </c>
      <c r="Z100" s="22" t="s">
        <v>268</v>
      </c>
      <c r="AA100" s="16">
        <v>2483</v>
      </c>
      <c r="AB100" s="22" t="s">
        <v>268</v>
      </c>
      <c r="AC100" s="22" t="s">
        <v>268</v>
      </c>
      <c r="AD100" s="16">
        <v>224</v>
      </c>
      <c r="AE100" s="16">
        <v>421</v>
      </c>
    </row>
    <row r="101" spans="1:31">
      <c r="A101" s="21" t="s">
        <v>232</v>
      </c>
      <c r="B101" s="21" t="s">
        <v>237</v>
      </c>
      <c r="C101" s="21" t="s">
        <v>264</v>
      </c>
      <c r="D101" s="21" t="s">
        <v>215</v>
      </c>
      <c r="E101" s="21" t="s">
        <v>519</v>
      </c>
      <c r="F101" s="16">
        <v>109942</v>
      </c>
      <c r="G101" s="16">
        <v>103155</v>
      </c>
      <c r="H101" s="16">
        <v>96376</v>
      </c>
      <c r="I101" s="16">
        <v>6134</v>
      </c>
      <c r="J101" s="16">
        <v>88786</v>
      </c>
      <c r="K101" s="16">
        <v>801</v>
      </c>
      <c r="L101" s="16">
        <v>655</v>
      </c>
      <c r="M101" s="16">
        <v>6779</v>
      </c>
      <c r="N101" s="16">
        <v>52</v>
      </c>
      <c r="O101" s="16">
        <v>222</v>
      </c>
      <c r="P101" s="16">
        <v>1546</v>
      </c>
      <c r="Q101" s="16">
        <v>2801</v>
      </c>
      <c r="R101" s="16">
        <v>31</v>
      </c>
      <c r="S101" s="16">
        <v>541</v>
      </c>
      <c r="T101" s="16">
        <v>32</v>
      </c>
      <c r="U101" s="16">
        <v>1041</v>
      </c>
      <c r="V101" s="16">
        <v>159</v>
      </c>
      <c r="W101" s="16">
        <v>354</v>
      </c>
      <c r="X101" s="16">
        <v>646</v>
      </c>
      <c r="Y101" s="16">
        <v>6141</v>
      </c>
      <c r="Z101" s="22" t="s">
        <v>268</v>
      </c>
      <c r="AA101" s="16">
        <v>5942</v>
      </c>
      <c r="AB101" s="22" t="s">
        <v>268</v>
      </c>
      <c r="AC101" s="22" t="s">
        <v>268</v>
      </c>
      <c r="AD101" s="16">
        <v>180</v>
      </c>
      <c r="AE101" s="16">
        <v>223</v>
      </c>
    </row>
    <row r="102" spans="1:31">
      <c r="A102" s="21" t="s">
        <v>232</v>
      </c>
      <c r="B102" s="21" t="s">
        <v>237</v>
      </c>
      <c r="C102" s="21" t="s">
        <v>264</v>
      </c>
      <c r="D102" s="21" t="s">
        <v>215</v>
      </c>
      <c r="E102" s="21" t="s">
        <v>520</v>
      </c>
      <c r="F102" s="16">
        <v>129665</v>
      </c>
      <c r="G102" s="16">
        <v>122459</v>
      </c>
      <c r="H102" s="16">
        <v>111732</v>
      </c>
      <c r="I102" s="16">
        <v>6262</v>
      </c>
      <c r="J102" s="16">
        <v>103040</v>
      </c>
      <c r="K102" s="16">
        <v>1345</v>
      </c>
      <c r="L102" s="16">
        <v>1085</v>
      </c>
      <c r="M102" s="16">
        <v>10727</v>
      </c>
      <c r="N102" s="16">
        <v>84</v>
      </c>
      <c r="O102" s="16">
        <v>321</v>
      </c>
      <c r="P102" s="16">
        <v>2789</v>
      </c>
      <c r="Q102" s="16">
        <v>4906</v>
      </c>
      <c r="R102" s="16">
        <v>60</v>
      </c>
      <c r="S102" s="16">
        <v>598</v>
      </c>
      <c r="T102" s="16">
        <v>87</v>
      </c>
      <c r="U102" s="16">
        <v>1195</v>
      </c>
      <c r="V102" s="16">
        <v>185</v>
      </c>
      <c r="W102" s="16">
        <v>502</v>
      </c>
      <c r="X102" s="16">
        <v>714</v>
      </c>
      <c r="Y102" s="16">
        <v>6492</v>
      </c>
      <c r="Z102" s="22" t="s">
        <v>268</v>
      </c>
      <c r="AA102" s="16">
        <v>9696</v>
      </c>
      <c r="AB102" s="22" t="s">
        <v>268</v>
      </c>
      <c r="AC102" s="22" t="s">
        <v>268</v>
      </c>
      <c r="AD102" s="16">
        <v>163</v>
      </c>
      <c r="AE102" s="16">
        <v>200</v>
      </c>
    </row>
    <row r="103" spans="1:31">
      <c r="A103" s="21" t="s">
        <v>232</v>
      </c>
      <c r="B103" s="21" t="s">
        <v>237</v>
      </c>
      <c r="C103" s="21" t="s">
        <v>264</v>
      </c>
      <c r="D103" s="21" t="s">
        <v>215</v>
      </c>
      <c r="E103" s="21" t="s">
        <v>521</v>
      </c>
      <c r="F103" s="16">
        <v>128479</v>
      </c>
      <c r="G103" s="16">
        <v>120028</v>
      </c>
      <c r="H103" s="16">
        <v>105589</v>
      </c>
      <c r="I103" s="16">
        <v>9180</v>
      </c>
      <c r="J103" s="16">
        <v>93136</v>
      </c>
      <c r="K103" s="16">
        <v>1653</v>
      </c>
      <c r="L103" s="16">
        <v>1620</v>
      </c>
      <c r="M103" s="16">
        <v>14439</v>
      </c>
      <c r="N103" s="16">
        <v>316</v>
      </c>
      <c r="O103" s="16">
        <v>738</v>
      </c>
      <c r="P103" s="16">
        <v>3451</v>
      </c>
      <c r="Q103" s="16">
        <v>6672</v>
      </c>
      <c r="R103" s="16">
        <v>132</v>
      </c>
      <c r="S103" s="16">
        <v>765</v>
      </c>
      <c r="T103" s="16">
        <v>247</v>
      </c>
      <c r="U103" s="16">
        <v>1328</v>
      </c>
      <c r="V103" s="16">
        <v>237</v>
      </c>
      <c r="W103" s="16">
        <v>553</v>
      </c>
      <c r="X103" s="16">
        <v>754</v>
      </c>
      <c r="Y103" s="16">
        <v>7697</v>
      </c>
      <c r="Z103" s="22" t="s">
        <v>268</v>
      </c>
      <c r="AA103" s="16">
        <v>12500</v>
      </c>
      <c r="AB103" s="22" t="s">
        <v>268</v>
      </c>
      <c r="AC103" s="22" t="s">
        <v>268</v>
      </c>
      <c r="AD103" s="16">
        <v>183</v>
      </c>
      <c r="AE103" s="16">
        <v>231</v>
      </c>
    </row>
    <row r="104" spans="1:31">
      <c r="A104" s="21" t="s">
        <v>232</v>
      </c>
      <c r="B104" s="21" t="s">
        <v>237</v>
      </c>
      <c r="C104" s="21" t="s">
        <v>264</v>
      </c>
      <c r="D104" s="21" t="s">
        <v>215</v>
      </c>
      <c r="E104" s="21" t="s">
        <v>522</v>
      </c>
      <c r="F104" s="16">
        <v>106126</v>
      </c>
      <c r="G104" s="16">
        <v>97795</v>
      </c>
      <c r="H104" s="16">
        <v>78741</v>
      </c>
      <c r="I104" s="16">
        <v>12610</v>
      </c>
      <c r="J104" s="16">
        <v>62031</v>
      </c>
      <c r="K104" s="16">
        <v>1676</v>
      </c>
      <c r="L104" s="16">
        <v>2424</v>
      </c>
      <c r="M104" s="16">
        <v>19054</v>
      </c>
      <c r="N104" s="16">
        <v>784</v>
      </c>
      <c r="O104" s="16">
        <v>1935</v>
      </c>
      <c r="P104" s="16">
        <v>3720</v>
      </c>
      <c r="Q104" s="16">
        <v>7905</v>
      </c>
      <c r="R104" s="16">
        <v>123</v>
      </c>
      <c r="S104" s="16">
        <v>1188</v>
      </c>
      <c r="T104" s="16">
        <v>361</v>
      </c>
      <c r="U104" s="16">
        <v>1842</v>
      </c>
      <c r="V104" s="16">
        <v>364</v>
      </c>
      <c r="W104" s="16">
        <v>832</v>
      </c>
      <c r="X104" s="16">
        <v>738</v>
      </c>
      <c r="Y104" s="16">
        <v>7593</v>
      </c>
      <c r="Z104" s="22" t="s">
        <v>268</v>
      </c>
      <c r="AA104" s="16">
        <v>15214</v>
      </c>
      <c r="AB104" s="22" t="s">
        <v>268</v>
      </c>
      <c r="AC104" s="22" t="s">
        <v>268</v>
      </c>
      <c r="AD104" s="16">
        <v>176</v>
      </c>
      <c r="AE104" s="16">
        <v>178</v>
      </c>
    </row>
    <row r="105" spans="1:31">
      <c r="A105" s="21" t="s">
        <v>232</v>
      </c>
      <c r="B105" s="21" t="s">
        <v>237</v>
      </c>
      <c r="C105" s="21" t="s">
        <v>264</v>
      </c>
      <c r="D105" s="21" t="s">
        <v>215</v>
      </c>
      <c r="E105" s="21" t="s">
        <v>523</v>
      </c>
      <c r="F105" s="16">
        <v>110814</v>
      </c>
      <c r="G105" s="16">
        <v>101942</v>
      </c>
      <c r="H105" s="16">
        <v>72827</v>
      </c>
      <c r="I105" s="16">
        <v>20772</v>
      </c>
      <c r="J105" s="16">
        <v>47209</v>
      </c>
      <c r="K105" s="16">
        <v>1587</v>
      </c>
      <c r="L105" s="16">
        <v>3259</v>
      </c>
      <c r="M105" s="16">
        <v>29115</v>
      </c>
      <c r="N105" s="16">
        <v>1792</v>
      </c>
      <c r="O105" s="16">
        <v>5184</v>
      </c>
      <c r="P105" s="16">
        <v>4242</v>
      </c>
      <c r="Q105" s="16">
        <v>10237</v>
      </c>
      <c r="R105" s="16">
        <v>249</v>
      </c>
      <c r="S105" s="16">
        <v>1950</v>
      </c>
      <c r="T105" s="16">
        <v>580</v>
      </c>
      <c r="U105" s="16">
        <v>3359</v>
      </c>
      <c r="V105" s="16">
        <v>501</v>
      </c>
      <c r="W105" s="16">
        <v>1021</v>
      </c>
      <c r="X105" s="16">
        <v>745</v>
      </c>
      <c r="Y105" s="16">
        <v>8127</v>
      </c>
      <c r="Z105" s="22" t="s">
        <v>268</v>
      </c>
      <c r="AA105" s="16">
        <v>20416</v>
      </c>
      <c r="AB105" s="22" t="s">
        <v>268</v>
      </c>
      <c r="AC105" s="22" t="s">
        <v>268</v>
      </c>
      <c r="AD105" s="16">
        <v>177</v>
      </c>
      <c r="AE105" s="16">
        <v>156</v>
      </c>
    </row>
    <row r="106" spans="1:31">
      <c r="A106" s="21" t="s">
        <v>232</v>
      </c>
      <c r="B106" s="21" t="s">
        <v>237</v>
      </c>
      <c r="C106" s="21" t="s">
        <v>264</v>
      </c>
      <c r="D106" s="21" t="s">
        <v>215</v>
      </c>
      <c r="E106" s="21" t="s">
        <v>524</v>
      </c>
      <c r="F106" s="16">
        <v>124956</v>
      </c>
      <c r="G106" s="16">
        <v>115296</v>
      </c>
      <c r="H106" s="16">
        <v>78064</v>
      </c>
      <c r="I106" s="16">
        <v>33280</v>
      </c>
      <c r="J106" s="16">
        <v>39629</v>
      </c>
      <c r="K106" s="16">
        <v>1938</v>
      </c>
      <c r="L106" s="16">
        <v>3217</v>
      </c>
      <c r="M106" s="16">
        <v>37232</v>
      </c>
      <c r="N106" s="16">
        <v>1928</v>
      </c>
      <c r="O106" s="16">
        <v>8199</v>
      </c>
      <c r="P106" s="16">
        <v>4824</v>
      </c>
      <c r="Q106" s="16">
        <v>9679</v>
      </c>
      <c r="R106" s="16">
        <v>504</v>
      </c>
      <c r="S106" s="16">
        <v>3710</v>
      </c>
      <c r="T106" s="16">
        <v>749</v>
      </c>
      <c r="U106" s="16">
        <v>5423</v>
      </c>
      <c r="V106" s="16">
        <v>966</v>
      </c>
      <c r="W106" s="16">
        <v>1250</v>
      </c>
      <c r="X106" s="16">
        <v>879</v>
      </c>
      <c r="Y106" s="16">
        <v>8781</v>
      </c>
      <c r="Z106" s="22" t="s">
        <v>268</v>
      </c>
      <c r="AA106" s="16">
        <v>24465</v>
      </c>
      <c r="AB106" s="22" t="s">
        <v>268</v>
      </c>
      <c r="AC106" s="22" t="s">
        <v>268</v>
      </c>
      <c r="AD106" s="16">
        <v>179</v>
      </c>
      <c r="AE106" s="16">
        <v>88</v>
      </c>
    </row>
    <row r="107" spans="1:31">
      <c r="A107" s="21" t="s">
        <v>232</v>
      </c>
      <c r="B107" s="21" t="s">
        <v>237</v>
      </c>
      <c r="C107" s="21" t="s">
        <v>264</v>
      </c>
      <c r="D107" s="21" t="s">
        <v>215</v>
      </c>
      <c r="E107" s="21" t="s">
        <v>525</v>
      </c>
      <c r="F107" s="16">
        <v>141527</v>
      </c>
      <c r="G107" s="16">
        <v>130904</v>
      </c>
      <c r="H107" s="16">
        <v>90883</v>
      </c>
      <c r="I107" s="16">
        <v>48222</v>
      </c>
      <c r="J107" s="16">
        <v>38616</v>
      </c>
      <c r="K107" s="16">
        <v>2279</v>
      </c>
      <c r="L107" s="16">
        <v>1766</v>
      </c>
      <c r="M107" s="16">
        <v>40021</v>
      </c>
      <c r="N107" s="16">
        <v>1324</v>
      </c>
      <c r="O107" s="16">
        <v>7713</v>
      </c>
      <c r="P107" s="16">
        <v>8070</v>
      </c>
      <c r="Q107" s="16">
        <v>6355</v>
      </c>
      <c r="R107" s="16">
        <v>1061</v>
      </c>
      <c r="S107" s="16">
        <v>6299</v>
      </c>
      <c r="T107" s="16">
        <v>750</v>
      </c>
      <c r="U107" s="16">
        <v>6051</v>
      </c>
      <c r="V107" s="16">
        <v>1272</v>
      </c>
      <c r="W107" s="16">
        <v>1126</v>
      </c>
      <c r="X107" s="16">
        <v>892</v>
      </c>
      <c r="Y107" s="16">
        <v>9731</v>
      </c>
      <c r="Z107" s="22" t="s">
        <v>268</v>
      </c>
      <c r="AA107" s="16">
        <v>27365</v>
      </c>
      <c r="AB107" s="16">
        <v>44182</v>
      </c>
      <c r="AC107" s="16">
        <v>9731</v>
      </c>
      <c r="AD107" s="16">
        <v>178</v>
      </c>
      <c r="AE107" s="16">
        <v>21</v>
      </c>
    </row>
    <row r="108" spans="1:31">
      <c r="A108" s="21" t="s">
        <v>232</v>
      </c>
      <c r="B108" s="21" t="s">
        <v>237</v>
      </c>
      <c r="C108" s="21" t="s">
        <v>264</v>
      </c>
      <c r="D108" s="21" t="s">
        <v>215</v>
      </c>
      <c r="E108" s="21" t="s">
        <v>526</v>
      </c>
      <c r="F108" s="16">
        <v>137823</v>
      </c>
      <c r="G108" s="16">
        <v>128858</v>
      </c>
      <c r="H108" s="16">
        <v>93835</v>
      </c>
      <c r="I108" s="16">
        <v>55394</v>
      </c>
      <c r="J108" s="16">
        <v>35283</v>
      </c>
      <c r="K108" s="16">
        <v>2568</v>
      </c>
      <c r="L108" s="16">
        <v>590</v>
      </c>
      <c r="M108" s="16">
        <v>35023</v>
      </c>
      <c r="N108" s="16">
        <v>1120</v>
      </c>
      <c r="O108" s="16">
        <v>3879</v>
      </c>
      <c r="P108" s="16">
        <v>10879</v>
      </c>
      <c r="Q108" s="16">
        <v>3406</v>
      </c>
      <c r="R108" s="16">
        <v>1634</v>
      </c>
      <c r="S108" s="16">
        <v>7454</v>
      </c>
      <c r="T108" s="16">
        <v>657</v>
      </c>
      <c r="U108" s="16">
        <v>4020</v>
      </c>
      <c r="V108" s="16">
        <v>942</v>
      </c>
      <c r="W108" s="16">
        <v>1032</v>
      </c>
      <c r="X108" s="16">
        <v>857</v>
      </c>
      <c r="Y108" s="16">
        <v>8108</v>
      </c>
      <c r="Z108" s="22" t="s">
        <v>268</v>
      </c>
      <c r="AA108" s="16">
        <v>26330</v>
      </c>
      <c r="AB108" s="16">
        <v>54400</v>
      </c>
      <c r="AC108" s="16">
        <v>8108</v>
      </c>
      <c r="AD108" s="16">
        <v>112</v>
      </c>
      <c r="AE108" s="16">
        <v>6</v>
      </c>
    </row>
    <row r="109" spans="1:31">
      <c r="A109" s="21" t="s">
        <v>232</v>
      </c>
      <c r="B109" s="21" t="s">
        <v>237</v>
      </c>
      <c r="C109" s="21" t="s">
        <v>264</v>
      </c>
      <c r="D109" s="21" t="s">
        <v>215</v>
      </c>
      <c r="E109" s="21" t="s">
        <v>527</v>
      </c>
      <c r="F109" s="16">
        <v>88315</v>
      </c>
      <c r="G109" s="16">
        <v>83266</v>
      </c>
      <c r="H109" s="16">
        <v>63255</v>
      </c>
      <c r="I109" s="16">
        <v>38654</v>
      </c>
      <c r="J109" s="16">
        <v>22540</v>
      </c>
      <c r="K109" s="16">
        <v>2006</v>
      </c>
      <c r="L109" s="16">
        <v>55</v>
      </c>
      <c r="M109" s="16">
        <v>20011</v>
      </c>
      <c r="N109" s="16">
        <v>1360</v>
      </c>
      <c r="O109" s="16">
        <v>891</v>
      </c>
      <c r="P109" s="16">
        <v>7722</v>
      </c>
      <c r="Q109" s="16">
        <v>1283</v>
      </c>
      <c r="R109" s="16">
        <v>1200</v>
      </c>
      <c r="S109" s="16">
        <v>4648</v>
      </c>
      <c r="T109" s="16">
        <v>540</v>
      </c>
      <c r="U109" s="16">
        <v>1351</v>
      </c>
      <c r="V109" s="16">
        <v>414</v>
      </c>
      <c r="W109" s="16">
        <v>602</v>
      </c>
      <c r="X109" s="16">
        <v>498</v>
      </c>
      <c r="Y109" s="16">
        <v>4551</v>
      </c>
      <c r="Z109" s="22" t="s">
        <v>268</v>
      </c>
      <c r="AA109" s="16">
        <v>15483</v>
      </c>
      <c r="AB109" s="16">
        <v>38440</v>
      </c>
      <c r="AC109" s="16">
        <v>4551</v>
      </c>
      <c r="AD109" s="16">
        <v>64</v>
      </c>
      <c r="AE109" s="16">
        <v>6</v>
      </c>
    </row>
    <row r="110" spans="1:31">
      <c r="A110" s="21" t="s">
        <v>232</v>
      </c>
      <c r="B110" s="21" t="s">
        <v>237</v>
      </c>
      <c r="C110" s="21" t="s">
        <v>264</v>
      </c>
      <c r="D110" s="21" t="s">
        <v>215</v>
      </c>
      <c r="E110" s="21" t="s">
        <v>528</v>
      </c>
      <c r="F110" s="16">
        <v>67782</v>
      </c>
      <c r="G110" s="16">
        <v>64075</v>
      </c>
      <c r="H110" s="16">
        <v>47181</v>
      </c>
      <c r="I110" s="16">
        <v>28766</v>
      </c>
      <c r="J110" s="16">
        <v>16254</v>
      </c>
      <c r="K110" s="16">
        <v>2152</v>
      </c>
      <c r="L110" s="16">
        <v>9</v>
      </c>
      <c r="M110" s="16">
        <v>16894</v>
      </c>
      <c r="N110" s="16">
        <v>2252</v>
      </c>
      <c r="O110" s="16">
        <v>507</v>
      </c>
      <c r="P110" s="16">
        <v>6340</v>
      </c>
      <c r="Q110" s="16">
        <v>1120</v>
      </c>
      <c r="R110" s="16">
        <v>915</v>
      </c>
      <c r="S110" s="16">
        <v>3166</v>
      </c>
      <c r="T110" s="16">
        <v>827</v>
      </c>
      <c r="U110" s="16">
        <v>1016</v>
      </c>
      <c r="V110" s="16">
        <v>166</v>
      </c>
      <c r="W110" s="16">
        <v>585</v>
      </c>
      <c r="X110" s="16">
        <v>300</v>
      </c>
      <c r="Y110" s="16">
        <v>3407</v>
      </c>
      <c r="Z110" s="22" t="s">
        <v>268</v>
      </c>
      <c r="AA110" s="16">
        <v>12615</v>
      </c>
      <c r="AB110" s="16">
        <v>28710</v>
      </c>
      <c r="AC110" s="16">
        <v>3407</v>
      </c>
      <c r="AD110" s="16">
        <v>37</v>
      </c>
      <c r="AE110" s="22" t="s">
        <v>268</v>
      </c>
    </row>
    <row r="111" spans="1:31">
      <c r="A111" s="21" t="s">
        <v>232</v>
      </c>
      <c r="B111" s="21" t="s">
        <v>237</v>
      </c>
      <c r="C111" s="21" t="s">
        <v>264</v>
      </c>
      <c r="D111" s="21" t="s">
        <v>215</v>
      </c>
      <c r="E111" s="21" t="s">
        <v>623</v>
      </c>
      <c r="F111" s="16">
        <v>55603</v>
      </c>
      <c r="G111" s="16">
        <v>51396</v>
      </c>
      <c r="H111" s="16">
        <v>35963</v>
      </c>
      <c r="I111" s="16">
        <v>21056</v>
      </c>
      <c r="J111" s="16">
        <v>11456</v>
      </c>
      <c r="K111" s="16">
        <v>3445</v>
      </c>
      <c r="L111" s="16">
        <v>6</v>
      </c>
      <c r="M111" s="16">
        <v>15433</v>
      </c>
      <c r="N111" s="16">
        <v>3144</v>
      </c>
      <c r="O111" s="16">
        <v>1224</v>
      </c>
      <c r="P111" s="16">
        <v>4112</v>
      </c>
      <c r="Q111" s="16">
        <v>1437</v>
      </c>
      <c r="R111" s="16">
        <v>607</v>
      </c>
      <c r="S111" s="16">
        <v>1801</v>
      </c>
      <c r="T111" s="16">
        <v>1549</v>
      </c>
      <c r="U111" s="16">
        <v>669</v>
      </c>
      <c r="V111" s="16">
        <v>127</v>
      </c>
      <c r="W111" s="16">
        <v>763</v>
      </c>
      <c r="X111" s="16">
        <v>259</v>
      </c>
      <c r="Y111" s="16">
        <v>3948</v>
      </c>
      <c r="Z111" s="22" t="s">
        <v>268</v>
      </c>
      <c r="AA111" s="16">
        <v>9738</v>
      </c>
      <c r="AB111" s="16">
        <v>21050</v>
      </c>
      <c r="AC111" s="16">
        <v>3948</v>
      </c>
      <c r="AD111" s="16">
        <v>55</v>
      </c>
      <c r="AE111" s="16">
        <v>1</v>
      </c>
    </row>
    <row r="112" spans="1:31">
      <c r="A112" s="21" t="s">
        <v>232</v>
      </c>
      <c r="B112" s="21" t="s">
        <v>237</v>
      </c>
      <c r="C112" s="21" t="s">
        <v>264</v>
      </c>
      <c r="D112" s="21" t="s">
        <v>215</v>
      </c>
      <c r="E112" s="21" t="s">
        <v>624</v>
      </c>
      <c r="F112" s="16">
        <v>14820</v>
      </c>
      <c r="G112" s="22" t="s">
        <v>268</v>
      </c>
      <c r="H112" s="22" t="s">
        <v>268</v>
      </c>
      <c r="I112" s="22" t="s">
        <v>268</v>
      </c>
      <c r="J112" s="22" t="s">
        <v>268</v>
      </c>
      <c r="K112" s="22" t="s">
        <v>268</v>
      </c>
      <c r="L112" s="22" t="s">
        <v>268</v>
      </c>
      <c r="M112" s="22" t="s">
        <v>268</v>
      </c>
      <c r="N112" s="22" t="s">
        <v>268</v>
      </c>
      <c r="O112" s="22" t="s">
        <v>268</v>
      </c>
      <c r="P112" s="22" t="s">
        <v>268</v>
      </c>
      <c r="Q112" s="22" t="s">
        <v>268</v>
      </c>
      <c r="R112" s="22" t="s">
        <v>268</v>
      </c>
      <c r="S112" s="22" t="s">
        <v>268</v>
      </c>
      <c r="T112" s="22" t="s">
        <v>268</v>
      </c>
      <c r="U112" s="22" t="s">
        <v>268</v>
      </c>
      <c r="V112" s="22" t="s">
        <v>268</v>
      </c>
      <c r="W112" s="22" t="s">
        <v>268</v>
      </c>
      <c r="X112" s="22" t="s">
        <v>268</v>
      </c>
      <c r="Y112" s="16">
        <v>11930</v>
      </c>
      <c r="Z112" s="16">
        <v>2890</v>
      </c>
      <c r="AA112" s="22" t="s">
        <v>268</v>
      </c>
      <c r="AB112" s="22" t="s">
        <v>268</v>
      </c>
      <c r="AC112" s="22" t="s">
        <v>268</v>
      </c>
      <c r="AD112" s="16">
        <v>79</v>
      </c>
      <c r="AE112" s="16">
        <v>199</v>
      </c>
    </row>
    <row r="113" spans="1:31">
      <c r="A113" s="21" t="s">
        <v>232</v>
      </c>
      <c r="B113" s="21" t="s">
        <v>237</v>
      </c>
      <c r="C113" s="21" t="s">
        <v>264</v>
      </c>
      <c r="D113" s="21" t="s">
        <v>215</v>
      </c>
      <c r="E113" s="21" t="s">
        <v>461</v>
      </c>
      <c r="F113" s="16">
        <v>840017</v>
      </c>
      <c r="G113" s="16">
        <v>759916</v>
      </c>
      <c r="H113" s="16">
        <v>637627</v>
      </c>
      <c r="I113" s="16">
        <v>102088</v>
      </c>
      <c r="J113" s="16">
        <v>512974</v>
      </c>
      <c r="K113" s="16">
        <v>9480</v>
      </c>
      <c r="L113" s="16">
        <v>13085</v>
      </c>
      <c r="M113" s="16">
        <v>122289</v>
      </c>
      <c r="N113" s="16">
        <v>5020</v>
      </c>
      <c r="O113" s="16">
        <v>16734</v>
      </c>
      <c r="P113" s="16">
        <v>21316</v>
      </c>
      <c r="Q113" s="16">
        <v>43823</v>
      </c>
      <c r="R113" s="16">
        <v>1201</v>
      </c>
      <c r="S113" s="16">
        <v>9181</v>
      </c>
      <c r="T113" s="16">
        <v>2140</v>
      </c>
      <c r="U113" s="16">
        <v>14864</v>
      </c>
      <c r="V113" s="16">
        <v>3056</v>
      </c>
      <c r="W113" s="16">
        <v>4954</v>
      </c>
      <c r="X113" s="16">
        <v>7061</v>
      </c>
      <c r="Y113" s="16">
        <v>73040</v>
      </c>
      <c r="Z113" s="22" t="s">
        <v>268</v>
      </c>
      <c r="AA113" s="16">
        <v>91750</v>
      </c>
      <c r="AB113" s="22" t="s">
        <v>268</v>
      </c>
      <c r="AC113" s="22" t="s">
        <v>268</v>
      </c>
      <c r="AD113" s="16">
        <v>2436</v>
      </c>
      <c r="AE113" s="16">
        <v>3645</v>
      </c>
    </row>
    <row r="114" spans="1:31">
      <c r="A114" s="21" t="s">
        <v>232</v>
      </c>
      <c r="B114" s="21" t="s">
        <v>237</v>
      </c>
      <c r="C114" s="21" t="s">
        <v>264</v>
      </c>
      <c r="D114" s="21" t="s">
        <v>215</v>
      </c>
      <c r="E114" s="21" t="s">
        <v>462</v>
      </c>
      <c r="F114" s="16">
        <v>491050</v>
      </c>
      <c r="G114" s="16">
        <v>458499</v>
      </c>
      <c r="H114" s="16">
        <v>331117</v>
      </c>
      <c r="I114" s="16">
        <v>192092</v>
      </c>
      <c r="J114" s="16">
        <v>124149</v>
      </c>
      <c r="K114" s="16">
        <v>12450</v>
      </c>
      <c r="L114" s="16">
        <v>2426</v>
      </c>
      <c r="M114" s="16">
        <v>127382</v>
      </c>
      <c r="N114" s="16">
        <v>9200</v>
      </c>
      <c r="O114" s="16">
        <v>14214</v>
      </c>
      <c r="P114" s="16">
        <v>37123</v>
      </c>
      <c r="Q114" s="16">
        <v>13601</v>
      </c>
      <c r="R114" s="16">
        <v>5417</v>
      </c>
      <c r="S114" s="16">
        <v>23368</v>
      </c>
      <c r="T114" s="16">
        <v>4323</v>
      </c>
      <c r="U114" s="16">
        <v>13107</v>
      </c>
      <c r="V114" s="16">
        <v>2921</v>
      </c>
      <c r="W114" s="16">
        <v>4108</v>
      </c>
      <c r="X114" s="16">
        <v>2806</v>
      </c>
      <c r="Y114" s="16">
        <v>29745</v>
      </c>
      <c r="Z114" s="22" t="s">
        <v>268</v>
      </c>
      <c r="AA114" s="16">
        <v>91531</v>
      </c>
      <c r="AB114" s="16">
        <v>186782</v>
      </c>
      <c r="AC114" s="16">
        <v>29745</v>
      </c>
      <c r="AD114" s="16">
        <v>446</v>
      </c>
      <c r="AE114" s="16">
        <v>34</v>
      </c>
    </row>
    <row r="115" spans="1:31">
      <c r="A115" s="21" t="s">
        <v>232</v>
      </c>
      <c r="B115" s="21" t="s">
        <v>237</v>
      </c>
      <c r="C115" s="21" t="s">
        <v>264</v>
      </c>
      <c r="D115" s="21" t="s">
        <v>215</v>
      </c>
      <c r="E115" s="21" t="s">
        <v>463</v>
      </c>
      <c r="F115" s="16">
        <v>211700</v>
      </c>
      <c r="G115" s="16">
        <v>198737</v>
      </c>
      <c r="H115" s="16">
        <v>146399</v>
      </c>
      <c r="I115" s="16">
        <v>88476</v>
      </c>
      <c r="J115" s="16">
        <v>50250</v>
      </c>
      <c r="K115" s="16">
        <v>7603</v>
      </c>
      <c r="L115" s="16">
        <v>70</v>
      </c>
      <c r="M115" s="16">
        <v>52338</v>
      </c>
      <c r="N115" s="16">
        <v>6756</v>
      </c>
      <c r="O115" s="16">
        <v>2622</v>
      </c>
      <c r="P115" s="16">
        <v>18174</v>
      </c>
      <c r="Q115" s="16">
        <v>3840</v>
      </c>
      <c r="R115" s="16">
        <v>2722</v>
      </c>
      <c r="S115" s="16">
        <v>9615</v>
      </c>
      <c r="T115" s="16">
        <v>2916</v>
      </c>
      <c r="U115" s="16">
        <v>3036</v>
      </c>
      <c r="V115" s="16">
        <v>707</v>
      </c>
      <c r="W115" s="16">
        <v>1950</v>
      </c>
      <c r="X115" s="16">
        <v>1057</v>
      </c>
      <c r="Y115" s="16">
        <v>11906</v>
      </c>
      <c r="Z115" s="22" t="s">
        <v>268</v>
      </c>
      <c r="AA115" s="16">
        <v>37836</v>
      </c>
      <c r="AB115" s="16">
        <v>88200</v>
      </c>
      <c r="AC115" s="16">
        <v>11906</v>
      </c>
      <c r="AD115" s="16">
        <v>156</v>
      </c>
      <c r="AE115" s="16">
        <v>7</v>
      </c>
    </row>
    <row r="116" spans="1:31">
      <c r="A116" s="21" t="s">
        <v>232</v>
      </c>
      <c r="B116" s="21" t="s">
        <v>237</v>
      </c>
      <c r="C116" s="21" t="s">
        <v>264</v>
      </c>
      <c r="D116" s="21" t="s">
        <v>216</v>
      </c>
      <c r="E116" s="21" t="s">
        <v>401</v>
      </c>
      <c r="F116" s="16">
        <v>332900</v>
      </c>
      <c r="G116" s="16">
        <v>199553</v>
      </c>
      <c r="H116" s="16">
        <v>146672</v>
      </c>
      <c r="I116" s="16">
        <v>4476</v>
      </c>
      <c r="J116" s="16">
        <v>11250</v>
      </c>
      <c r="K116" s="16">
        <v>384</v>
      </c>
      <c r="L116" s="16">
        <v>130562</v>
      </c>
      <c r="M116" s="16">
        <v>52881</v>
      </c>
      <c r="N116" s="16">
        <v>76</v>
      </c>
      <c r="O116" s="16">
        <v>4740</v>
      </c>
      <c r="P116" s="16">
        <v>260</v>
      </c>
      <c r="Q116" s="16">
        <v>11831</v>
      </c>
      <c r="R116" s="16">
        <v>489</v>
      </c>
      <c r="S116" s="16">
        <v>1679</v>
      </c>
      <c r="T116" s="16">
        <v>2083</v>
      </c>
      <c r="U116" s="16">
        <v>2974</v>
      </c>
      <c r="V116" s="16">
        <v>5267</v>
      </c>
      <c r="W116" s="16">
        <v>23482</v>
      </c>
      <c r="X116" s="16">
        <v>4382</v>
      </c>
      <c r="Y116" s="16">
        <v>128221</v>
      </c>
      <c r="Z116" s="16">
        <v>744</v>
      </c>
      <c r="AA116" s="16">
        <v>37476</v>
      </c>
      <c r="AB116" s="16">
        <v>1568</v>
      </c>
      <c r="AC116" s="16">
        <v>62665</v>
      </c>
      <c r="AD116" s="16">
        <v>3100</v>
      </c>
      <c r="AE116" s="16">
        <v>2729</v>
      </c>
    </row>
    <row r="117" spans="1:31">
      <c r="A117" s="21" t="s">
        <v>232</v>
      </c>
      <c r="B117" s="21" t="s">
        <v>237</v>
      </c>
      <c r="C117" s="21" t="s">
        <v>264</v>
      </c>
      <c r="D117" s="21" t="s">
        <v>216</v>
      </c>
      <c r="E117" s="21" t="s">
        <v>514</v>
      </c>
      <c r="F117" s="22" t="s">
        <v>268</v>
      </c>
      <c r="G117" s="22" t="s">
        <v>268</v>
      </c>
      <c r="H117" s="22" t="s">
        <v>268</v>
      </c>
      <c r="I117" s="22" t="s">
        <v>268</v>
      </c>
      <c r="J117" s="22" t="s">
        <v>268</v>
      </c>
      <c r="K117" s="22" t="s">
        <v>268</v>
      </c>
      <c r="L117" s="22" t="s">
        <v>268</v>
      </c>
      <c r="M117" s="22" t="s">
        <v>268</v>
      </c>
      <c r="N117" s="22" t="s">
        <v>268</v>
      </c>
      <c r="O117" s="22" t="s">
        <v>268</v>
      </c>
      <c r="P117" s="22" t="s">
        <v>268</v>
      </c>
      <c r="Q117" s="22" t="s">
        <v>268</v>
      </c>
      <c r="R117" s="22" t="s">
        <v>268</v>
      </c>
      <c r="S117" s="22" t="s">
        <v>268</v>
      </c>
      <c r="T117" s="22" t="s">
        <v>268</v>
      </c>
      <c r="U117" s="22" t="s">
        <v>268</v>
      </c>
      <c r="V117" s="22" t="s">
        <v>268</v>
      </c>
      <c r="W117" s="22" t="s">
        <v>268</v>
      </c>
      <c r="X117" s="22" t="s">
        <v>268</v>
      </c>
      <c r="Y117" s="22" t="s">
        <v>268</v>
      </c>
      <c r="Z117" s="22" t="s">
        <v>268</v>
      </c>
      <c r="AA117" s="22" t="s">
        <v>268</v>
      </c>
      <c r="AB117" s="22" t="s">
        <v>268</v>
      </c>
      <c r="AC117" s="22" t="s">
        <v>268</v>
      </c>
      <c r="AD117" s="22" t="s">
        <v>268</v>
      </c>
      <c r="AE117" s="22" t="s">
        <v>268</v>
      </c>
    </row>
    <row r="118" spans="1:31">
      <c r="A118" s="21" t="s">
        <v>232</v>
      </c>
      <c r="B118" s="21" t="s">
        <v>237</v>
      </c>
      <c r="C118" s="21" t="s">
        <v>264</v>
      </c>
      <c r="D118" s="21" t="s">
        <v>216</v>
      </c>
      <c r="E118" s="21" t="s">
        <v>515</v>
      </c>
      <c r="F118" s="16">
        <v>1867</v>
      </c>
      <c r="G118" s="16">
        <v>90</v>
      </c>
      <c r="H118" s="16">
        <v>28</v>
      </c>
      <c r="I118" s="16">
        <v>4</v>
      </c>
      <c r="J118" s="16">
        <v>3</v>
      </c>
      <c r="K118" s="16">
        <v>2</v>
      </c>
      <c r="L118" s="16">
        <v>19</v>
      </c>
      <c r="M118" s="16">
        <v>62</v>
      </c>
      <c r="N118" s="22" t="s">
        <v>268</v>
      </c>
      <c r="O118" s="22" t="s">
        <v>268</v>
      </c>
      <c r="P118" s="22" t="s">
        <v>268</v>
      </c>
      <c r="Q118" s="22" t="s">
        <v>268</v>
      </c>
      <c r="R118" s="22" t="s">
        <v>268</v>
      </c>
      <c r="S118" s="22" t="s">
        <v>268</v>
      </c>
      <c r="T118" s="22" t="s">
        <v>268</v>
      </c>
      <c r="U118" s="22" t="s">
        <v>268</v>
      </c>
      <c r="V118" s="16">
        <v>55</v>
      </c>
      <c r="W118" s="16">
        <v>7</v>
      </c>
      <c r="X118" s="16">
        <v>14</v>
      </c>
      <c r="Y118" s="16">
        <v>1763</v>
      </c>
      <c r="Z118" s="22" t="s">
        <v>268</v>
      </c>
      <c r="AA118" s="22" t="s">
        <v>268</v>
      </c>
      <c r="AB118" s="22" t="s">
        <v>268</v>
      </c>
      <c r="AC118" s="22" t="s">
        <v>268</v>
      </c>
      <c r="AD118" s="16">
        <v>73</v>
      </c>
      <c r="AE118" s="16">
        <v>130</v>
      </c>
    </row>
    <row r="119" spans="1:31">
      <c r="A119" s="21" t="s">
        <v>232</v>
      </c>
      <c r="B119" s="21" t="s">
        <v>237</v>
      </c>
      <c r="C119" s="21" t="s">
        <v>264</v>
      </c>
      <c r="D119" s="21" t="s">
        <v>216</v>
      </c>
      <c r="E119" s="21" t="s">
        <v>516</v>
      </c>
      <c r="F119" s="16">
        <v>10774</v>
      </c>
      <c r="G119" s="16">
        <v>1504</v>
      </c>
      <c r="H119" s="16">
        <v>986</v>
      </c>
      <c r="I119" s="16">
        <v>116</v>
      </c>
      <c r="J119" s="16">
        <v>111</v>
      </c>
      <c r="K119" s="16">
        <v>2</v>
      </c>
      <c r="L119" s="16">
        <v>757</v>
      </c>
      <c r="M119" s="16">
        <v>518</v>
      </c>
      <c r="N119" s="22" t="s">
        <v>268</v>
      </c>
      <c r="O119" s="16">
        <v>3</v>
      </c>
      <c r="P119" s="22" t="s">
        <v>268</v>
      </c>
      <c r="Q119" s="22" t="s">
        <v>268</v>
      </c>
      <c r="R119" s="16">
        <v>8</v>
      </c>
      <c r="S119" s="22" t="s">
        <v>268</v>
      </c>
      <c r="T119" s="16">
        <v>4</v>
      </c>
      <c r="U119" s="22" t="s">
        <v>268</v>
      </c>
      <c r="V119" s="16">
        <v>400</v>
      </c>
      <c r="W119" s="16">
        <v>103</v>
      </c>
      <c r="X119" s="16">
        <v>326</v>
      </c>
      <c r="Y119" s="16">
        <v>8944</v>
      </c>
      <c r="Z119" s="22" t="s">
        <v>268</v>
      </c>
      <c r="AA119" s="16">
        <v>44</v>
      </c>
      <c r="AB119" s="22" t="s">
        <v>268</v>
      </c>
      <c r="AC119" s="22" t="s">
        <v>268</v>
      </c>
      <c r="AD119" s="16">
        <v>606</v>
      </c>
      <c r="AE119" s="16">
        <v>1024</v>
      </c>
    </row>
    <row r="120" spans="1:31">
      <c r="A120" s="21" t="s">
        <v>232</v>
      </c>
      <c r="B120" s="21" t="s">
        <v>237</v>
      </c>
      <c r="C120" s="21" t="s">
        <v>264</v>
      </c>
      <c r="D120" s="21" t="s">
        <v>216</v>
      </c>
      <c r="E120" s="21" t="s">
        <v>517</v>
      </c>
      <c r="F120" s="16">
        <v>12412</v>
      </c>
      <c r="G120" s="16">
        <v>4272</v>
      </c>
      <c r="H120" s="16">
        <v>3662</v>
      </c>
      <c r="I120" s="16">
        <v>430</v>
      </c>
      <c r="J120" s="16">
        <v>643</v>
      </c>
      <c r="K120" s="16">
        <v>15</v>
      </c>
      <c r="L120" s="16">
        <v>2574</v>
      </c>
      <c r="M120" s="16">
        <v>610</v>
      </c>
      <c r="N120" s="22" t="s">
        <v>268</v>
      </c>
      <c r="O120" s="16">
        <v>3</v>
      </c>
      <c r="P120" s="22" t="s">
        <v>268</v>
      </c>
      <c r="Q120" s="16">
        <v>22</v>
      </c>
      <c r="R120" s="16">
        <v>8</v>
      </c>
      <c r="S120" s="16">
        <v>30</v>
      </c>
      <c r="T120" s="22" t="s">
        <v>268</v>
      </c>
      <c r="U120" s="16">
        <v>5</v>
      </c>
      <c r="V120" s="16">
        <v>341</v>
      </c>
      <c r="W120" s="16">
        <v>201</v>
      </c>
      <c r="X120" s="16">
        <v>506</v>
      </c>
      <c r="Y120" s="16">
        <v>7634</v>
      </c>
      <c r="Z120" s="22" t="s">
        <v>268</v>
      </c>
      <c r="AA120" s="16">
        <v>181</v>
      </c>
      <c r="AB120" s="22" t="s">
        <v>268</v>
      </c>
      <c r="AC120" s="22" t="s">
        <v>268</v>
      </c>
      <c r="AD120" s="16">
        <v>445</v>
      </c>
      <c r="AE120" s="16">
        <v>687</v>
      </c>
    </row>
    <row r="121" spans="1:31">
      <c r="A121" s="21" t="s">
        <v>232</v>
      </c>
      <c r="B121" s="21" t="s">
        <v>237</v>
      </c>
      <c r="C121" s="21" t="s">
        <v>264</v>
      </c>
      <c r="D121" s="21" t="s">
        <v>216</v>
      </c>
      <c r="E121" s="21" t="s">
        <v>518</v>
      </c>
      <c r="F121" s="16">
        <v>14434</v>
      </c>
      <c r="G121" s="16">
        <v>9182</v>
      </c>
      <c r="H121" s="16">
        <v>8379</v>
      </c>
      <c r="I121" s="16">
        <v>396</v>
      </c>
      <c r="J121" s="16">
        <v>1603</v>
      </c>
      <c r="K121" s="16">
        <v>17</v>
      </c>
      <c r="L121" s="16">
        <v>6363</v>
      </c>
      <c r="M121" s="16">
        <v>803</v>
      </c>
      <c r="N121" s="22" t="s">
        <v>268</v>
      </c>
      <c r="O121" s="16">
        <v>6</v>
      </c>
      <c r="P121" s="16">
        <v>10</v>
      </c>
      <c r="Q121" s="16">
        <v>37</v>
      </c>
      <c r="R121" s="16">
        <v>6</v>
      </c>
      <c r="S121" s="16">
        <v>86</v>
      </c>
      <c r="T121" s="22" t="s">
        <v>268</v>
      </c>
      <c r="U121" s="16">
        <v>12</v>
      </c>
      <c r="V121" s="16">
        <v>200</v>
      </c>
      <c r="W121" s="16">
        <v>446</v>
      </c>
      <c r="X121" s="16">
        <v>291</v>
      </c>
      <c r="Y121" s="16">
        <v>4961</v>
      </c>
      <c r="Z121" s="22" t="s">
        <v>268</v>
      </c>
      <c r="AA121" s="16">
        <v>466</v>
      </c>
      <c r="AB121" s="22" t="s">
        <v>268</v>
      </c>
      <c r="AC121" s="22" t="s">
        <v>268</v>
      </c>
      <c r="AD121" s="16">
        <v>238</v>
      </c>
      <c r="AE121" s="16">
        <v>356</v>
      </c>
    </row>
    <row r="122" spans="1:31">
      <c r="A122" s="21" t="s">
        <v>232</v>
      </c>
      <c r="B122" s="21" t="s">
        <v>237</v>
      </c>
      <c r="C122" s="21" t="s">
        <v>264</v>
      </c>
      <c r="D122" s="21" t="s">
        <v>216</v>
      </c>
      <c r="E122" s="21" t="s">
        <v>519</v>
      </c>
      <c r="F122" s="16">
        <v>19343</v>
      </c>
      <c r="G122" s="16">
        <v>15147</v>
      </c>
      <c r="H122" s="16">
        <v>13797</v>
      </c>
      <c r="I122" s="16">
        <v>332</v>
      </c>
      <c r="J122" s="16">
        <v>2359</v>
      </c>
      <c r="K122" s="16">
        <v>22</v>
      </c>
      <c r="L122" s="16">
        <v>11084</v>
      </c>
      <c r="M122" s="16">
        <v>1350</v>
      </c>
      <c r="N122" s="22" t="s">
        <v>268</v>
      </c>
      <c r="O122" s="16">
        <v>6</v>
      </c>
      <c r="P122" s="16">
        <v>19</v>
      </c>
      <c r="Q122" s="16">
        <v>67</v>
      </c>
      <c r="R122" s="16">
        <v>3</v>
      </c>
      <c r="S122" s="16">
        <v>209</v>
      </c>
      <c r="T122" s="16">
        <v>10</v>
      </c>
      <c r="U122" s="16">
        <v>40</v>
      </c>
      <c r="V122" s="16">
        <v>183</v>
      </c>
      <c r="W122" s="16">
        <v>813</v>
      </c>
      <c r="X122" s="16">
        <v>303</v>
      </c>
      <c r="Y122" s="16">
        <v>3893</v>
      </c>
      <c r="Z122" s="22" t="s">
        <v>268</v>
      </c>
      <c r="AA122" s="16">
        <v>1065</v>
      </c>
      <c r="AB122" s="22" t="s">
        <v>268</v>
      </c>
      <c r="AC122" s="22" t="s">
        <v>268</v>
      </c>
      <c r="AD122" s="16">
        <v>121</v>
      </c>
      <c r="AE122" s="16">
        <v>194</v>
      </c>
    </row>
    <row r="123" spans="1:31">
      <c r="A123" s="21" t="s">
        <v>232</v>
      </c>
      <c r="B123" s="21" t="s">
        <v>237</v>
      </c>
      <c r="C123" s="21" t="s">
        <v>264</v>
      </c>
      <c r="D123" s="21" t="s">
        <v>216</v>
      </c>
      <c r="E123" s="21" t="s">
        <v>520</v>
      </c>
      <c r="F123" s="16">
        <v>23956</v>
      </c>
      <c r="G123" s="16">
        <v>19647</v>
      </c>
      <c r="H123" s="16">
        <v>17612</v>
      </c>
      <c r="I123" s="16">
        <v>240</v>
      </c>
      <c r="J123" s="16">
        <v>2262</v>
      </c>
      <c r="K123" s="16">
        <v>43</v>
      </c>
      <c r="L123" s="16">
        <v>15067</v>
      </c>
      <c r="M123" s="16">
        <v>2035</v>
      </c>
      <c r="N123" s="22" t="s">
        <v>268</v>
      </c>
      <c r="O123" s="16">
        <v>30</v>
      </c>
      <c r="P123" s="16">
        <v>43</v>
      </c>
      <c r="Q123" s="16">
        <v>107</v>
      </c>
      <c r="R123" s="16">
        <v>20</v>
      </c>
      <c r="S123" s="16">
        <v>317</v>
      </c>
      <c r="T123" s="16">
        <v>16</v>
      </c>
      <c r="U123" s="16">
        <v>90</v>
      </c>
      <c r="V123" s="16">
        <v>160</v>
      </c>
      <c r="W123" s="16">
        <v>1252</v>
      </c>
      <c r="X123" s="16">
        <v>327</v>
      </c>
      <c r="Y123" s="16">
        <v>3982</v>
      </c>
      <c r="Z123" s="22" t="s">
        <v>268</v>
      </c>
      <c r="AA123" s="16">
        <v>1615</v>
      </c>
      <c r="AB123" s="22" t="s">
        <v>268</v>
      </c>
      <c r="AC123" s="22" t="s">
        <v>268</v>
      </c>
      <c r="AD123" s="16">
        <v>128</v>
      </c>
      <c r="AE123" s="16">
        <v>91</v>
      </c>
    </row>
    <row r="124" spans="1:31">
      <c r="A124" s="21" t="s">
        <v>232</v>
      </c>
      <c r="B124" s="21" t="s">
        <v>237</v>
      </c>
      <c r="C124" s="21" t="s">
        <v>264</v>
      </c>
      <c r="D124" s="21" t="s">
        <v>216</v>
      </c>
      <c r="E124" s="21" t="s">
        <v>521</v>
      </c>
      <c r="F124" s="16">
        <v>26541</v>
      </c>
      <c r="G124" s="16">
        <v>21135</v>
      </c>
      <c r="H124" s="16">
        <v>18492</v>
      </c>
      <c r="I124" s="16">
        <v>308</v>
      </c>
      <c r="J124" s="16">
        <v>1620</v>
      </c>
      <c r="K124" s="16">
        <v>36</v>
      </c>
      <c r="L124" s="16">
        <v>16528</v>
      </c>
      <c r="M124" s="16">
        <v>2643</v>
      </c>
      <c r="N124" s="16">
        <v>8</v>
      </c>
      <c r="O124" s="16">
        <v>36</v>
      </c>
      <c r="P124" s="16">
        <v>24</v>
      </c>
      <c r="Q124" s="16">
        <v>146</v>
      </c>
      <c r="R124" s="16">
        <v>11</v>
      </c>
      <c r="S124" s="16">
        <v>411</v>
      </c>
      <c r="T124" s="16">
        <v>11</v>
      </c>
      <c r="U124" s="16">
        <v>142</v>
      </c>
      <c r="V124" s="16">
        <v>183</v>
      </c>
      <c r="W124" s="16">
        <v>1671</v>
      </c>
      <c r="X124" s="16">
        <v>394</v>
      </c>
      <c r="Y124" s="16">
        <v>5012</v>
      </c>
      <c r="Z124" s="22" t="s">
        <v>268</v>
      </c>
      <c r="AA124" s="16">
        <v>2194</v>
      </c>
      <c r="AB124" s="22" t="s">
        <v>268</v>
      </c>
      <c r="AC124" s="22" t="s">
        <v>268</v>
      </c>
      <c r="AD124" s="16">
        <v>145</v>
      </c>
      <c r="AE124" s="16">
        <v>59</v>
      </c>
    </row>
    <row r="125" spans="1:31">
      <c r="A125" s="21" t="s">
        <v>232</v>
      </c>
      <c r="B125" s="21" t="s">
        <v>237</v>
      </c>
      <c r="C125" s="21" t="s">
        <v>264</v>
      </c>
      <c r="D125" s="21" t="s">
        <v>216</v>
      </c>
      <c r="E125" s="21" t="s">
        <v>522</v>
      </c>
      <c r="F125" s="16">
        <v>23035</v>
      </c>
      <c r="G125" s="16">
        <v>16979</v>
      </c>
      <c r="H125" s="16">
        <v>14121</v>
      </c>
      <c r="I125" s="16">
        <v>360</v>
      </c>
      <c r="J125" s="16">
        <v>976</v>
      </c>
      <c r="K125" s="16">
        <v>46</v>
      </c>
      <c r="L125" s="16">
        <v>12739</v>
      </c>
      <c r="M125" s="16">
        <v>2858</v>
      </c>
      <c r="N125" s="16">
        <v>12</v>
      </c>
      <c r="O125" s="16">
        <v>48</v>
      </c>
      <c r="P125" s="16">
        <v>23</v>
      </c>
      <c r="Q125" s="16">
        <v>259</v>
      </c>
      <c r="R125" s="16">
        <v>14</v>
      </c>
      <c r="S125" s="16">
        <v>230</v>
      </c>
      <c r="T125" s="16">
        <v>28</v>
      </c>
      <c r="U125" s="16">
        <v>229</v>
      </c>
      <c r="V125" s="16">
        <v>291</v>
      </c>
      <c r="W125" s="16">
        <v>1724</v>
      </c>
      <c r="X125" s="16">
        <v>371</v>
      </c>
      <c r="Y125" s="16">
        <v>5685</v>
      </c>
      <c r="Z125" s="22" t="s">
        <v>268</v>
      </c>
      <c r="AA125" s="16">
        <v>2288</v>
      </c>
      <c r="AB125" s="22" t="s">
        <v>268</v>
      </c>
      <c r="AC125" s="22" t="s">
        <v>268</v>
      </c>
      <c r="AD125" s="16">
        <v>160</v>
      </c>
      <c r="AE125" s="16">
        <v>28</v>
      </c>
    </row>
    <row r="126" spans="1:31">
      <c r="A126" s="21" t="s">
        <v>232</v>
      </c>
      <c r="B126" s="21" t="s">
        <v>237</v>
      </c>
      <c r="C126" s="21" t="s">
        <v>264</v>
      </c>
      <c r="D126" s="21" t="s">
        <v>216</v>
      </c>
      <c r="E126" s="21" t="s">
        <v>523</v>
      </c>
      <c r="F126" s="16">
        <v>21408</v>
      </c>
      <c r="G126" s="16">
        <v>14386</v>
      </c>
      <c r="H126" s="16">
        <v>10692</v>
      </c>
      <c r="I126" s="16">
        <v>420</v>
      </c>
      <c r="J126" s="16">
        <v>675</v>
      </c>
      <c r="K126" s="16">
        <v>77</v>
      </c>
      <c r="L126" s="16">
        <v>9520</v>
      </c>
      <c r="M126" s="16">
        <v>3694</v>
      </c>
      <c r="N126" s="16">
        <v>8</v>
      </c>
      <c r="O126" s="16">
        <v>138</v>
      </c>
      <c r="P126" s="16">
        <v>37</v>
      </c>
      <c r="Q126" s="16">
        <v>497</v>
      </c>
      <c r="R126" s="16">
        <v>4</v>
      </c>
      <c r="S126" s="16">
        <v>177</v>
      </c>
      <c r="T126" s="16">
        <v>46</v>
      </c>
      <c r="U126" s="16">
        <v>258</v>
      </c>
      <c r="V126" s="16">
        <v>350</v>
      </c>
      <c r="W126" s="16">
        <v>2179</v>
      </c>
      <c r="X126" s="16">
        <v>332</v>
      </c>
      <c r="Y126" s="16">
        <v>6690</v>
      </c>
      <c r="Z126" s="22" t="s">
        <v>268</v>
      </c>
      <c r="AA126" s="16">
        <v>2872</v>
      </c>
      <c r="AB126" s="22" t="s">
        <v>268</v>
      </c>
      <c r="AC126" s="22" t="s">
        <v>268</v>
      </c>
      <c r="AD126" s="16">
        <v>161</v>
      </c>
      <c r="AE126" s="16">
        <v>23</v>
      </c>
    </row>
    <row r="127" spans="1:31">
      <c r="A127" s="21" t="s">
        <v>232</v>
      </c>
      <c r="B127" s="21" t="s">
        <v>237</v>
      </c>
      <c r="C127" s="21" t="s">
        <v>264</v>
      </c>
      <c r="D127" s="21" t="s">
        <v>216</v>
      </c>
      <c r="E127" s="21" t="s">
        <v>524</v>
      </c>
      <c r="F127" s="16">
        <v>21586</v>
      </c>
      <c r="G127" s="16">
        <v>13418</v>
      </c>
      <c r="H127" s="16">
        <v>8943</v>
      </c>
      <c r="I127" s="16">
        <v>442</v>
      </c>
      <c r="J127" s="16">
        <v>440</v>
      </c>
      <c r="K127" s="16">
        <v>64</v>
      </c>
      <c r="L127" s="16">
        <v>7997</v>
      </c>
      <c r="M127" s="16">
        <v>4475</v>
      </c>
      <c r="N127" s="16">
        <v>8</v>
      </c>
      <c r="O127" s="16">
        <v>141</v>
      </c>
      <c r="P127" s="16">
        <v>21</v>
      </c>
      <c r="Q127" s="16">
        <v>802</v>
      </c>
      <c r="R127" s="16">
        <v>32</v>
      </c>
      <c r="S127" s="16">
        <v>128</v>
      </c>
      <c r="T127" s="16">
        <v>59</v>
      </c>
      <c r="U127" s="16">
        <v>476</v>
      </c>
      <c r="V127" s="16">
        <v>412</v>
      </c>
      <c r="W127" s="16">
        <v>2396</v>
      </c>
      <c r="X127" s="16">
        <v>311</v>
      </c>
      <c r="Y127" s="16">
        <v>7857</v>
      </c>
      <c r="Z127" s="22" t="s">
        <v>268</v>
      </c>
      <c r="AA127" s="16">
        <v>3540</v>
      </c>
      <c r="AB127" s="16">
        <v>246</v>
      </c>
      <c r="AC127" s="22" t="s">
        <v>268</v>
      </c>
      <c r="AD127" s="16">
        <v>151</v>
      </c>
      <c r="AE127" s="16">
        <v>16</v>
      </c>
    </row>
    <row r="128" spans="1:31">
      <c r="A128" s="21" t="s">
        <v>232</v>
      </c>
      <c r="B128" s="21" t="s">
        <v>237</v>
      </c>
      <c r="C128" s="21" t="s">
        <v>264</v>
      </c>
      <c r="D128" s="21" t="s">
        <v>216</v>
      </c>
      <c r="E128" s="21" t="s">
        <v>525</v>
      </c>
      <c r="F128" s="16">
        <v>24715</v>
      </c>
      <c r="G128" s="16">
        <v>14246</v>
      </c>
      <c r="H128" s="16">
        <v>8772</v>
      </c>
      <c r="I128" s="16">
        <v>480</v>
      </c>
      <c r="J128" s="16">
        <v>190</v>
      </c>
      <c r="K128" s="16">
        <v>47</v>
      </c>
      <c r="L128" s="16">
        <v>8055</v>
      </c>
      <c r="M128" s="16">
        <v>5474</v>
      </c>
      <c r="N128" s="16">
        <v>8</v>
      </c>
      <c r="O128" s="16">
        <v>186</v>
      </c>
      <c r="P128" s="16">
        <v>23</v>
      </c>
      <c r="Q128" s="16">
        <v>1457</v>
      </c>
      <c r="R128" s="16">
        <v>55</v>
      </c>
      <c r="S128" s="16">
        <v>29</v>
      </c>
      <c r="T128" s="16">
        <v>81</v>
      </c>
      <c r="U128" s="16">
        <v>431</v>
      </c>
      <c r="V128" s="16">
        <v>592</v>
      </c>
      <c r="W128" s="16">
        <v>2612</v>
      </c>
      <c r="X128" s="16">
        <v>309</v>
      </c>
      <c r="Y128" s="16">
        <v>10160</v>
      </c>
      <c r="Z128" s="22" t="s">
        <v>268</v>
      </c>
      <c r="AA128" s="16">
        <v>4145</v>
      </c>
      <c r="AB128" s="16">
        <v>410</v>
      </c>
      <c r="AC128" s="16">
        <v>10160</v>
      </c>
      <c r="AD128" s="16">
        <v>180</v>
      </c>
      <c r="AE128" s="16">
        <v>21</v>
      </c>
    </row>
    <row r="129" spans="1:31">
      <c r="A129" s="21" t="s">
        <v>232</v>
      </c>
      <c r="B129" s="21" t="s">
        <v>237</v>
      </c>
      <c r="C129" s="21" t="s">
        <v>264</v>
      </c>
      <c r="D129" s="21" t="s">
        <v>216</v>
      </c>
      <c r="E129" s="21" t="s">
        <v>526</v>
      </c>
      <c r="F129" s="16">
        <v>29800</v>
      </c>
      <c r="G129" s="16">
        <v>16889</v>
      </c>
      <c r="H129" s="16">
        <v>10163</v>
      </c>
      <c r="I129" s="16">
        <v>486</v>
      </c>
      <c r="J129" s="16">
        <v>186</v>
      </c>
      <c r="K129" s="16">
        <v>13</v>
      </c>
      <c r="L129" s="16">
        <v>9478</v>
      </c>
      <c r="M129" s="16">
        <v>6726</v>
      </c>
      <c r="N129" s="16">
        <v>12</v>
      </c>
      <c r="O129" s="16">
        <v>345</v>
      </c>
      <c r="P129" s="16">
        <v>42</v>
      </c>
      <c r="Q129" s="16">
        <v>2086</v>
      </c>
      <c r="R129" s="16">
        <v>39</v>
      </c>
      <c r="S129" s="16">
        <v>43</v>
      </c>
      <c r="T129" s="16">
        <v>126</v>
      </c>
      <c r="U129" s="16">
        <v>384</v>
      </c>
      <c r="V129" s="16">
        <v>761</v>
      </c>
      <c r="W129" s="16">
        <v>2888</v>
      </c>
      <c r="X129" s="16">
        <v>304</v>
      </c>
      <c r="Y129" s="16">
        <v>12607</v>
      </c>
      <c r="Z129" s="22" t="s">
        <v>268</v>
      </c>
      <c r="AA129" s="16">
        <v>4965</v>
      </c>
      <c r="AB129" s="16">
        <v>462</v>
      </c>
      <c r="AC129" s="16">
        <v>12607</v>
      </c>
      <c r="AD129" s="16">
        <v>149</v>
      </c>
      <c r="AE129" s="16">
        <v>18</v>
      </c>
    </row>
    <row r="130" spans="1:31">
      <c r="A130" s="21" t="s">
        <v>232</v>
      </c>
      <c r="B130" s="21" t="s">
        <v>237</v>
      </c>
      <c r="C130" s="21" t="s">
        <v>264</v>
      </c>
      <c r="D130" s="21" t="s">
        <v>216</v>
      </c>
      <c r="E130" s="21" t="s">
        <v>527</v>
      </c>
      <c r="F130" s="16">
        <v>26850</v>
      </c>
      <c r="G130" s="16">
        <v>14759</v>
      </c>
      <c r="H130" s="16">
        <v>8781</v>
      </c>
      <c r="I130" s="16">
        <v>246</v>
      </c>
      <c r="J130" s="16">
        <v>91</v>
      </c>
      <c r="K130" s="22" t="s">
        <v>268</v>
      </c>
      <c r="L130" s="16">
        <v>8444</v>
      </c>
      <c r="M130" s="16">
        <v>5978</v>
      </c>
      <c r="N130" s="16">
        <v>8</v>
      </c>
      <c r="O130" s="16">
        <v>510</v>
      </c>
      <c r="P130" s="16">
        <v>6</v>
      </c>
      <c r="Q130" s="16">
        <v>2065</v>
      </c>
      <c r="R130" s="16">
        <v>94</v>
      </c>
      <c r="S130" s="16">
        <v>10</v>
      </c>
      <c r="T130" s="16">
        <v>198</v>
      </c>
      <c r="U130" s="16">
        <v>244</v>
      </c>
      <c r="V130" s="16">
        <v>521</v>
      </c>
      <c r="W130" s="16">
        <v>2322</v>
      </c>
      <c r="X130" s="16">
        <v>184</v>
      </c>
      <c r="Y130" s="16">
        <v>11907</v>
      </c>
      <c r="Z130" s="22" t="s">
        <v>268</v>
      </c>
      <c r="AA130" s="16">
        <v>4278</v>
      </c>
      <c r="AB130" s="16">
        <v>236</v>
      </c>
      <c r="AC130" s="16">
        <v>11907</v>
      </c>
      <c r="AD130" s="16">
        <v>117</v>
      </c>
      <c r="AE130" s="16">
        <v>5</v>
      </c>
    </row>
    <row r="131" spans="1:31">
      <c r="A131" s="21" t="s">
        <v>232</v>
      </c>
      <c r="B131" s="21" t="s">
        <v>237</v>
      </c>
      <c r="C131" s="21" t="s">
        <v>264</v>
      </c>
      <c r="D131" s="21" t="s">
        <v>216</v>
      </c>
      <c r="E131" s="21" t="s">
        <v>528</v>
      </c>
      <c r="F131" s="16">
        <v>28124</v>
      </c>
      <c r="G131" s="16">
        <v>15494</v>
      </c>
      <c r="H131" s="16">
        <v>9096</v>
      </c>
      <c r="I131" s="16">
        <v>136</v>
      </c>
      <c r="J131" s="16">
        <v>65</v>
      </c>
      <c r="K131" s="22" t="s">
        <v>268</v>
      </c>
      <c r="L131" s="16">
        <v>8895</v>
      </c>
      <c r="M131" s="16">
        <v>6398</v>
      </c>
      <c r="N131" s="16">
        <v>8</v>
      </c>
      <c r="O131" s="16">
        <v>1044</v>
      </c>
      <c r="P131" s="16">
        <v>5</v>
      </c>
      <c r="Q131" s="16">
        <v>1903</v>
      </c>
      <c r="R131" s="16">
        <v>71</v>
      </c>
      <c r="S131" s="16">
        <v>9</v>
      </c>
      <c r="T131" s="16">
        <v>410</v>
      </c>
      <c r="U131" s="16">
        <v>277</v>
      </c>
      <c r="V131" s="16">
        <v>422</v>
      </c>
      <c r="W131" s="16">
        <v>2249</v>
      </c>
      <c r="X131" s="16">
        <v>208</v>
      </c>
      <c r="Y131" s="16">
        <v>12422</v>
      </c>
      <c r="Z131" s="22" t="s">
        <v>268</v>
      </c>
      <c r="AA131" s="16">
        <v>4255</v>
      </c>
      <c r="AB131" s="16">
        <v>134</v>
      </c>
      <c r="AC131" s="16">
        <v>12422</v>
      </c>
      <c r="AD131" s="16">
        <v>150</v>
      </c>
      <c r="AE131" s="16">
        <v>2</v>
      </c>
    </row>
    <row r="132" spans="1:31">
      <c r="A132" s="21" t="s">
        <v>232</v>
      </c>
      <c r="B132" s="21" t="s">
        <v>237</v>
      </c>
      <c r="C132" s="21" t="s">
        <v>264</v>
      </c>
      <c r="D132" s="21" t="s">
        <v>216</v>
      </c>
      <c r="E132" s="21" t="s">
        <v>623</v>
      </c>
      <c r="F132" s="16">
        <v>38176</v>
      </c>
      <c r="G132" s="16">
        <v>22405</v>
      </c>
      <c r="H132" s="16">
        <v>13148</v>
      </c>
      <c r="I132" s="16">
        <v>80</v>
      </c>
      <c r="J132" s="16">
        <v>26</v>
      </c>
      <c r="K132" s="22" t="s">
        <v>268</v>
      </c>
      <c r="L132" s="16">
        <v>13042</v>
      </c>
      <c r="M132" s="16">
        <v>9257</v>
      </c>
      <c r="N132" s="16">
        <v>4</v>
      </c>
      <c r="O132" s="16">
        <v>2244</v>
      </c>
      <c r="P132" s="16">
        <v>7</v>
      </c>
      <c r="Q132" s="16">
        <v>2383</v>
      </c>
      <c r="R132" s="16">
        <v>124</v>
      </c>
      <c r="S132" s="22" t="s">
        <v>268</v>
      </c>
      <c r="T132" s="16">
        <v>1094</v>
      </c>
      <c r="U132" s="16">
        <v>386</v>
      </c>
      <c r="V132" s="16">
        <v>396</v>
      </c>
      <c r="W132" s="16">
        <v>2619</v>
      </c>
      <c r="X132" s="16">
        <v>202</v>
      </c>
      <c r="Y132" s="16">
        <v>15569</v>
      </c>
      <c r="Z132" s="22" t="s">
        <v>268</v>
      </c>
      <c r="AA132" s="16">
        <v>5568</v>
      </c>
      <c r="AB132" s="16">
        <v>80</v>
      </c>
      <c r="AC132" s="16">
        <v>15569</v>
      </c>
      <c r="AD132" s="16">
        <v>234</v>
      </c>
      <c r="AE132" s="22" t="s">
        <v>268</v>
      </c>
    </row>
    <row r="133" spans="1:31">
      <c r="A133" s="21" t="s">
        <v>232</v>
      </c>
      <c r="B133" s="21" t="s">
        <v>237</v>
      </c>
      <c r="C133" s="21" t="s">
        <v>264</v>
      </c>
      <c r="D133" s="21" t="s">
        <v>216</v>
      </c>
      <c r="E133" s="21" t="s">
        <v>624</v>
      </c>
      <c r="F133" s="16">
        <v>9879</v>
      </c>
      <c r="G133" s="22" t="s">
        <v>268</v>
      </c>
      <c r="H133" s="22" t="s">
        <v>268</v>
      </c>
      <c r="I133" s="22" t="s">
        <v>268</v>
      </c>
      <c r="J133" s="22" t="s">
        <v>268</v>
      </c>
      <c r="K133" s="22" t="s">
        <v>268</v>
      </c>
      <c r="L133" s="22" t="s">
        <v>268</v>
      </c>
      <c r="M133" s="22" t="s">
        <v>268</v>
      </c>
      <c r="N133" s="22" t="s">
        <v>268</v>
      </c>
      <c r="O133" s="22" t="s">
        <v>268</v>
      </c>
      <c r="P133" s="22" t="s">
        <v>268</v>
      </c>
      <c r="Q133" s="22" t="s">
        <v>268</v>
      </c>
      <c r="R133" s="22" t="s">
        <v>268</v>
      </c>
      <c r="S133" s="22" t="s">
        <v>268</v>
      </c>
      <c r="T133" s="22" t="s">
        <v>268</v>
      </c>
      <c r="U133" s="22" t="s">
        <v>268</v>
      </c>
      <c r="V133" s="22" t="s">
        <v>268</v>
      </c>
      <c r="W133" s="22" t="s">
        <v>268</v>
      </c>
      <c r="X133" s="22" t="s">
        <v>268</v>
      </c>
      <c r="Y133" s="16">
        <v>9135</v>
      </c>
      <c r="Z133" s="16">
        <v>744</v>
      </c>
      <c r="AA133" s="22" t="s">
        <v>268</v>
      </c>
      <c r="AB133" s="22" t="s">
        <v>268</v>
      </c>
      <c r="AC133" s="22" t="s">
        <v>268</v>
      </c>
      <c r="AD133" s="16">
        <v>42</v>
      </c>
      <c r="AE133" s="16">
        <v>75</v>
      </c>
    </row>
    <row r="134" spans="1:31">
      <c r="A134" s="21" t="s">
        <v>232</v>
      </c>
      <c r="B134" s="21" t="s">
        <v>237</v>
      </c>
      <c r="C134" s="21" t="s">
        <v>264</v>
      </c>
      <c r="D134" s="21" t="s">
        <v>216</v>
      </c>
      <c r="E134" s="21" t="s">
        <v>461</v>
      </c>
      <c r="F134" s="16">
        <v>175356</v>
      </c>
      <c r="G134" s="16">
        <v>115760</v>
      </c>
      <c r="H134" s="16">
        <v>96712</v>
      </c>
      <c r="I134" s="16">
        <v>3048</v>
      </c>
      <c r="J134" s="16">
        <v>10692</v>
      </c>
      <c r="K134" s="16">
        <v>324</v>
      </c>
      <c r="L134" s="16">
        <v>82648</v>
      </c>
      <c r="M134" s="16">
        <v>19048</v>
      </c>
      <c r="N134" s="16">
        <v>36</v>
      </c>
      <c r="O134" s="16">
        <v>411</v>
      </c>
      <c r="P134" s="16">
        <v>177</v>
      </c>
      <c r="Q134" s="16">
        <v>1937</v>
      </c>
      <c r="R134" s="16">
        <v>106</v>
      </c>
      <c r="S134" s="16">
        <v>1588</v>
      </c>
      <c r="T134" s="16">
        <v>174</v>
      </c>
      <c r="U134" s="16">
        <v>1252</v>
      </c>
      <c r="V134" s="16">
        <v>2575</v>
      </c>
      <c r="W134" s="16">
        <v>10792</v>
      </c>
      <c r="X134" s="16">
        <v>3175</v>
      </c>
      <c r="Y134" s="16">
        <v>56421</v>
      </c>
      <c r="Z134" s="22" t="s">
        <v>268</v>
      </c>
      <c r="AA134" s="16">
        <v>14265</v>
      </c>
      <c r="AB134" s="16">
        <v>246</v>
      </c>
      <c r="AC134" s="22" t="s">
        <v>268</v>
      </c>
      <c r="AD134" s="16">
        <v>2228</v>
      </c>
      <c r="AE134" s="16">
        <v>2608</v>
      </c>
    </row>
    <row r="135" spans="1:31">
      <c r="A135" s="21" t="s">
        <v>232</v>
      </c>
      <c r="B135" s="21" t="s">
        <v>237</v>
      </c>
      <c r="C135" s="21" t="s">
        <v>264</v>
      </c>
      <c r="D135" s="21" t="s">
        <v>216</v>
      </c>
      <c r="E135" s="21" t="s">
        <v>462</v>
      </c>
      <c r="F135" s="16">
        <v>147665</v>
      </c>
      <c r="G135" s="16">
        <v>83793</v>
      </c>
      <c r="H135" s="16">
        <v>49960</v>
      </c>
      <c r="I135" s="16">
        <v>1428</v>
      </c>
      <c r="J135" s="16">
        <v>558</v>
      </c>
      <c r="K135" s="16">
        <v>60</v>
      </c>
      <c r="L135" s="16">
        <v>47914</v>
      </c>
      <c r="M135" s="16">
        <v>33833</v>
      </c>
      <c r="N135" s="16">
        <v>40</v>
      </c>
      <c r="O135" s="16">
        <v>4329</v>
      </c>
      <c r="P135" s="16">
        <v>83</v>
      </c>
      <c r="Q135" s="16">
        <v>9894</v>
      </c>
      <c r="R135" s="16">
        <v>383</v>
      </c>
      <c r="S135" s="16">
        <v>91</v>
      </c>
      <c r="T135" s="16">
        <v>1909</v>
      </c>
      <c r="U135" s="16">
        <v>1722</v>
      </c>
      <c r="V135" s="16">
        <v>2692</v>
      </c>
      <c r="W135" s="16">
        <v>12690</v>
      </c>
      <c r="X135" s="16">
        <v>1207</v>
      </c>
      <c r="Y135" s="16">
        <v>62665</v>
      </c>
      <c r="Z135" s="22" t="s">
        <v>268</v>
      </c>
      <c r="AA135" s="16">
        <v>23211</v>
      </c>
      <c r="AB135" s="16">
        <v>1322</v>
      </c>
      <c r="AC135" s="16">
        <v>62665</v>
      </c>
      <c r="AD135" s="16">
        <v>830</v>
      </c>
      <c r="AE135" s="16">
        <v>46</v>
      </c>
    </row>
    <row r="136" spans="1:31">
      <c r="A136" s="21" t="s">
        <v>232</v>
      </c>
      <c r="B136" s="21" t="s">
        <v>237</v>
      </c>
      <c r="C136" s="21" t="s">
        <v>264</v>
      </c>
      <c r="D136" s="21" t="s">
        <v>216</v>
      </c>
      <c r="E136" s="21" t="s">
        <v>463</v>
      </c>
      <c r="F136" s="16">
        <v>93150</v>
      </c>
      <c r="G136" s="16">
        <v>52658</v>
      </c>
      <c r="H136" s="16">
        <v>31025</v>
      </c>
      <c r="I136" s="16">
        <v>462</v>
      </c>
      <c r="J136" s="16">
        <v>182</v>
      </c>
      <c r="K136" s="22" t="s">
        <v>268</v>
      </c>
      <c r="L136" s="16">
        <v>30381</v>
      </c>
      <c r="M136" s="16">
        <v>21633</v>
      </c>
      <c r="N136" s="16">
        <v>20</v>
      </c>
      <c r="O136" s="16">
        <v>3798</v>
      </c>
      <c r="P136" s="16">
        <v>18</v>
      </c>
      <c r="Q136" s="16">
        <v>6351</v>
      </c>
      <c r="R136" s="16">
        <v>289</v>
      </c>
      <c r="S136" s="16">
        <v>19</v>
      </c>
      <c r="T136" s="16">
        <v>1702</v>
      </c>
      <c r="U136" s="16">
        <v>907</v>
      </c>
      <c r="V136" s="16">
        <v>1339</v>
      </c>
      <c r="W136" s="16">
        <v>7190</v>
      </c>
      <c r="X136" s="16">
        <v>594</v>
      </c>
      <c r="Y136" s="16">
        <v>39898</v>
      </c>
      <c r="Z136" s="22" t="s">
        <v>268</v>
      </c>
      <c r="AA136" s="16">
        <v>14101</v>
      </c>
      <c r="AB136" s="16">
        <v>450</v>
      </c>
      <c r="AC136" s="16">
        <v>39898</v>
      </c>
      <c r="AD136" s="16">
        <v>501</v>
      </c>
      <c r="AE136" s="16">
        <v>7</v>
      </c>
    </row>
    <row r="137" spans="1:31">
      <c r="A137" s="21" t="s">
        <v>240</v>
      </c>
      <c r="B137" s="21" t="s">
        <v>237</v>
      </c>
      <c r="C137" s="21" t="s">
        <v>265</v>
      </c>
      <c r="D137" s="21" t="s">
        <v>214</v>
      </c>
      <c r="E137" s="21" t="s">
        <v>401</v>
      </c>
      <c r="F137" s="16">
        <v>117827</v>
      </c>
      <c r="G137" s="16">
        <v>100725</v>
      </c>
      <c r="H137" s="16">
        <v>72299</v>
      </c>
      <c r="I137" s="16">
        <v>20490</v>
      </c>
      <c r="J137" s="16">
        <v>39510</v>
      </c>
      <c r="K137" s="16">
        <v>1736</v>
      </c>
      <c r="L137" s="16">
        <v>10563</v>
      </c>
      <c r="M137" s="16">
        <v>28426</v>
      </c>
      <c r="N137" s="16">
        <v>1500</v>
      </c>
      <c r="O137" s="16">
        <v>3135</v>
      </c>
      <c r="P137" s="16">
        <v>5863</v>
      </c>
      <c r="Q137" s="16">
        <v>6071</v>
      </c>
      <c r="R137" s="16">
        <v>637</v>
      </c>
      <c r="S137" s="16">
        <v>3001</v>
      </c>
      <c r="T137" s="16">
        <v>1321</v>
      </c>
      <c r="U137" s="16">
        <v>3271</v>
      </c>
      <c r="V137" s="16">
        <v>786</v>
      </c>
      <c r="W137" s="16">
        <v>2841</v>
      </c>
      <c r="X137" s="16">
        <v>1117</v>
      </c>
      <c r="Y137" s="16">
        <v>15791</v>
      </c>
      <c r="Z137" s="16">
        <v>194</v>
      </c>
      <c r="AA137" s="16">
        <v>21370</v>
      </c>
      <c r="AB137" s="16">
        <v>13476</v>
      </c>
      <c r="AC137" s="16">
        <v>6739</v>
      </c>
      <c r="AD137" s="16">
        <v>649</v>
      </c>
      <c r="AE137" s="16">
        <v>913</v>
      </c>
    </row>
    <row r="138" spans="1:31">
      <c r="A138" s="21" t="s">
        <v>240</v>
      </c>
      <c r="B138" s="21" t="s">
        <v>237</v>
      </c>
      <c r="C138" s="21" t="s">
        <v>265</v>
      </c>
      <c r="D138" s="21" t="s">
        <v>214</v>
      </c>
      <c r="E138" s="21" t="s">
        <v>514</v>
      </c>
      <c r="F138" s="22" t="s">
        <v>268</v>
      </c>
      <c r="G138" s="22" t="s">
        <v>268</v>
      </c>
      <c r="H138" s="22" t="s">
        <v>268</v>
      </c>
      <c r="I138" s="22" t="s">
        <v>268</v>
      </c>
      <c r="J138" s="22" t="s">
        <v>268</v>
      </c>
      <c r="K138" s="22" t="s">
        <v>268</v>
      </c>
      <c r="L138" s="22" t="s">
        <v>268</v>
      </c>
      <c r="M138" s="22" t="s">
        <v>268</v>
      </c>
      <c r="N138" s="22" t="s">
        <v>268</v>
      </c>
      <c r="O138" s="22" t="s">
        <v>268</v>
      </c>
      <c r="P138" s="22" t="s">
        <v>268</v>
      </c>
      <c r="Q138" s="22" t="s">
        <v>268</v>
      </c>
      <c r="R138" s="22" t="s">
        <v>268</v>
      </c>
      <c r="S138" s="22" t="s">
        <v>268</v>
      </c>
      <c r="T138" s="22" t="s">
        <v>268</v>
      </c>
      <c r="U138" s="22" t="s">
        <v>268</v>
      </c>
      <c r="V138" s="22" t="s">
        <v>268</v>
      </c>
      <c r="W138" s="22" t="s">
        <v>268</v>
      </c>
      <c r="X138" s="22" t="s">
        <v>268</v>
      </c>
      <c r="Y138" s="22" t="s">
        <v>268</v>
      </c>
      <c r="Z138" s="22" t="s">
        <v>268</v>
      </c>
      <c r="AA138" s="22" t="s">
        <v>268</v>
      </c>
      <c r="AB138" s="22" t="s">
        <v>268</v>
      </c>
      <c r="AC138" s="22" t="s">
        <v>268</v>
      </c>
      <c r="AD138" s="22" t="s">
        <v>268</v>
      </c>
      <c r="AE138" s="22" t="s">
        <v>268</v>
      </c>
    </row>
    <row r="139" spans="1:31">
      <c r="A139" s="21" t="s">
        <v>240</v>
      </c>
      <c r="B139" s="21" t="s">
        <v>237</v>
      </c>
      <c r="C139" s="21" t="s">
        <v>265</v>
      </c>
      <c r="D139" s="21" t="s">
        <v>214</v>
      </c>
      <c r="E139" s="21" t="s">
        <v>515</v>
      </c>
      <c r="F139" s="16">
        <v>128</v>
      </c>
      <c r="G139" s="16">
        <v>18</v>
      </c>
      <c r="H139" s="16">
        <v>18</v>
      </c>
      <c r="I139" s="16">
        <v>2</v>
      </c>
      <c r="J139" s="16">
        <v>6</v>
      </c>
      <c r="K139" s="16">
        <v>2</v>
      </c>
      <c r="L139" s="16">
        <v>8</v>
      </c>
      <c r="M139" s="22" t="s">
        <v>268</v>
      </c>
      <c r="N139" s="22" t="s">
        <v>268</v>
      </c>
      <c r="O139" s="22" t="s">
        <v>268</v>
      </c>
      <c r="P139" s="22" t="s">
        <v>268</v>
      </c>
      <c r="Q139" s="22" t="s">
        <v>268</v>
      </c>
      <c r="R139" s="22" t="s">
        <v>268</v>
      </c>
      <c r="S139" s="22" t="s">
        <v>268</v>
      </c>
      <c r="T139" s="22" t="s">
        <v>268</v>
      </c>
      <c r="U139" s="22" t="s">
        <v>268</v>
      </c>
      <c r="V139" s="22" t="s">
        <v>268</v>
      </c>
      <c r="W139" s="22" t="s">
        <v>268</v>
      </c>
      <c r="X139" s="16">
        <v>6</v>
      </c>
      <c r="Y139" s="16">
        <v>104</v>
      </c>
      <c r="Z139" s="22" t="s">
        <v>268</v>
      </c>
      <c r="AA139" s="22" t="s">
        <v>268</v>
      </c>
      <c r="AB139" s="22" t="s">
        <v>268</v>
      </c>
      <c r="AC139" s="22" t="s">
        <v>268</v>
      </c>
      <c r="AD139" s="16">
        <v>10</v>
      </c>
      <c r="AE139" s="16">
        <v>24</v>
      </c>
    </row>
    <row r="140" spans="1:31">
      <c r="A140" s="21" t="s">
        <v>240</v>
      </c>
      <c r="B140" s="21" t="s">
        <v>237</v>
      </c>
      <c r="C140" s="21" t="s">
        <v>265</v>
      </c>
      <c r="D140" s="21" t="s">
        <v>214</v>
      </c>
      <c r="E140" s="21" t="s">
        <v>516</v>
      </c>
      <c r="F140" s="16">
        <v>1505</v>
      </c>
      <c r="G140" s="16">
        <v>424</v>
      </c>
      <c r="H140" s="16">
        <v>402</v>
      </c>
      <c r="I140" s="16">
        <v>92</v>
      </c>
      <c r="J140" s="16">
        <v>241</v>
      </c>
      <c r="K140" s="16">
        <v>2</v>
      </c>
      <c r="L140" s="16">
        <v>67</v>
      </c>
      <c r="M140" s="16">
        <v>22</v>
      </c>
      <c r="N140" s="22" t="s">
        <v>268</v>
      </c>
      <c r="O140" s="22" t="s">
        <v>268</v>
      </c>
      <c r="P140" s="22" t="s">
        <v>268</v>
      </c>
      <c r="Q140" s="22" t="s">
        <v>268</v>
      </c>
      <c r="R140" s="22" t="s">
        <v>268</v>
      </c>
      <c r="S140" s="22" t="s">
        <v>268</v>
      </c>
      <c r="T140" s="22" t="s">
        <v>268</v>
      </c>
      <c r="U140" s="16">
        <v>7</v>
      </c>
      <c r="V140" s="16">
        <v>10</v>
      </c>
      <c r="W140" s="16">
        <v>5</v>
      </c>
      <c r="X140" s="16">
        <v>65</v>
      </c>
      <c r="Y140" s="16">
        <v>1016</v>
      </c>
      <c r="Z140" s="22" t="s">
        <v>268</v>
      </c>
      <c r="AA140" s="16">
        <v>7</v>
      </c>
      <c r="AB140" s="22" t="s">
        <v>268</v>
      </c>
      <c r="AC140" s="22" t="s">
        <v>268</v>
      </c>
      <c r="AD140" s="16">
        <v>167</v>
      </c>
      <c r="AE140" s="16">
        <v>287</v>
      </c>
    </row>
    <row r="141" spans="1:31">
      <c r="A141" s="21" t="s">
        <v>240</v>
      </c>
      <c r="B141" s="21" t="s">
        <v>237</v>
      </c>
      <c r="C141" s="21" t="s">
        <v>265</v>
      </c>
      <c r="D141" s="21" t="s">
        <v>214</v>
      </c>
      <c r="E141" s="21" t="s">
        <v>517</v>
      </c>
      <c r="F141" s="16">
        <v>3354</v>
      </c>
      <c r="G141" s="16">
        <v>2094</v>
      </c>
      <c r="H141" s="16">
        <v>1844</v>
      </c>
      <c r="I141" s="16">
        <v>284</v>
      </c>
      <c r="J141" s="16">
        <v>1322</v>
      </c>
      <c r="K141" s="16">
        <v>13</v>
      </c>
      <c r="L141" s="16">
        <v>225</v>
      </c>
      <c r="M141" s="16">
        <v>250</v>
      </c>
      <c r="N141" s="22" t="s">
        <v>268</v>
      </c>
      <c r="O141" s="16">
        <v>6</v>
      </c>
      <c r="P141" s="16">
        <v>29</v>
      </c>
      <c r="Q141" s="16">
        <v>90</v>
      </c>
      <c r="R141" s="22" t="s">
        <v>268</v>
      </c>
      <c r="S141" s="16">
        <v>32</v>
      </c>
      <c r="T141" s="16">
        <v>5</v>
      </c>
      <c r="U141" s="16">
        <v>35</v>
      </c>
      <c r="V141" s="16">
        <v>23</v>
      </c>
      <c r="W141" s="16">
        <v>30</v>
      </c>
      <c r="X141" s="16">
        <v>78</v>
      </c>
      <c r="Y141" s="16">
        <v>1182</v>
      </c>
      <c r="Z141" s="22" t="s">
        <v>268</v>
      </c>
      <c r="AA141" s="16">
        <v>177</v>
      </c>
      <c r="AB141" s="22" t="s">
        <v>268</v>
      </c>
      <c r="AC141" s="22" t="s">
        <v>268</v>
      </c>
      <c r="AD141" s="16">
        <v>147</v>
      </c>
      <c r="AE141" s="16">
        <v>264</v>
      </c>
    </row>
    <row r="142" spans="1:31">
      <c r="A142" s="21" t="s">
        <v>240</v>
      </c>
      <c r="B142" s="21" t="s">
        <v>237</v>
      </c>
      <c r="C142" s="21" t="s">
        <v>265</v>
      </c>
      <c r="D142" s="21" t="s">
        <v>214</v>
      </c>
      <c r="E142" s="21" t="s">
        <v>518</v>
      </c>
      <c r="F142" s="16">
        <v>5379</v>
      </c>
      <c r="G142" s="16">
        <v>4503</v>
      </c>
      <c r="H142" s="16">
        <v>4227</v>
      </c>
      <c r="I142" s="16">
        <v>348</v>
      </c>
      <c r="J142" s="16">
        <v>3329</v>
      </c>
      <c r="K142" s="16">
        <v>24</v>
      </c>
      <c r="L142" s="16">
        <v>526</v>
      </c>
      <c r="M142" s="16">
        <v>276</v>
      </c>
      <c r="N142" s="22" t="s">
        <v>268</v>
      </c>
      <c r="O142" s="16">
        <v>9</v>
      </c>
      <c r="P142" s="16">
        <v>53</v>
      </c>
      <c r="Q142" s="16">
        <v>82</v>
      </c>
      <c r="R142" s="16">
        <v>6</v>
      </c>
      <c r="S142" s="22" t="s">
        <v>268</v>
      </c>
      <c r="T142" s="22" t="s">
        <v>268</v>
      </c>
      <c r="U142" s="16">
        <v>35</v>
      </c>
      <c r="V142" s="16">
        <v>15</v>
      </c>
      <c r="W142" s="16">
        <v>76</v>
      </c>
      <c r="X142" s="16">
        <v>69</v>
      </c>
      <c r="Y142" s="16">
        <v>807</v>
      </c>
      <c r="Z142" s="22" t="s">
        <v>268</v>
      </c>
      <c r="AA142" s="16">
        <v>238</v>
      </c>
      <c r="AB142" s="22" t="s">
        <v>268</v>
      </c>
      <c r="AC142" s="22" t="s">
        <v>268</v>
      </c>
      <c r="AD142" s="16">
        <v>77</v>
      </c>
      <c r="AE142" s="16">
        <v>150</v>
      </c>
    </row>
    <row r="143" spans="1:31">
      <c r="A143" s="21" t="s">
        <v>240</v>
      </c>
      <c r="B143" s="21" t="s">
        <v>237</v>
      </c>
      <c r="C143" s="21" t="s">
        <v>265</v>
      </c>
      <c r="D143" s="21" t="s">
        <v>214</v>
      </c>
      <c r="E143" s="21" t="s">
        <v>519</v>
      </c>
      <c r="F143" s="16">
        <v>7798</v>
      </c>
      <c r="G143" s="16">
        <v>7114</v>
      </c>
      <c r="H143" s="16">
        <v>6453</v>
      </c>
      <c r="I143" s="16">
        <v>334</v>
      </c>
      <c r="J143" s="16">
        <v>5201</v>
      </c>
      <c r="K143" s="16">
        <v>72</v>
      </c>
      <c r="L143" s="16">
        <v>846</v>
      </c>
      <c r="M143" s="16">
        <v>661</v>
      </c>
      <c r="N143" s="22" t="s">
        <v>268</v>
      </c>
      <c r="O143" s="16">
        <v>24</v>
      </c>
      <c r="P143" s="16">
        <v>104</v>
      </c>
      <c r="Q143" s="16">
        <v>248</v>
      </c>
      <c r="R143" s="16">
        <v>3</v>
      </c>
      <c r="S143" s="16">
        <v>92</v>
      </c>
      <c r="T143" s="22" t="s">
        <v>268</v>
      </c>
      <c r="U143" s="16">
        <v>69</v>
      </c>
      <c r="V143" s="16">
        <v>20</v>
      </c>
      <c r="W143" s="16">
        <v>101</v>
      </c>
      <c r="X143" s="16">
        <v>50</v>
      </c>
      <c r="Y143" s="16">
        <v>634</v>
      </c>
      <c r="Z143" s="22" t="s">
        <v>268</v>
      </c>
      <c r="AA143" s="16">
        <v>576</v>
      </c>
      <c r="AB143" s="22" t="s">
        <v>268</v>
      </c>
      <c r="AC143" s="22" t="s">
        <v>268</v>
      </c>
      <c r="AD143" s="16">
        <v>24</v>
      </c>
      <c r="AE143" s="16">
        <v>70</v>
      </c>
    </row>
    <row r="144" spans="1:31">
      <c r="A144" s="21" t="s">
        <v>240</v>
      </c>
      <c r="B144" s="21" t="s">
        <v>237</v>
      </c>
      <c r="C144" s="21" t="s">
        <v>265</v>
      </c>
      <c r="D144" s="21" t="s">
        <v>214</v>
      </c>
      <c r="E144" s="21" t="s">
        <v>520</v>
      </c>
      <c r="F144" s="16">
        <v>9050</v>
      </c>
      <c r="G144" s="16">
        <v>8456</v>
      </c>
      <c r="H144" s="16">
        <v>7444</v>
      </c>
      <c r="I144" s="16">
        <v>358</v>
      </c>
      <c r="J144" s="16">
        <v>5979</v>
      </c>
      <c r="K144" s="16">
        <v>87</v>
      </c>
      <c r="L144" s="16">
        <v>1020</v>
      </c>
      <c r="M144" s="16">
        <v>1012</v>
      </c>
      <c r="N144" s="16">
        <v>12</v>
      </c>
      <c r="O144" s="16">
        <v>36</v>
      </c>
      <c r="P144" s="16">
        <v>166</v>
      </c>
      <c r="Q144" s="16">
        <v>389</v>
      </c>
      <c r="R144" s="16">
        <v>3</v>
      </c>
      <c r="S144" s="16">
        <v>94</v>
      </c>
      <c r="T144" s="16">
        <v>10</v>
      </c>
      <c r="U144" s="16">
        <v>140</v>
      </c>
      <c r="V144" s="16">
        <v>20</v>
      </c>
      <c r="W144" s="16">
        <v>142</v>
      </c>
      <c r="X144" s="16">
        <v>71</v>
      </c>
      <c r="Y144" s="16">
        <v>523</v>
      </c>
      <c r="Z144" s="22" t="s">
        <v>268</v>
      </c>
      <c r="AA144" s="16">
        <v>890</v>
      </c>
      <c r="AB144" s="22" t="s">
        <v>268</v>
      </c>
      <c r="AC144" s="22" t="s">
        <v>268</v>
      </c>
      <c r="AD144" s="16">
        <v>22</v>
      </c>
      <c r="AE144" s="16">
        <v>33</v>
      </c>
    </row>
    <row r="145" spans="1:31">
      <c r="A145" s="21" t="s">
        <v>240</v>
      </c>
      <c r="B145" s="21" t="s">
        <v>237</v>
      </c>
      <c r="C145" s="21" t="s">
        <v>265</v>
      </c>
      <c r="D145" s="21" t="s">
        <v>214</v>
      </c>
      <c r="E145" s="21" t="s">
        <v>521</v>
      </c>
      <c r="F145" s="16">
        <v>9269</v>
      </c>
      <c r="G145" s="16">
        <v>8417</v>
      </c>
      <c r="H145" s="16">
        <v>7132</v>
      </c>
      <c r="I145" s="16">
        <v>590</v>
      </c>
      <c r="J145" s="16">
        <v>5293</v>
      </c>
      <c r="K145" s="16">
        <v>131</v>
      </c>
      <c r="L145" s="16">
        <v>1118</v>
      </c>
      <c r="M145" s="16">
        <v>1285</v>
      </c>
      <c r="N145" s="16">
        <v>24</v>
      </c>
      <c r="O145" s="16">
        <v>54</v>
      </c>
      <c r="P145" s="16">
        <v>260</v>
      </c>
      <c r="Q145" s="16">
        <v>538</v>
      </c>
      <c r="R145" s="22" t="s">
        <v>268</v>
      </c>
      <c r="S145" s="16">
        <v>102</v>
      </c>
      <c r="T145" s="16">
        <v>4</v>
      </c>
      <c r="U145" s="16">
        <v>119</v>
      </c>
      <c r="V145" s="16">
        <v>32</v>
      </c>
      <c r="W145" s="16">
        <v>152</v>
      </c>
      <c r="X145" s="16">
        <v>90</v>
      </c>
      <c r="Y145" s="16">
        <v>762</v>
      </c>
      <c r="Z145" s="22" t="s">
        <v>268</v>
      </c>
      <c r="AA145" s="16">
        <v>1135</v>
      </c>
      <c r="AB145" s="22" t="s">
        <v>268</v>
      </c>
      <c r="AC145" s="22" t="s">
        <v>268</v>
      </c>
      <c r="AD145" s="16">
        <v>29</v>
      </c>
      <c r="AE145" s="16">
        <v>28</v>
      </c>
    </row>
    <row r="146" spans="1:31">
      <c r="A146" s="21" t="s">
        <v>240</v>
      </c>
      <c r="B146" s="21" t="s">
        <v>237</v>
      </c>
      <c r="C146" s="21" t="s">
        <v>265</v>
      </c>
      <c r="D146" s="21" t="s">
        <v>214</v>
      </c>
      <c r="E146" s="21" t="s">
        <v>522</v>
      </c>
      <c r="F146" s="16">
        <v>8395</v>
      </c>
      <c r="G146" s="16">
        <v>7513</v>
      </c>
      <c r="H146" s="16">
        <v>5694</v>
      </c>
      <c r="I146" s="16">
        <v>884</v>
      </c>
      <c r="J146" s="16">
        <v>3776</v>
      </c>
      <c r="K146" s="16">
        <v>103</v>
      </c>
      <c r="L146" s="16">
        <v>931</v>
      </c>
      <c r="M146" s="16">
        <v>1819</v>
      </c>
      <c r="N146" s="16">
        <v>88</v>
      </c>
      <c r="O146" s="16">
        <v>138</v>
      </c>
      <c r="P146" s="16">
        <v>313</v>
      </c>
      <c r="Q146" s="16">
        <v>657</v>
      </c>
      <c r="R146" s="16">
        <v>7</v>
      </c>
      <c r="S146" s="16">
        <v>126</v>
      </c>
      <c r="T146" s="16">
        <v>17</v>
      </c>
      <c r="U146" s="16">
        <v>214</v>
      </c>
      <c r="V146" s="16">
        <v>53</v>
      </c>
      <c r="W146" s="16">
        <v>206</v>
      </c>
      <c r="X146" s="16">
        <v>74</v>
      </c>
      <c r="Y146" s="16">
        <v>808</v>
      </c>
      <c r="Z146" s="22" t="s">
        <v>268</v>
      </c>
      <c r="AA146" s="16">
        <v>1480</v>
      </c>
      <c r="AB146" s="22" t="s">
        <v>268</v>
      </c>
      <c r="AC146" s="22" t="s">
        <v>268</v>
      </c>
      <c r="AD146" s="16">
        <v>23</v>
      </c>
      <c r="AE146" s="16">
        <v>17</v>
      </c>
    </row>
    <row r="147" spans="1:31">
      <c r="A147" s="21" t="s">
        <v>240</v>
      </c>
      <c r="B147" s="21" t="s">
        <v>237</v>
      </c>
      <c r="C147" s="21" t="s">
        <v>265</v>
      </c>
      <c r="D147" s="21" t="s">
        <v>214</v>
      </c>
      <c r="E147" s="21" t="s">
        <v>523</v>
      </c>
      <c r="F147" s="16">
        <v>8967</v>
      </c>
      <c r="G147" s="16">
        <v>7861</v>
      </c>
      <c r="H147" s="16">
        <v>5180</v>
      </c>
      <c r="I147" s="16">
        <v>1498</v>
      </c>
      <c r="J147" s="16">
        <v>2726</v>
      </c>
      <c r="K147" s="16">
        <v>121</v>
      </c>
      <c r="L147" s="16">
        <v>835</v>
      </c>
      <c r="M147" s="16">
        <v>2681</v>
      </c>
      <c r="N147" s="16">
        <v>128</v>
      </c>
      <c r="O147" s="16">
        <v>459</v>
      </c>
      <c r="P147" s="16">
        <v>374</v>
      </c>
      <c r="Q147" s="16">
        <v>715</v>
      </c>
      <c r="R147" s="16">
        <v>21</v>
      </c>
      <c r="S147" s="16">
        <v>201</v>
      </c>
      <c r="T147" s="16">
        <v>73</v>
      </c>
      <c r="U147" s="16">
        <v>327</v>
      </c>
      <c r="V147" s="16">
        <v>66</v>
      </c>
      <c r="W147" s="16">
        <v>317</v>
      </c>
      <c r="X147" s="16">
        <v>92</v>
      </c>
      <c r="Y147" s="16">
        <v>1014</v>
      </c>
      <c r="Z147" s="22" t="s">
        <v>268</v>
      </c>
      <c r="AA147" s="16">
        <v>1887</v>
      </c>
      <c r="AB147" s="22" t="s">
        <v>268</v>
      </c>
      <c r="AC147" s="22" t="s">
        <v>268</v>
      </c>
      <c r="AD147" s="16">
        <v>28</v>
      </c>
      <c r="AE147" s="16">
        <v>11</v>
      </c>
    </row>
    <row r="148" spans="1:31">
      <c r="A148" s="21" t="s">
        <v>240</v>
      </c>
      <c r="B148" s="21" t="s">
        <v>237</v>
      </c>
      <c r="C148" s="21" t="s">
        <v>265</v>
      </c>
      <c r="D148" s="21" t="s">
        <v>214</v>
      </c>
      <c r="E148" s="21" t="s">
        <v>524</v>
      </c>
      <c r="F148" s="16">
        <v>10447</v>
      </c>
      <c r="G148" s="16">
        <v>9147</v>
      </c>
      <c r="H148" s="16">
        <v>5532</v>
      </c>
      <c r="I148" s="16">
        <v>2232</v>
      </c>
      <c r="J148" s="16">
        <v>2406</v>
      </c>
      <c r="K148" s="16">
        <v>135</v>
      </c>
      <c r="L148" s="16">
        <v>759</v>
      </c>
      <c r="M148" s="16">
        <v>3615</v>
      </c>
      <c r="N148" s="16">
        <v>120</v>
      </c>
      <c r="O148" s="16">
        <v>678</v>
      </c>
      <c r="P148" s="16">
        <v>472</v>
      </c>
      <c r="Q148" s="16">
        <v>787</v>
      </c>
      <c r="R148" s="16">
        <v>65</v>
      </c>
      <c r="S148" s="16">
        <v>303</v>
      </c>
      <c r="T148" s="16">
        <v>50</v>
      </c>
      <c r="U148" s="16">
        <v>717</v>
      </c>
      <c r="V148" s="16">
        <v>127</v>
      </c>
      <c r="W148" s="16">
        <v>296</v>
      </c>
      <c r="X148" s="16">
        <v>101</v>
      </c>
      <c r="Y148" s="16">
        <v>1199</v>
      </c>
      <c r="Z148" s="22" t="s">
        <v>268</v>
      </c>
      <c r="AA148" s="16">
        <v>2508</v>
      </c>
      <c r="AB148" s="16">
        <v>18</v>
      </c>
      <c r="AC148" s="22" t="s">
        <v>268</v>
      </c>
      <c r="AD148" s="16">
        <v>16</v>
      </c>
      <c r="AE148" s="16">
        <v>2</v>
      </c>
    </row>
    <row r="149" spans="1:31">
      <c r="A149" s="21" t="s">
        <v>240</v>
      </c>
      <c r="B149" s="21" t="s">
        <v>237</v>
      </c>
      <c r="C149" s="21" t="s">
        <v>265</v>
      </c>
      <c r="D149" s="21" t="s">
        <v>214</v>
      </c>
      <c r="E149" s="21" t="s">
        <v>525</v>
      </c>
      <c r="F149" s="16">
        <v>12648</v>
      </c>
      <c r="G149" s="16">
        <v>11105</v>
      </c>
      <c r="H149" s="16">
        <v>6856</v>
      </c>
      <c r="I149" s="16">
        <v>3382</v>
      </c>
      <c r="J149" s="16">
        <v>2596</v>
      </c>
      <c r="K149" s="16">
        <v>171</v>
      </c>
      <c r="L149" s="16">
        <v>707</v>
      </c>
      <c r="M149" s="16">
        <v>4249</v>
      </c>
      <c r="N149" s="16">
        <v>112</v>
      </c>
      <c r="O149" s="16">
        <v>552</v>
      </c>
      <c r="P149" s="16">
        <v>961</v>
      </c>
      <c r="Q149" s="16">
        <v>639</v>
      </c>
      <c r="R149" s="16">
        <v>105</v>
      </c>
      <c r="S149" s="16">
        <v>582</v>
      </c>
      <c r="T149" s="16">
        <v>75</v>
      </c>
      <c r="U149" s="16">
        <v>709</v>
      </c>
      <c r="V149" s="16">
        <v>167</v>
      </c>
      <c r="W149" s="16">
        <v>347</v>
      </c>
      <c r="X149" s="16">
        <v>110</v>
      </c>
      <c r="Y149" s="16">
        <v>1433</v>
      </c>
      <c r="Z149" s="22" t="s">
        <v>268</v>
      </c>
      <c r="AA149" s="16">
        <v>3186</v>
      </c>
      <c r="AB149" s="16">
        <v>3082</v>
      </c>
      <c r="AC149" s="16">
        <v>1433</v>
      </c>
      <c r="AD149" s="16">
        <v>28</v>
      </c>
      <c r="AE149" s="16">
        <v>1</v>
      </c>
    </row>
    <row r="150" spans="1:31">
      <c r="A150" s="21" t="s">
        <v>240</v>
      </c>
      <c r="B150" s="21" t="s">
        <v>237</v>
      </c>
      <c r="C150" s="21" t="s">
        <v>265</v>
      </c>
      <c r="D150" s="21" t="s">
        <v>214</v>
      </c>
      <c r="E150" s="21" t="s">
        <v>526</v>
      </c>
      <c r="F150" s="16">
        <v>13263</v>
      </c>
      <c r="G150" s="16">
        <v>11623</v>
      </c>
      <c r="H150" s="16">
        <v>7558</v>
      </c>
      <c r="I150" s="16">
        <v>3986</v>
      </c>
      <c r="J150" s="16">
        <v>2538</v>
      </c>
      <c r="K150" s="16">
        <v>221</v>
      </c>
      <c r="L150" s="16">
        <v>813</v>
      </c>
      <c r="M150" s="16">
        <v>4065</v>
      </c>
      <c r="N150" s="16">
        <v>136</v>
      </c>
      <c r="O150" s="16">
        <v>381</v>
      </c>
      <c r="P150" s="16">
        <v>1134</v>
      </c>
      <c r="Q150" s="16">
        <v>575</v>
      </c>
      <c r="R150" s="16">
        <v>200</v>
      </c>
      <c r="S150" s="16">
        <v>638</v>
      </c>
      <c r="T150" s="16">
        <v>80</v>
      </c>
      <c r="U150" s="16">
        <v>449</v>
      </c>
      <c r="V150" s="16">
        <v>113</v>
      </c>
      <c r="W150" s="16">
        <v>359</v>
      </c>
      <c r="X150" s="16">
        <v>119</v>
      </c>
      <c r="Y150" s="16">
        <v>1521</v>
      </c>
      <c r="Z150" s="22" t="s">
        <v>268</v>
      </c>
      <c r="AA150" s="16">
        <v>3136</v>
      </c>
      <c r="AB150" s="16">
        <v>3894</v>
      </c>
      <c r="AC150" s="16">
        <v>1521</v>
      </c>
      <c r="AD150" s="16">
        <v>28</v>
      </c>
      <c r="AE150" s="22" t="s">
        <v>268</v>
      </c>
    </row>
    <row r="151" spans="1:31">
      <c r="A151" s="21" t="s">
        <v>240</v>
      </c>
      <c r="B151" s="21" t="s">
        <v>237</v>
      </c>
      <c r="C151" s="21" t="s">
        <v>265</v>
      </c>
      <c r="D151" s="21" t="s">
        <v>214</v>
      </c>
      <c r="E151" s="21" t="s">
        <v>527</v>
      </c>
      <c r="F151" s="16">
        <v>9848</v>
      </c>
      <c r="G151" s="16">
        <v>8514</v>
      </c>
      <c r="H151" s="16">
        <v>5818</v>
      </c>
      <c r="I151" s="16">
        <v>2914</v>
      </c>
      <c r="J151" s="16">
        <v>1893</v>
      </c>
      <c r="K151" s="16">
        <v>169</v>
      </c>
      <c r="L151" s="16">
        <v>842</v>
      </c>
      <c r="M151" s="16">
        <v>2696</v>
      </c>
      <c r="N151" s="16">
        <v>188</v>
      </c>
      <c r="O151" s="16">
        <v>126</v>
      </c>
      <c r="P151" s="16">
        <v>867</v>
      </c>
      <c r="Q151" s="16">
        <v>387</v>
      </c>
      <c r="R151" s="16">
        <v>94</v>
      </c>
      <c r="S151" s="16">
        <v>427</v>
      </c>
      <c r="T151" s="16">
        <v>140</v>
      </c>
      <c r="U151" s="16">
        <v>146</v>
      </c>
      <c r="V151" s="16">
        <v>72</v>
      </c>
      <c r="W151" s="16">
        <v>249</v>
      </c>
      <c r="X151" s="16">
        <v>76</v>
      </c>
      <c r="Y151" s="16">
        <v>1258</v>
      </c>
      <c r="Z151" s="22" t="s">
        <v>268</v>
      </c>
      <c r="AA151" s="16">
        <v>2132</v>
      </c>
      <c r="AB151" s="16">
        <v>2898</v>
      </c>
      <c r="AC151" s="16">
        <v>1258</v>
      </c>
      <c r="AD151" s="16">
        <v>16</v>
      </c>
      <c r="AE151" s="16">
        <v>1</v>
      </c>
    </row>
    <row r="152" spans="1:31">
      <c r="A152" s="21" t="s">
        <v>240</v>
      </c>
      <c r="B152" s="21" t="s">
        <v>237</v>
      </c>
      <c r="C152" s="21" t="s">
        <v>265</v>
      </c>
      <c r="D152" s="21" t="s">
        <v>214</v>
      </c>
      <c r="E152" s="21" t="s">
        <v>528</v>
      </c>
      <c r="F152" s="16">
        <v>8385</v>
      </c>
      <c r="G152" s="16">
        <v>7143</v>
      </c>
      <c r="H152" s="16">
        <v>4483</v>
      </c>
      <c r="I152" s="16">
        <v>2112</v>
      </c>
      <c r="J152" s="16">
        <v>1354</v>
      </c>
      <c r="K152" s="16">
        <v>184</v>
      </c>
      <c r="L152" s="16">
        <v>833</v>
      </c>
      <c r="M152" s="16">
        <v>2660</v>
      </c>
      <c r="N152" s="16">
        <v>324</v>
      </c>
      <c r="O152" s="16">
        <v>204</v>
      </c>
      <c r="P152" s="16">
        <v>775</v>
      </c>
      <c r="Q152" s="16">
        <v>351</v>
      </c>
      <c r="R152" s="16">
        <v>67</v>
      </c>
      <c r="S152" s="16">
        <v>248</v>
      </c>
      <c r="T152" s="16">
        <v>252</v>
      </c>
      <c r="U152" s="16">
        <v>150</v>
      </c>
      <c r="V152" s="16">
        <v>35</v>
      </c>
      <c r="W152" s="16">
        <v>254</v>
      </c>
      <c r="X152" s="16">
        <v>71</v>
      </c>
      <c r="Y152" s="16">
        <v>1171</v>
      </c>
      <c r="Z152" s="22" t="s">
        <v>268</v>
      </c>
      <c r="AA152" s="16">
        <v>1955</v>
      </c>
      <c r="AB152" s="16">
        <v>2110</v>
      </c>
      <c r="AC152" s="16">
        <v>1171</v>
      </c>
      <c r="AD152" s="16">
        <v>15</v>
      </c>
      <c r="AE152" s="22" t="s">
        <v>268</v>
      </c>
    </row>
    <row r="153" spans="1:31">
      <c r="A153" s="21" t="s">
        <v>240</v>
      </c>
      <c r="B153" s="21" t="s">
        <v>237</v>
      </c>
      <c r="C153" s="21" t="s">
        <v>265</v>
      </c>
      <c r="D153" s="21" t="s">
        <v>214</v>
      </c>
      <c r="E153" s="21" t="s">
        <v>623</v>
      </c>
      <c r="F153" s="16">
        <v>8194</v>
      </c>
      <c r="G153" s="16">
        <v>6793</v>
      </c>
      <c r="H153" s="16">
        <v>3658</v>
      </c>
      <c r="I153" s="16">
        <v>1474</v>
      </c>
      <c r="J153" s="16">
        <v>850</v>
      </c>
      <c r="K153" s="16">
        <v>301</v>
      </c>
      <c r="L153" s="16">
        <v>1033</v>
      </c>
      <c r="M153" s="16">
        <v>3135</v>
      </c>
      <c r="N153" s="16">
        <v>368</v>
      </c>
      <c r="O153" s="16">
        <v>468</v>
      </c>
      <c r="P153" s="16">
        <v>355</v>
      </c>
      <c r="Q153" s="16">
        <v>613</v>
      </c>
      <c r="R153" s="16">
        <v>66</v>
      </c>
      <c r="S153" s="16">
        <v>156</v>
      </c>
      <c r="T153" s="16">
        <v>615</v>
      </c>
      <c r="U153" s="16">
        <v>154</v>
      </c>
      <c r="V153" s="16">
        <v>33</v>
      </c>
      <c r="W153" s="16">
        <v>307</v>
      </c>
      <c r="X153" s="16">
        <v>45</v>
      </c>
      <c r="Y153" s="16">
        <v>1356</v>
      </c>
      <c r="Z153" s="22" t="s">
        <v>268</v>
      </c>
      <c r="AA153" s="16">
        <v>2063</v>
      </c>
      <c r="AB153" s="16">
        <v>1474</v>
      </c>
      <c r="AC153" s="16">
        <v>1356</v>
      </c>
      <c r="AD153" s="16">
        <v>15</v>
      </c>
      <c r="AE153" s="22" t="s">
        <v>268</v>
      </c>
    </row>
    <row r="154" spans="1:31">
      <c r="A154" s="21" t="s">
        <v>240</v>
      </c>
      <c r="B154" s="21" t="s">
        <v>237</v>
      </c>
      <c r="C154" s="21" t="s">
        <v>265</v>
      </c>
      <c r="D154" s="21" t="s">
        <v>214</v>
      </c>
      <c r="E154" s="21" t="s">
        <v>624</v>
      </c>
      <c r="F154" s="16">
        <v>1197</v>
      </c>
      <c r="G154" s="22" t="s">
        <v>268</v>
      </c>
      <c r="H154" s="22" t="s">
        <v>268</v>
      </c>
      <c r="I154" s="22" t="s">
        <v>268</v>
      </c>
      <c r="J154" s="22" t="s">
        <v>268</v>
      </c>
      <c r="K154" s="22" t="s">
        <v>268</v>
      </c>
      <c r="L154" s="22" t="s">
        <v>268</v>
      </c>
      <c r="M154" s="22" t="s">
        <v>268</v>
      </c>
      <c r="N154" s="22" t="s">
        <v>268</v>
      </c>
      <c r="O154" s="22" t="s">
        <v>268</v>
      </c>
      <c r="P154" s="22" t="s">
        <v>268</v>
      </c>
      <c r="Q154" s="22" t="s">
        <v>268</v>
      </c>
      <c r="R154" s="22" t="s">
        <v>268</v>
      </c>
      <c r="S154" s="22" t="s">
        <v>268</v>
      </c>
      <c r="T154" s="22" t="s">
        <v>268</v>
      </c>
      <c r="U154" s="22" t="s">
        <v>268</v>
      </c>
      <c r="V154" s="22" t="s">
        <v>268</v>
      </c>
      <c r="W154" s="22" t="s">
        <v>268</v>
      </c>
      <c r="X154" s="22" t="s">
        <v>268</v>
      </c>
      <c r="Y154" s="16">
        <v>1003</v>
      </c>
      <c r="Z154" s="16">
        <v>194</v>
      </c>
      <c r="AA154" s="22" t="s">
        <v>268</v>
      </c>
      <c r="AB154" s="22" t="s">
        <v>268</v>
      </c>
      <c r="AC154" s="22" t="s">
        <v>268</v>
      </c>
      <c r="AD154" s="16">
        <v>4</v>
      </c>
      <c r="AE154" s="16">
        <v>25</v>
      </c>
    </row>
    <row r="155" spans="1:31">
      <c r="A155" s="21" t="s">
        <v>240</v>
      </c>
      <c r="B155" s="21" t="s">
        <v>237</v>
      </c>
      <c r="C155" s="21" t="s">
        <v>265</v>
      </c>
      <c r="D155" s="21" t="s">
        <v>214</v>
      </c>
      <c r="E155" s="21" t="s">
        <v>461</v>
      </c>
      <c r="F155" s="16">
        <v>64292</v>
      </c>
      <c r="G155" s="16">
        <v>55547</v>
      </c>
      <c r="H155" s="16">
        <v>43926</v>
      </c>
      <c r="I155" s="16">
        <v>6622</v>
      </c>
      <c r="J155" s="16">
        <v>30279</v>
      </c>
      <c r="K155" s="16">
        <v>690</v>
      </c>
      <c r="L155" s="16">
        <v>6335</v>
      </c>
      <c r="M155" s="16">
        <v>11621</v>
      </c>
      <c r="N155" s="16">
        <v>372</v>
      </c>
      <c r="O155" s="16">
        <v>1404</v>
      </c>
      <c r="P155" s="16">
        <v>1771</v>
      </c>
      <c r="Q155" s="16">
        <v>3506</v>
      </c>
      <c r="R155" s="16">
        <v>105</v>
      </c>
      <c r="S155" s="16">
        <v>950</v>
      </c>
      <c r="T155" s="16">
        <v>159</v>
      </c>
      <c r="U155" s="16">
        <v>1663</v>
      </c>
      <c r="V155" s="16">
        <v>366</v>
      </c>
      <c r="W155" s="16">
        <v>1325</v>
      </c>
      <c r="X155" s="16">
        <v>696</v>
      </c>
      <c r="Y155" s="16">
        <v>8049</v>
      </c>
      <c r="Z155" s="22" t="s">
        <v>268</v>
      </c>
      <c r="AA155" s="16">
        <v>8898</v>
      </c>
      <c r="AB155" s="16">
        <v>18</v>
      </c>
      <c r="AC155" s="22" t="s">
        <v>268</v>
      </c>
      <c r="AD155" s="16">
        <v>543</v>
      </c>
      <c r="AE155" s="16">
        <v>886</v>
      </c>
    </row>
    <row r="156" spans="1:31">
      <c r="A156" s="21" t="s">
        <v>240</v>
      </c>
      <c r="B156" s="21" t="s">
        <v>237</v>
      </c>
      <c r="C156" s="21" t="s">
        <v>265</v>
      </c>
      <c r="D156" s="21" t="s">
        <v>214</v>
      </c>
      <c r="E156" s="21" t="s">
        <v>462</v>
      </c>
      <c r="F156" s="16">
        <v>52338</v>
      </c>
      <c r="G156" s="16">
        <v>45178</v>
      </c>
      <c r="H156" s="16">
        <v>28373</v>
      </c>
      <c r="I156" s="16">
        <v>13868</v>
      </c>
      <c r="J156" s="16">
        <v>9231</v>
      </c>
      <c r="K156" s="16">
        <v>1046</v>
      </c>
      <c r="L156" s="16">
        <v>4228</v>
      </c>
      <c r="M156" s="16">
        <v>16805</v>
      </c>
      <c r="N156" s="16">
        <v>1128</v>
      </c>
      <c r="O156" s="16">
        <v>1731</v>
      </c>
      <c r="P156" s="16">
        <v>4092</v>
      </c>
      <c r="Q156" s="16">
        <v>2565</v>
      </c>
      <c r="R156" s="16">
        <v>532</v>
      </c>
      <c r="S156" s="16">
        <v>2051</v>
      </c>
      <c r="T156" s="16">
        <v>1162</v>
      </c>
      <c r="U156" s="16">
        <v>1608</v>
      </c>
      <c r="V156" s="16">
        <v>420</v>
      </c>
      <c r="W156" s="16">
        <v>1516</v>
      </c>
      <c r="X156" s="16">
        <v>421</v>
      </c>
      <c r="Y156" s="16">
        <v>6739</v>
      </c>
      <c r="Z156" s="22" t="s">
        <v>268</v>
      </c>
      <c r="AA156" s="16">
        <v>12472</v>
      </c>
      <c r="AB156" s="16">
        <v>13458</v>
      </c>
      <c r="AC156" s="16">
        <v>6739</v>
      </c>
      <c r="AD156" s="16">
        <v>102</v>
      </c>
      <c r="AE156" s="16">
        <v>2</v>
      </c>
    </row>
    <row r="157" spans="1:31">
      <c r="A157" s="21" t="s">
        <v>240</v>
      </c>
      <c r="B157" s="21" t="s">
        <v>237</v>
      </c>
      <c r="C157" s="21" t="s">
        <v>265</v>
      </c>
      <c r="D157" s="21" t="s">
        <v>214</v>
      </c>
      <c r="E157" s="21" t="s">
        <v>463</v>
      </c>
      <c r="F157" s="16">
        <v>26427</v>
      </c>
      <c r="G157" s="16">
        <v>22450</v>
      </c>
      <c r="H157" s="16">
        <v>13959</v>
      </c>
      <c r="I157" s="16">
        <v>6500</v>
      </c>
      <c r="J157" s="16">
        <v>4097</v>
      </c>
      <c r="K157" s="16">
        <v>654</v>
      </c>
      <c r="L157" s="16">
        <v>2708</v>
      </c>
      <c r="M157" s="16">
        <v>8491</v>
      </c>
      <c r="N157" s="16">
        <v>880</v>
      </c>
      <c r="O157" s="16">
        <v>798</v>
      </c>
      <c r="P157" s="16">
        <v>1997</v>
      </c>
      <c r="Q157" s="16">
        <v>1351</v>
      </c>
      <c r="R157" s="16">
        <v>227</v>
      </c>
      <c r="S157" s="16">
        <v>831</v>
      </c>
      <c r="T157" s="16">
        <v>1007</v>
      </c>
      <c r="U157" s="16">
        <v>450</v>
      </c>
      <c r="V157" s="16">
        <v>140</v>
      </c>
      <c r="W157" s="16">
        <v>810</v>
      </c>
      <c r="X157" s="16">
        <v>192</v>
      </c>
      <c r="Y157" s="16">
        <v>3785</v>
      </c>
      <c r="Z157" s="22" t="s">
        <v>268</v>
      </c>
      <c r="AA157" s="16">
        <v>6150</v>
      </c>
      <c r="AB157" s="16">
        <v>6482</v>
      </c>
      <c r="AC157" s="16">
        <v>3785</v>
      </c>
      <c r="AD157" s="16">
        <v>46</v>
      </c>
      <c r="AE157" s="16">
        <v>1</v>
      </c>
    </row>
    <row r="158" spans="1:31">
      <c r="A158" s="21" t="s">
        <v>240</v>
      </c>
      <c r="B158" s="21" t="s">
        <v>237</v>
      </c>
      <c r="C158" s="21" t="s">
        <v>265</v>
      </c>
      <c r="D158" s="21" t="s">
        <v>215</v>
      </c>
      <c r="E158" s="21" t="s">
        <v>401</v>
      </c>
      <c r="F158" s="16">
        <v>92450</v>
      </c>
      <c r="G158" s="16">
        <v>84682</v>
      </c>
      <c r="H158" s="16">
        <v>61990</v>
      </c>
      <c r="I158" s="16">
        <v>20248</v>
      </c>
      <c r="J158" s="16">
        <v>38966</v>
      </c>
      <c r="K158" s="16">
        <v>1714</v>
      </c>
      <c r="L158" s="16">
        <v>1062</v>
      </c>
      <c r="M158" s="16">
        <v>22692</v>
      </c>
      <c r="N158" s="16">
        <v>1484</v>
      </c>
      <c r="O158" s="16">
        <v>2496</v>
      </c>
      <c r="P158" s="16">
        <v>5843</v>
      </c>
      <c r="Q158" s="16">
        <v>4492</v>
      </c>
      <c r="R158" s="16">
        <v>588</v>
      </c>
      <c r="S158" s="16">
        <v>2849</v>
      </c>
      <c r="T158" s="16">
        <v>849</v>
      </c>
      <c r="U158" s="16">
        <v>2869</v>
      </c>
      <c r="V158" s="16">
        <v>465</v>
      </c>
      <c r="W158" s="16">
        <v>757</v>
      </c>
      <c r="X158" s="16">
        <v>819</v>
      </c>
      <c r="Y158" s="16">
        <v>6794</v>
      </c>
      <c r="Z158" s="16">
        <v>155</v>
      </c>
      <c r="AA158" s="16">
        <v>17070</v>
      </c>
      <c r="AB158" s="16">
        <v>13372</v>
      </c>
      <c r="AC158" s="16">
        <v>2135</v>
      </c>
      <c r="AD158" s="16">
        <v>194</v>
      </c>
      <c r="AE158" s="16">
        <v>319</v>
      </c>
    </row>
    <row r="159" spans="1:31">
      <c r="A159" s="21" t="s">
        <v>240</v>
      </c>
      <c r="B159" s="21" t="s">
        <v>237</v>
      </c>
      <c r="C159" s="21" t="s">
        <v>265</v>
      </c>
      <c r="D159" s="21" t="s">
        <v>215</v>
      </c>
      <c r="E159" s="21" t="s">
        <v>514</v>
      </c>
      <c r="F159" s="22" t="s">
        <v>268</v>
      </c>
      <c r="G159" s="22" t="s">
        <v>268</v>
      </c>
      <c r="H159" s="22" t="s">
        <v>268</v>
      </c>
      <c r="I159" s="22" t="s">
        <v>268</v>
      </c>
      <c r="J159" s="22" t="s">
        <v>268</v>
      </c>
      <c r="K159" s="22" t="s">
        <v>268</v>
      </c>
      <c r="L159" s="22" t="s">
        <v>268</v>
      </c>
      <c r="M159" s="22" t="s">
        <v>268</v>
      </c>
      <c r="N159" s="22" t="s">
        <v>268</v>
      </c>
      <c r="O159" s="22" t="s">
        <v>268</v>
      </c>
      <c r="P159" s="22" t="s">
        <v>268</v>
      </c>
      <c r="Q159" s="22" t="s">
        <v>268</v>
      </c>
      <c r="R159" s="22" t="s">
        <v>268</v>
      </c>
      <c r="S159" s="22" t="s">
        <v>268</v>
      </c>
      <c r="T159" s="22" t="s">
        <v>268</v>
      </c>
      <c r="U159" s="22" t="s">
        <v>268</v>
      </c>
      <c r="V159" s="22" t="s">
        <v>268</v>
      </c>
      <c r="W159" s="22" t="s">
        <v>268</v>
      </c>
      <c r="X159" s="22" t="s">
        <v>268</v>
      </c>
      <c r="Y159" s="22" t="s">
        <v>268</v>
      </c>
      <c r="Z159" s="22" t="s">
        <v>268</v>
      </c>
      <c r="AA159" s="22" t="s">
        <v>268</v>
      </c>
      <c r="AB159" s="22" t="s">
        <v>268</v>
      </c>
      <c r="AC159" s="22" t="s">
        <v>268</v>
      </c>
      <c r="AD159" s="22" t="s">
        <v>268</v>
      </c>
      <c r="AE159" s="22" t="s">
        <v>268</v>
      </c>
    </row>
    <row r="160" spans="1:31">
      <c r="A160" s="21" t="s">
        <v>240</v>
      </c>
      <c r="B160" s="21" t="s">
        <v>237</v>
      </c>
      <c r="C160" s="21" t="s">
        <v>265</v>
      </c>
      <c r="D160" s="21" t="s">
        <v>215</v>
      </c>
      <c r="E160" s="21" t="s">
        <v>515</v>
      </c>
      <c r="F160" s="16">
        <v>74</v>
      </c>
      <c r="G160" s="16">
        <v>12</v>
      </c>
      <c r="H160" s="16">
        <v>12</v>
      </c>
      <c r="I160" s="16">
        <v>2</v>
      </c>
      <c r="J160" s="16">
        <v>6</v>
      </c>
      <c r="K160" s="22" t="s">
        <v>268</v>
      </c>
      <c r="L160" s="16">
        <v>4</v>
      </c>
      <c r="M160" s="22" t="s">
        <v>268</v>
      </c>
      <c r="N160" s="22" t="s">
        <v>268</v>
      </c>
      <c r="O160" s="22" t="s">
        <v>268</v>
      </c>
      <c r="P160" s="22" t="s">
        <v>268</v>
      </c>
      <c r="Q160" s="22" t="s">
        <v>268</v>
      </c>
      <c r="R160" s="22" t="s">
        <v>268</v>
      </c>
      <c r="S160" s="22" t="s">
        <v>268</v>
      </c>
      <c r="T160" s="22" t="s">
        <v>268</v>
      </c>
      <c r="U160" s="22" t="s">
        <v>268</v>
      </c>
      <c r="V160" s="22" t="s">
        <v>268</v>
      </c>
      <c r="W160" s="22" t="s">
        <v>268</v>
      </c>
      <c r="X160" s="16">
        <v>4</v>
      </c>
      <c r="Y160" s="16">
        <v>58</v>
      </c>
      <c r="Z160" s="22" t="s">
        <v>268</v>
      </c>
      <c r="AA160" s="22" t="s">
        <v>268</v>
      </c>
      <c r="AB160" s="22" t="s">
        <v>268</v>
      </c>
      <c r="AC160" s="22" t="s">
        <v>268</v>
      </c>
      <c r="AD160" s="16">
        <v>3</v>
      </c>
      <c r="AE160" s="16">
        <v>10</v>
      </c>
    </row>
    <row r="161" spans="1:31">
      <c r="A161" s="21" t="s">
        <v>240</v>
      </c>
      <c r="B161" s="21" t="s">
        <v>237</v>
      </c>
      <c r="C161" s="21" t="s">
        <v>265</v>
      </c>
      <c r="D161" s="21" t="s">
        <v>215</v>
      </c>
      <c r="E161" s="21" t="s">
        <v>516</v>
      </c>
      <c r="F161" s="16">
        <v>796</v>
      </c>
      <c r="G161" s="16">
        <v>346</v>
      </c>
      <c r="H161" s="16">
        <v>335</v>
      </c>
      <c r="I161" s="16">
        <v>82</v>
      </c>
      <c r="J161" s="16">
        <v>238</v>
      </c>
      <c r="K161" s="16">
        <v>2</v>
      </c>
      <c r="L161" s="16">
        <v>13</v>
      </c>
      <c r="M161" s="16">
        <v>11</v>
      </c>
      <c r="N161" s="22" t="s">
        <v>268</v>
      </c>
      <c r="O161" s="22" t="s">
        <v>268</v>
      </c>
      <c r="P161" s="22" t="s">
        <v>268</v>
      </c>
      <c r="Q161" s="22" t="s">
        <v>268</v>
      </c>
      <c r="R161" s="22" t="s">
        <v>268</v>
      </c>
      <c r="S161" s="22" t="s">
        <v>268</v>
      </c>
      <c r="T161" s="22" t="s">
        <v>268</v>
      </c>
      <c r="U161" s="16">
        <v>7</v>
      </c>
      <c r="V161" s="16">
        <v>4</v>
      </c>
      <c r="W161" s="22" t="s">
        <v>268</v>
      </c>
      <c r="X161" s="16">
        <v>48</v>
      </c>
      <c r="Y161" s="16">
        <v>402</v>
      </c>
      <c r="Z161" s="22" t="s">
        <v>268</v>
      </c>
      <c r="AA161" s="16">
        <v>7</v>
      </c>
      <c r="AB161" s="22" t="s">
        <v>268</v>
      </c>
      <c r="AC161" s="22" t="s">
        <v>268</v>
      </c>
      <c r="AD161" s="16">
        <v>38</v>
      </c>
      <c r="AE161" s="16">
        <v>83</v>
      </c>
    </row>
    <row r="162" spans="1:31">
      <c r="A162" s="21" t="s">
        <v>240</v>
      </c>
      <c r="B162" s="21" t="s">
        <v>237</v>
      </c>
      <c r="C162" s="21" t="s">
        <v>265</v>
      </c>
      <c r="D162" s="21" t="s">
        <v>215</v>
      </c>
      <c r="E162" s="21" t="s">
        <v>517</v>
      </c>
      <c r="F162" s="16">
        <v>2366</v>
      </c>
      <c r="G162" s="16">
        <v>1808</v>
      </c>
      <c r="H162" s="16">
        <v>1593</v>
      </c>
      <c r="I162" s="16">
        <v>272</v>
      </c>
      <c r="J162" s="16">
        <v>1291</v>
      </c>
      <c r="K162" s="16">
        <v>13</v>
      </c>
      <c r="L162" s="16">
        <v>17</v>
      </c>
      <c r="M162" s="16">
        <v>215</v>
      </c>
      <c r="N162" s="22" t="s">
        <v>268</v>
      </c>
      <c r="O162" s="16">
        <v>6</v>
      </c>
      <c r="P162" s="16">
        <v>29</v>
      </c>
      <c r="Q162" s="16">
        <v>82</v>
      </c>
      <c r="R162" s="22" t="s">
        <v>268</v>
      </c>
      <c r="S162" s="16">
        <v>27</v>
      </c>
      <c r="T162" s="16">
        <v>5</v>
      </c>
      <c r="U162" s="16">
        <v>35</v>
      </c>
      <c r="V162" s="16">
        <v>9</v>
      </c>
      <c r="W162" s="16">
        <v>22</v>
      </c>
      <c r="X162" s="16">
        <v>56</v>
      </c>
      <c r="Y162" s="16">
        <v>502</v>
      </c>
      <c r="Z162" s="22" t="s">
        <v>268</v>
      </c>
      <c r="AA162" s="16">
        <v>156</v>
      </c>
      <c r="AB162" s="22" t="s">
        <v>268</v>
      </c>
      <c r="AC162" s="22" t="s">
        <v>268</v>
      </c>
      <c r="AD162" s="16">
        <v>37</v>
      </c>
      <c r="AE162" s="16">
        <v>89</v>
      </c>
    </row>
    <row r="163" spans="1:31">
      <c r="A163" s="21" t="s">
        <v>240</v>
      </c>
      <c r="B163" s="21" t="s">
        <v>237</v>
      </c>
      <c r="C163" s="21" t="s">
        <v>265</v>
      </c>
      <c r="D163" s="21" t="s">
        <v>215</v>
      </c>
      <c r="E163" s="21" t="s">
        <v>518</v>
      </c>
      <c r="F163" s="16">
        <v>4295</v>
      </c>
      <c r="G163" s="16">
        <v>3843</v>
      </c>
      <c r="H163" s="16">
        <v>3630</v>
      </c>
      <c r="I163" s="16">
        <v>334</v>
      </c>
      <c r="J163" s="16">
        <v>3249</v>
      </c>
      <c r="K163" s="16">
        <v>24</v>
      </c>
      <c r="L163" s="16">
        <v>23</v>
      </c>
      <c r="M163" s="16">
        <v>213</v>
      </c>
      <c r="N163" s="22" t="s">
        <v>268</v>
      </c>
      <c r="O163" s="16">
        <v>9</v>
      </c>
      <c r="P163" s="16">
        <v>53</v>
      </c>
      <c r="Q163" s="16">
        <v>82</v>
      </c>
      <c r="R163" s="16">
        <v>6</v>
      </c>
      <c r="S163" s="22" t="s">
        <v>268</v>
      </c>
      <c r="T163" s="22" t="s">
        <v>268</v>
      </c>
      <c r="U163" s="16">
        <v>29</v>
      </c>
      <c r="V163" s="16">
        <v>6</v>
      </c>
      <c r="W163" s="16">
        <v>28</v>
      </c>
      <c r="X163" s="16">
        <v>54</v>
      </c>
      <c r="Y163" s="16">
        <v>398</v>
      </c>
      <c r="Z163" s="22" t="s">
        <v>268</v>
      </c>
      <c r="AA163" s="16">
        <v>191</v>
      </c>
      <c r="AB163" s="22" t="s">
        <v>268</v>
      </c>
      <c r="AC163" s="22" t="s">
        <v>268</v>
      </c>
      <c r="AD163" s="16">
        <v>15</v>
      </c>
      <c r="AE163" s="16">
        <v>48</v>
      </c>
    </row>
    <row r="164" spans="1:31">
      <c r="A164" s="21" t="s">
        <v>240</v>
      </c>
      <c r="B164" s="21" t="s">
        <v>237</v>
      </c>
      <c r="C164" s="21" t="s">
        <v>265</v>
      </c>
      <c r="D164" s="21" t="s">
        <v>215</v>
      </c>
      <c r="E164" s="21" t="s">
        <v>519</v>
      </c>
      <c r="F164" s="16">
        <v>6418</v>
      </c>
      <c r="G164" s="16">
        <v>6039</v>
      </c>
      <c r="H164" s="16">
        <v>5518</v>
      </c>
      <c r="I164" s="16">
        <v>320</v>
      </c>
      <c r="J164" s="16">
        <v>5082</v>
      </c>
      <c r="K164" s="16">
        <v>72</v>
      </c>
      <c r="L164" s="16">
        <v>44</v>
      </c>
      <c r="M164" s="16">
        <v>521</v>
      </c>
      <c r="N164" s="22" t="s">
        <v>268</v>
      </c>
      <c r="O164" s="16">
        <v>21</v>
      </c>
      <c r="P164" s="16">
        <v>104</v>
      </c>
      <c r="Q164" s="16">
        <v>226</v>
      </c>
      <c r="R164" s="16">
        <v>3</v>
      </c>
      <c r="S164" s="16">
        <v>78</v>
      </c>
      <c r="T164" s="22" t="s">
        <v>268</v>
      </c>
      <c r="U164" s="16">
        <v>69</v>
      </c>
      <c r="V164" s="16">
        <v>6</v>
      </c>
      <c r="W164" s="16">
        <v>14</v>
      </c>
      <c r="X164" s="16">
        <v>30</v>
      </c>
      <c r="Y164" s="16">
        <v>349</v>
      </c>
      <c r="Z164" s="22" t="s">
        <v>268</v>
      </c>
      <c r="AA164" s="16">
        <v>458</v>
      </c>
      <c r="AB164" s="22" t="s">
        <v>268</v>
      </c>
      <c r="AC164" s="22" t="s">
        <v>268</v>
      </c>
      <c r="AD164" s="16">
        <v>9</v>
      </c>
      <c r="AE164" s="16">
        <v>13</v>
      </c>
    </row>
    <row r="165" spans="1:31">
      <c r="A165" s="21" t="s">
        <v>240</v>
      </c>
      <c r="B165" s="21" t="s">
        <v>237</v>
      </c>
      <c r="C165" s="21" t="s">
        <v>265</v>
      </c>
      <c r="D165" s="21" t="s">
        <v>215</v>
      </c>
      <c r="E165" s="21" t="s">
        <v>520</v>
      </c>
      <c r="F165" s="16">
        <v>7558</v>
      </c>
      <c r="G165" s="16">
        <v>7195</v>
      </c>
      <c r="H165" s="16">
        <v>6371</v>
      </c>
      <c r="I165" s="16">
        <v>352</v>
      </c>
      <c r="J165" s="16">
        <v>5865</v>
      </c>
      <c r="K165" s="16">
        <v>85</v>
      </c>
      <c r="L165" s="16">
        <v>69</v>
      </c>
      <c r="M165" s="16">
        <v>824</v>
      </c>
      <c r="N165" s="16">
        <v>12</v>
      </c>
      <c r="O165" s="16">
        <v>36</v>
      </c>
      <c r="P165" s="16">
        <v>166</v>
      </c>
      <c r="Q165" s="16">
        <v>385</v>
      </c>
      <c r="R165" s="22" t="s">
        <v>268</v>
      </c>
      <c r="S165" s="16">
        <v>60</v>
      </c>
      <c r="T165" s="16">
        <v>10</v>
      </c>
      <c r="U165" s="16">
        <v>122</v>
      </c>
      <c r="V165" s="16">
        <v>12</v>
      </c>
      <c r="W165" s="16">
        <v>21</v>
      </c>
      <c r="X165" s="16">
        <v>45</v>
      </c>
      <c r="Y165" s="16">
        <v>318</v>
      </c>
      <c r="Z165" s="22" t="s">
        <v>268</v>
      </c>
      <c r="AA165" s="16">
        <v>746</v>
      </c>
      <c r="AB165" s="22" t="s">
        <v>268</v>
      </c>
      <c r="AC165" s="22" t="s">
        <v>268</v>
      </c>
      <c r="AD165" s="16">
        <v>8</v>
      </c>
      <c r="AE165" s="16">
        <v>12</v>
      </c>
    </row>
    <row r="166" spans="1:31">
      <c r="A166" s="21" t="s">
        <v>240</v>
      </c>
      <c r="B166" s="21" t="s">
        <v>237</v>
      </c>
      <c r="C166" s="21" t="s">
        <v>265</v>
      </c>
      <c r="D166" s="21" t="s">
        <v>215</v>
      </c>
      <c r="E166" s="21" t="s">
        <v>521</v>
      </c>
      <c r="F166" s="16">
        <v>7617</v>
      </c>
      <c r="G166" s="16">
        <v>7092</v>
      </c>
      <c r="H166" s="16">
        <v>5990</v>
      </c>
      <c r="I166" s="16">
        <v>578</v>
      </c>
      <c r="J166" s="16">
        <v>5211</v>
      </c>
      <c r="K166" s="16">
        <v>127</v>
      </c>
      <c r="L166" s="16">
        <v>74</v>
      </c>
      <c r="M166" s="16">
        <v>1102</v>
      </c>
      <c r="N166" s="16">
        <v>24</v>
      </c>
      <c r="O166" s="16">
        <v>54</v>
      </c>
      <c r="P166" s="16">
        <v>260</v>
      </c>
      <c r="Q166" s="16">
        <v>530</v>
      </c>
      <c r="R166" s="22" t="s">
        <v>268</v>
      </c>
      <c r="S166" s="16">
        <v>59</v>
      </c>
      <c r="T166" s="16">
        <v>4</v>
      </c>
      <c r="U166" s="16">
        <v>101</v>
      </c>
      <c r="V166" s="16">
        <v>24</v>
      </c>
      <c r="W166" s="16">
        <v>46</v>
      </c>
      <c r="X166" s="16">
        <v>68</v>
      </c>
      <c r="Y166" s="16">
        <v>457</v>
      </c>
      <c r="Z166" s="22" t="s">
        <v>268</v>
      </c>
      <c r="AA166" s="16">
        <v>978</v>
      </c>
      <c r="AB166" s="22" t="s">
        <v>268</v>
      </c>
      <c r="AC166" s="22" t="s">
        <v>268</v>
      </c>
      <c r="AD166" s="16">
        <v>10</v>
      </c>
      <c r="AE166" s="16">
        <v>13</v>
      </c>
    </row>
    <row r="167" spans="1:31">
      <c r="A167" s="21" t="s">
        <v>240</v>
      </c>
      <c r="B167" s="21" t="s">
        <v>237</v>
      </c>
      <c r="C167" s="21" t="s">
        <v>265</v>
      </c>
      <c r="D167" s="21" t="s">
        <v>215</v>
      </c>
      <c r="E167" s="21" t="s">
        <v>522</v>
      </c>
      <c r="F167" s="16">
        <v>6988</v>
      </c>
      <c r="G167" s="16">
        <v>6479</v>
      </c>
      <c r="H167" s="16">
        <v>4905</v>
      </c>
      <c r="I167" s="16">
        <v>854</v>
      </c>
      <c r="J167" s="16">
        <v>3748</v>
      </c>
      <c r="K167" s="16">
        <v>101</v>
      </c>
      <c r="L167" s="16">
        <v>202</v>
      </c>
      <c r="M167" s="16">
        <v>1574</v>
      </c>
      <c r="N167" s="16">
        <v>84</v>
      </c>
      <c r="O167" s="16">
        <v>132</v>
      </c>
      <c r="P167" s="16">
        <v>313</v>
      </c>
      <c r="Q167" s="16">
        <v>632</v>
      </c>
      <c r="R167" s="16">
        <v>7</v>
      </c>
      <c r="S167" s="16">
        <v>100</v>
      </c>
      <c r="T167" s="16">
        <v>17</v>
      </c>
      <c r="U167" s="16">
        <v>190</v>
      </c>
      <c r="V167" s="16">
        <v>22</v>
      </c>
      <c r="W167" s="16">
        <v>77</v>
      </c>
      <c r="X167" s="16">
        <v>48</v>
      </c>
      <c r="Y167" s="16">
        <v>461</v>
      </c>
      <c r="Z167" s="22" t="s">
        <v>268</v>
      </c>
      <c r="AA167" s="16">
        <v>1306</v>
      </c>
      <c r="AB167" s="22" t="s">
        <v>268</v>
      </c>
      <c r="AC167" s="22" t="s">
        <v>268</v>
      </c>
      <c r="AD167" s="16">
        <v>15</v>
      </c>
      <c r="AE167" s="16">
        <v>16</v>
      </c>
    </row>
    <row r="168" spans="1:31">
      <c r="A168" s="21" t="s">
        <v>240</v>
      </c>
      <c r="B168" s="21" t="s">
        <v>237</v>
      </c>
      <c r="C168" s="21" t="s">
        <v>265</v>
      </c>
      <c r="D168" s="21" t="s">
        <v>215</v>
      </c>
      <c r="E168" s="21" t="s">
        <v>523</v>
      </c>
      <c r="F168" s="16">
        <v>7488</v>
      </c>
      <c r="G168" s="16">
        <v>6865</v>
      </c>
      <c r="H168" s="16">
        <v>4528</v>
      </c>
      <c r="I168" s="16">
        <v>1464</v>
      </c>
      <c r="J168" s="16">
        <v>2702</v>
      </c>
      <c r="K168" s="16">
        <v>115</v>
      </c>
      <c r="L168" s="16">
        <v>247</v>
      </c>
      <c r="M168" s="16">
        <v>2337</v>
      </c>
      <c r="N168" s="16">
        <v>128</v>
      </c>
      <c r="O168" s="16">
        <v>450</v>
      </c>
      <c r="P168" s="16">
        <v>367</v>
      </c>
      <c r="Q168" s="16">
        <v>681</v>
      </c>
      <c r="R168" s="16">
        <v>21</v>
      </c>
      <c r="S168" s="16">
        <v>183</v>
      </c>
      <c r="T168" s="16">
        <v>68</v>
      </c>
      <c r="U168" s="16">
        <v>293</v>
      </c>
      <c r="V168" s="16">
        <v>40</v>
      </c>
      <c r="W168" s="16">
        <v>106</v>
      </c>
      <c r="X168" s="16">
        <v>60</v>
      </c>
      <c r="Y168" s="16">
        <v>563</v>
      </c>
      <c r="Z168" s="22" t="s">
        <v>268</v>
      </c>
      <c r="AA168" s="16">
        <v>1594</v>
      </c>
      <c r="AB168" s="22" t="s">
        <v>268</v>
      </c>
      <c r="AC168" s="22" t="s">
        <v>268</v>
      </c>
      <c r="AD168" s="16">
        <v>12</v>
      </c>
      <c r="AE168" s="16">
        <v>10</v>
      </c>
    </row>
    <row r="169" spans="1:31">
      <c r="A169" s="21" t="s">
        <v>240</v>
      </c>
      <c r="B169" s="21" t="s">
        <v>237</v>
      </c>
      <c r="C169" s="21" t="s">
        <v>265</v>
      </c>
      <c r="D169" s="21" t="s">
        <v>215</v>
      </c>
      <c r="E169" s="21" t="s">
        <v>524</v>
      </c>
      <c r="F169" s="16">
        <v>8883</v>
      </c>
      <c r="G169" s="16">
        <v>8161</v>
      </c>
      <c r="H169" s="16">
        <v>4943</v>
      </c>
      <c r="I169" s="16">
        <v>2214</v>
      </c>
      <c r="J169" s="16">
        <v>2387</v>
      </c>
      <c r="K169" s="16">
        <v>133</v>
      </c>
      <c r="L169" s="16">
        <v>209</v>
      </c>
      <c r="M169" s="16">
        <v>3218</v>
      </c>
      <c r="N169" s="16">
        <v>120</v>
      </c>
      <c r="O169" s="16">
        <v>669</v>
      </c>
      <c r="P169" s="16">
        <v>472</v>
      </c>
      <c r="Q169" s="16">
        <v>709</v>
      </c>
      <c r="R169" s="16">
        <v>65</v>
      </c>
      <c r="S169" s="16">
        <v>299</v>
      </c>
      <c r="T169" s="16">
        <v>46</v>
      </c>
      <c r="U169" s="16">
        <v>646</v>
      </c>
      <c r="V169" s="16">
        <v>95</v>
      </c>
      <c r="W169" s="16">
        <v>97</v>
      </c>
      <c r="X169" s="16">
        <v>78</v>
      </c>
      <c r="Y169" s="16">
        <v>644</v>
      </c>
      <c r="Z169" s="22" t="s">
        <v>268</v>
      </c>
      <c r="AA169" s="16">
        <v>2185</v>
      </c>
      <c r="AB169" s="22" t="s">
        <v>268</v>
      </c>
      <c r="AC169" s="22" t="s">
        <v>268</v>
      </c>
      <c r="AD169" s="16">
        <v>12</v>
      </c>
      <c r="AE169" s="16">
        <v>2</v>
      </c>
    </row>
    <row r="170" spans="1:31">
      <c r="A170" s="21" t="s">
        <v>240</v>
      </c>
      <c r="B170" s="21" t="s">
        <v>237</v>
      </c>
      <c r="C170" s="21" t="s">
        <v>265</v>
      </c>
      <c r="D170" s="21" t="s">
        <v>215</v>
      </c>
      <c r="E170" s="21" t="s">
        <v>525</v>
      </c>
      <c r="F170" s="16">
        <v>10735</v>
      </c>
      <c r="G170" s="16">
        <v>9941</v>
      </c>
      <c r="H170" s="16">
        <v>6205</v>
      </c>
      <c r="I170" s="16">
        <v>3354</v>
      </c>
      <c r="J170" s="16">
        <v>2572</v>
      </c>
      <c r="K170" s="16">
        <v>169</v>
      </c>
      <c r="L170" s="16">
        <v>110</v>
      </c>
      <c r="M170" s="16">
        <v>3736</v>
      </c>
      <c r="N170" s="16">
        <v>112</v>
      </c>
      <c r="O170" s="16">
        <v>540</v>
      </c>
      <c r="P170" s="16">
        <v>961</v>
      </c>
      <c r="Q170" s="16">
        <v>493</v>
      </c>
      <c r="R170" s="16">
        <v>92</v>
      </c>
      <c r="S170" s="16">
        <v>582</v>
      </c>
      <c r="T170" s="16">
        <v>71</v>
      </c>
      <c r="U170" s="16">
        <v>662</v>
      </c>
      <c r="V170" s="16">
        <v>126</v>
      </c>
      <c r="W170" s="16">
        <v>97</v>
      </c>
      <c r="X170" s="16">
        <v>86</v>
      </c>
      <c r="Y170" s="16">
        <v>708</v>
      </c>
      <c r="Z170" s="22" t="s">
        <v>268</v>
      </c>
      <c r="AA170" s="16">
        <v>2779</v>
      </c>
      <c r="AB170" s="16">
        <v>3060</v>
      </c>
      <c r="AC170" s="16">
        <v>708</v>
      </c>
      <c r="AD170" s="16">
        <v>11</v>
      </c>
      <c r="AE170" s="16">
        <v>1</v>
      </c>
    </row>
    <row r="171" spans="1:31">
      <c r="A171" s="21" t="s">
        <v>240</v>
      </c>
      <c r="B171" s="21" t="s">
        <v>237</v>
      </c>
      <c r="C171" s="21" t="s">
        <v>265</v>
      </c>
      <c r="D171" s="21" t="s">
        <v>215</v>
      </c>
      <c r="E171" s="21" t="s">
        <v>526</v>
      </c>
      <c r="F171" s="16">
        <v>10730</v>
      </c>
      <c r="G171" s="16">
        <v>10031</v>
      </c>
      <c r="H171" s="16">
        <v>6748</v>
      </c>
      <c r="I171" s="16">
        <v>3952</v>
      </c>
      <c r="J171" s="16">
        <v>2527</v>
      </c>
      <c r="K171" s="16">
        <v>219</v>
      </c>
      <c r="L171" s="16">
        <v>50</v>
      </c>
      <c r="M171" s="16">
        <v>3283</v>
      </c>
      <c r="N171" s="16">
        <v>132</v>
      </c>
      <c r="O171" s="16">
        <v>330</v>
      </c>
      <c r="P171" s="16">
        <v>1121</v>
      </c>
      <c r="Q171" s="16">
        <v>298</v>
      </c>
      <c r="R171" s="16">
        <v>188</v>
      </c>
      <c r="S171" s="16">
        <v>630</v>
      </c>
      <c r="T171" s="16">
        <v>60</v>
      </c>
      <c r="U171" s="16">
        <v>372</v>
      </c>
      <c r="V171" s="16">
        <v>68</v>
      </c>
      <c r="W171" s="16">
        <v>84</v>
      </c>
      <c r="X171" s="16">
        <v>104</v>
      </c>
      <c r="Y171" s="16">
        <v>595</v>
      </c>
      <c r="Z171" s="22" t="s">
        <v>268</v>
      </c>
      <c r="AA171" s="16">
        <v>2505</v>
      </c>
      <c r="AB171" s="16">
        <v>3860</v>
      </c>
      <c r="AC171" s="16">
        <v>595</v>
      </c>
      <c r="AD171" s="16">
        <v>12</v>
      </c>
      <c r="AE171" s="22" t="s">
        <v>268</v>
      </c>
    </row>
    <row r="172" spans="1:31">
      <c r="A172" s="21" t="s">
        <v>240</v>
      </c>
      <c r="B172" s="21" t="s">
        <v>237</v>
      </c>
      <c r="C172" s="21" t="s">
        <v>265</v>
      </c>
      <c r="D172" s="21" t="s">
        <v>215</v>
      </c>
      <c r="E172" s="21" t="s">
        <v>527</v>
      </c>
      <c r="F172" s="16">
        <v>7377</v>
      </c>
      <c r="G172" s="16">
        <v>6997</v>
      </c>
      <c r="H172" s="16">
        <v>4957</v>
      </c>
      <c r="I172" s="16">
        <v>2898</v>
      </c>
      <c r="J172" s="16">
        <v>1890</v>
      </c>
      <c r="K172" s="16">
        <v>169</v>
      </c>
      <c r="L172" s="22" t="s">
        <v>268</v>
      </c>
      <c r="M172" s="16">
        <v>2040</v>
      </c>
      <c r="N172" s="16">
        <v>184</v>
      </c>
      <c r="O172" s="16">
        <v>51</v>
      </c>
      <c r="P172" s="16">
        <v>867</v>
      </c>
      <c r="Q172" s="16">
        <v>113</v>
      </c>
      <c r="R172" s="16">
        <v>87</v>
      </c>
      <c r="S172" s="16">
        <v>427</v>
      </c>
      <c r="T172" s="16">
        <v>97</v>
      </c>
      <c r="U172" s="16">
        <v>140</v>
      </c>
      <c r="V172" s="16">
        <v>34</v>
      </c>
      <c r="W172" s="16">
        <v>40</v>
      </c>
      <c r="X172" s="16">
        <v>60</v>
      </c>
      <c r="Y172" s="16">
        <v>320</v>
      </c>
      <c r="Z172" s="22" t="s">
        <v>268</v>
      </c>
      <c r="AA172" s="16">
        <v>1658</v>
      </c>
      <c r="AB172" s="16">
        <v>2882</v>
      </c>
      <c r="AC172" s="16">
        <v>320</v>
      </c>
      <c r="AD172" s="16">
        <v>6</v>
      </c>
      <c r="AE172" s="16">
        <v>1</v>
      </c>
    </row>
    <row r="173" spans="1:31">
      <c r="A173" s="21" t="s">
        <v>240</v>
      </c>
      <c r="B173" s="21" t="s">
        <v>237</v>
      </c>
      <c r="C173" s="21" t="s">
        <v>265</v>
      </c>
      <c r="D173" s="21" t="s">
        <v>215</v>
      </c>
      <c r="E173" s="21" t="s">
        <v>528</v>
      </c>
      <c r="F173" s="16">
        <v>5806</v>
      </c>
      <c r="G173" s="16">
        <v>5558</v>
      </c>
      <c r="H173" s="16">
        <v>3634</v>
      </c>
      <c r="I173" s="16">
        <v>2102</v>
      </c>
      <c r="J173" s="16">
        <v>1348</v>
      </c>
      <c r="K173" s="16">
        <v>184</v>
      </c>
      <c r="L173" s="22" t="s">
        <v>268</v>
      </c>
      <c r="M173" s="16">
        <v>1924</v>
      </c>
      <c r="N173" s="16">
        <v>324</v>
      </c>
      <c r="O173" s="16">
        <v>69</v>
      </c>
      <c r="P173" s="16">
        <v>775</v>
      </c>
      <c r="Q173" s="16">
        <v>79</v>
      </c>
      <c r="R173" s="16">
        <v>67</v>
      </c>
      <c r="S173" s="16">
        <v>248</v>
      </c>
      <c r="T173" s="16">
        <v>167</v>
      </c>
      <c r="U173" s="16">
        <v>130</v>
      </c>
      <c r="V173" s="16">
        <v>12</v>
      </c>
      <c r="W173" s="16">
        <v>53</v>
      </c>
      <c r="X173" s="16">
        <v>44</v>
      </c>
      <c r="Y173" s="16">
        <v>204</v>
      </c>
      <c r="Z173" s="22" t="s">
        <v>268</v>
      </c>
      <c r="AA173" s="16">
        <v>1420</v>
      </c>
      <c r="AB173" s="16">
        <v>2100</v>
      </c>
      <c r="AC173" s="16">
        <v>204</v>
      </c>
      <c r="AD173" s="16">
        <v>3</v>
      </c>
      <c r="AE173" s="22" t="s">
        <v>268</v>
      </c>
    </row>
    <row r="174" spans="1:31">
      <c r="A174" s="21" t="s">
        <v>240</v>
      </c>
      <c r="B174" s="21" t="s">
        <v>237</v>
      </c>
      <c r="C174" s="21" t="s">
        <v>265</v>
      </c>
      <c r="D174" s="21" t="s">
        <v>215</v>
      </c>
      <c r="E174" s="21" t="s">
        <v>623</v>
      </c>
      <c r="F174" s="16">
        <v>4657</v>
      </c>
      <c r="G174" s="16">
        <v>4315</v>
      </c>
      <c r="H174" s="16">
        <v>2621</v>
      </c>
      <c r="I174" s="16">
        <v>1470</v>
      </c>
      <c r="J174" s="16">
        <v>850</v>
      </c>
      <c r="K174" s="16">
        <v>301</v>
      </c>
      <c r="L174" s="22" t="s">
        <v>268</v>
      </c>
      <c r="M174" s="16">
        <v>1694</v>
      </c>
      <c r="N174" s="16">
        <v>364</v>
      </c>
      <c r="O174" s="16">
        <v>129</v>
      </c>
      <c r="P174" s="16">
        <v>355</v>
      </c>
      <c r="Q174" s="16">
        <v>182</v>
      </c>
      <c r="R174" s="16">
        <v>52</v>
      </c>
      <c r="S174" s="16">
        <v>156</v>
      </c>
      <c r="T174" s="16">
        <v>304</v>
      </c>
      <c r="U174" s="16">
        <v>73</v>
      </c>
      <c r="V174" s="16">
        <v>7</v>
      </c>
      <c r="W174" s="16">
        <v>72</v>
      </c>
      <c r="X174" s="16">
        <v>34</v>
      </c>
      <c r="Y174" s="16">
        <v>308</v>
      </c>
      <c r="Z174" s="22" t="s">
        <v>268</v>
      </c>
      <c r="AA174" s="16">
        <v>1087</v>
      </c>
      <c r="AB174" s="16">
        <v>1470</v>
      </c>
      <c r="AC174" s="16">
        <v>308</v>
      </c>
      <c r="AD174" s="16">
        <v>3</v>
      </c>
      <c r="AE174" s="22" t="s">
        <v>268</v>
      </c>
    </row>
    <row r="175" spans="1:31">
      <c r="A175" s="21" t="s">
        <v>240</v>
      </c>
      <c r="B175" s="21" t="s">
        <v>237</v>
      </c>
      <c r="C175" s="21" t="s">
        <v>265</v>
      </c>
      <c r="D175" s="21" t="s">
        <v>215</v>
      </c>
      <c r="E175" s="21" t="s">
        <v>624</v>
      </c>
      <c r="F175" s="16">
        <v>662</v>
      </c>
      <c r="G175" s="22" t="s">
        <v>268</v>
      </c>
      <c r="H175" s="22" t="s">
        <v>268</v>
      </c>
      <c r="I175" s="22" t="s">
        <v>268</v>
      </c>
      <c r="J175" s="22" t="s">
        <v>268</v>
      </c>
      <c r="K175" s="22" t="s">
        <v>268</v>
      </c>
      <c r="L175" s="22" t="s">
        <v>268</v>
      </c>
      <c r="M175" s="22" t="s">
        <v>268</v>
      </c>
      <c r="N175" s="22" t="s">
        <v>268</v>
      </c>
      <c r="O175" s="22" t="s">
        <v>268</v>
      </c>
      <c r="P175" s="22" t="s">
        <v>268</v>
      </c>
      <c r="Q175" s="22" t="s">
        <v>268</v>
      </c>
      <c r="R175" s="22" t="s">
        <v>268</v>
      </c>
      <c r="S175" s="22" t="s">
        <v>268</v>
      </c>
      <c r="T175" s="22" t="s">
        <v>268</v>
      </c>
      <c r="U175" s="22" t="s">
        <v>268</v>
      </c>
      <c r="V175" s="22" t="s">
        <v>268</v>
      </c>
      <c r="W175" s="22" t="s">
        <v>268</v>
      </c>
      <c r="X175" s="22" t="s">
        <v>268</v>
      </c>
      <c r="Y175" s="16">
        <v>507</v>
      </c>
      <c r="Z175" s="16">
        <v>155</v>
      </c>
      <c r="AA175" s="22" t="s">
        <v>268</v>
      </c>
      <c r="AB175" s="22" t="s">
        <v>268</v>
      </c>
      <c r="AC175" s="22" t="s">
        <v>268</v>
      </c>
      <c r="AD175" s="22" t="s">
        <v>268</v>
      </c>
      <c r="AE175" s="16">
        <v>21</v>
      </c>
    </row>
    <row r="176" spans="1:31">
      <c r="A176" s="21" t="s">
        <v>240</v>
      </c>
      <c r="B176" s="21" t="s">
        <v>237</v>
      </c>
      <c r="C176" s="21" t="s">
        <v>265</v>
      </c>
      <c r="D176" s="21" t="s">
        <v>215</v>
      </c>
      <c r="E176" s="21" t="s">
        <v>461</v>
      </c>
      <c r="F176" s="16">
        <v>52483</v>
      </c>
      <c r="G176" s="16">
        <v>47840</v>
      </c>
      <c r="H176" s="16">
        <v>37825</v>
      </c>
      <c r="I176" s="16">
        <v>6472</v>
      </c>
      <c r="J176" s="16">
        <v>29779</v>
      </c>
      <c r="K176" s="16">
        <v>672</v>
      </c>
      <c r="L176" s="16">
        <v>902</v>
      </c>
      <c r="M176" s="16">
        <v>10015</v>
      </c>
      <c r="N176" s="16">
        <v>368</v>
      </c>
      <c r="O176" s="16">
        <v>1377</v>
      </c>
      <c r="P176" s="16">
        <v>1764</v>
      </c>
      <c r="Q176" s="16">
        <v>3327</v>
      </c>
      <c r="R176" s="16">
        <v>102</v>
      </c>
      <c r="S176" s="16">
        <v>806</v>
      </c>
      <c r="T176" s="16">
        <v>150</v>
      </c>
      <c r="U176" s="16">
        <v>1492</v>
      </c>
      <c r="V176" s="16">
        <v>218</v>
      </c>
      <c r="W176" s="16">
        <v>411</v>
      </c>
      <c r="X176" s="16">
        <v>491</v>
      </c>
      <c r="Y176" s="16">
        <v>4152</v>
      </c>
      <c r="Z176" s="22" t="s">
        <v>268</v>
      </c>
      <c r="AA176" s="16">
        <v>7621</v>
      </c>
      <c r="AB176" s="22" t="s">
        <v>268</v>
      </c>
      <c r="AC176" s="22" t="s">
        <v>268</v>
      </c>
      <c r="AD176" s="16">
        <v>159</v>
      </c>
      <c r="AE176" s="16">
        <v>296</v>
      </c>
    </row>
    <row r="177" spans="1:31">
      <c r="A177" s="21" t="s">
        <v>240</v>
      </c>
      <c r="B177" s="21" t="s">
        <v>237</v>
      </c>
      <c r="C177" s="21" t="s">
        <v>265</v>
      </c>
      <c r="D177" s="21" t="s">
        <v>215</v>
      </c>
      <c r="E177" s="21" t="s">
        <v>462</v>
      </c>
      <c r="F177" s="16">
        <v>39305</v>
      </c>
      <c r="G177" s="16">
        <v>36842</v>
      </c>
      <c r="H177" s="16">
        <v>24165</v>
      </c>
      <c r="I177" s="16">
        <v>13776</v>
      </c>
      <c r="J177" s="16">
        <v>9187</v>
      </c>
      <c r="K177" s="16">
        <v>1042</v>
      </c>
      <c r="L177" s="16">
        <v>160</v>
      </c>
      <c r="M177" s="16">
        <v>12677</v>
      </c>
      <c r="N177" s="16">
        <v>1116</v>
      </c>
      <c r="O177" s="16">
        <v>1119</v>
      </c>
      <c r="P177" s="16">
        <v>4079</v>
      </c>
      <c r="Q177" s="16">
        <v>1165</v>
      </c>
      <c r="R177" s="16">
        <v>486</v>
      </c>
      <c r="S177" s="16">
        <v>2043</v>
      </c>
      <c r="T177" s="16">
        <v>699</v>
      </c>
      <c r="U177" s="16">
        <v>1377</v>
      </c>
      <c r="V177" s="16">
        <v>247</v>
      </c>
      <c r="W177" s="16">
        <v>346</v>
      </c>
      <c r="X177" s="16">
        <v>328</v>
      </c>
      <c r="Y177" s="16">
        <v>2135</v>
      </c>
      <c r="Z177" s="22" t="s">
        <v>268</v>
      </c>
      <c r="AA177" s="16">
        <v>9449</v>
      </c>
      <c r="AB177" s="16">
        <v>13372</v>
      </c>
      <c r="AC177" s="16">
        <v>2135</v>
      </c>
      <c r="AD177" s="16">
        <v>35</v>
      </c>
      <c r="AE177" s="16">
        <v>2</v>
      </c>
    </row>
    <row r="178" spans="1:31">
      <c r="A178" s="21" t="s">
        <v>240</v>
      </c>
      <c r="B178" s="21" t="s">
        <v>237</v>
      </c>
      <c r="C178" s="21" t="s">
        <v>265</v>
      </c>
      <c r="D178" s="21" t="s">
        <v>215</v>
      </c>
      <c r="E178" s="21" t="s">
        <v>463</v>
      </c>
      <c r="F178" s="16">
        <v>17840</v>
      </c>
      <c r="G178" s="16">
        <v>16870</v>
      </c>
      <c r="H178" s="16">
        <v>11212</v>
      </c>
      <c r="I178" s="16">
        <v>6470</v>
      </c>
      <c r="J178" s="16">
        <v>4088</v>
      </c>
      <c r="K178" s="16">
        <v>654</v>
      </c>
      <c r="L178" s="22" t="s">
        <v>268</v>
      </c>
      <c r="M178" s="16">
        <v>5658</v>
      </c>
      <c r="N178" s="16">
        <v>872</v>
      </c>
      <c r="O178" s="16">
        <v>249</v>
      </c>
      <c r="P178" s="16">
        <v>1997</v>
      </c>
      <c r="Q178" s="16">
        <v>374</v>
      </c>
      <c r="R178" s="16">
        <v>206</v>
      </c>
      <c r="S178" s="16">
        <v>831</v>
      </c>
      <c r="T178" s="16">
        <v>568</v>
      </c>
      <c r="U178" s="16">
        <v>343</v>
      </c>
      <c r="V178" s="16">
        <v>53</v>
      </c>
      <c r="W178" s="16">
        <v>165</v>
      </c>
      <c r="X178" s="16">
        <v>138</v>
      </c>
      <c r="Y178" s="16">
        <v>832</v>
      </c>
      <c r="Z178" s="22" t="s">
        <v>268</v>
      </c>
      <c r="AA178" s="16">
        <v>4165</v>
      </c>
      <c r="AB178" s="16">
        <v>6452</v>
      </c>
      <c r="AC178" s="16">
        <v>832</v>
      </c>
      <c r="AD178" s="16">
        <v>12</v>
      </c>
      <c r="AE178" s="16">
        <v>1</v>
      </c>
    </row>
    <row r="179" spans="1:31">
      <c r="A179" s="21" t="s">
        <v>240</v>
      </c>
      <c r="B179" s="21" t="s">
        <v>237</v>
      </c>
      <c r="C179" s="21" t="s">
        <v>265</v>
      </c>
      <c r="D179" s="21" t="s">
        <v>216</v>
      </c>
      <c r="E179" s="21" t="s">
        <v>401</v>
      </c>
      <c r="F179" s="16">
        <v>25377</v>
      </c>
      <c r="G179" s="16">
        <v>16043</v>
      </c>
      <c r="H179" s="16">
        <v>10309</v>
      </c>
      <c r="I179" s="16">
        <v>242</v>
      </c>
      <c r="J179" s="16">
        <v>544</v>
      </c>
      <c r="K179" s="16">
        <v>22</v>
      </c>
      <c r="L179" s="16">
        <v>9501</v>
      </c>
      <c r="M179" s="16">
        <v>5734</v>
      </c>
      <c r="N179" s="16">
        <v>16</v>
      </c>
      <c r="O179" s="16">
        <v>639</v>
      </c>
      <c r="P179" s="16">
        <v>20</v>
      </c>
      <c r="Q179" s="16">
        <v>1579</v>
      </c>
      <c r="R179" s="16">
        <v>49</v>
      </c>
      <c r="S179" s="16">
        <v>152</v>
      </c>
      <c r="T179" s="16">
        <v>472</v>
      </c>
      <c r="U179" s="16">
        <v>402</v>
      </c>
      <c r="V179" s="16">
        <v>321</v>
      </c>
      <c r="W179" s="16">
        <v>2084</v>
      </c>
      <c r="X179" s="16">
        <v>298</v>
      </c>
      <c r="Y179" s="16">
        <v>8997</v>
      </c>
      <c r="Z179" s="16">
        <v>39</v>
      </c>
      <c r="AA179" s="16">
        <v>4300</v>
      </c>
      <c r="AB179" s="16">
        <v>104</v>
      </c>
      <c r="AC179" s="16">
        <v>4604</v>
      </c>
      <c r="AD179" s="16">
        <v>455</v>
      </c>
      <c r="AE179" s="16">
        <v>594</v>
      </c>
    </row>
    <row r="180" spans="1:31">
      <c r="A180" s="21" t="s">
        <v>240</v>
      </c>
      <c r="B180" s="21" t="s">
        <v>237</v>
      </c>
      <c r="C180" s="21" t="s">
        <v>265</v>
      </c>
      <c r="D180" s="21" t="s">
        <v>216</v>
      </c>
      <c r="E180" s="21" t="s">
        <v>514</v>
      </c>
      <c r="F180" s="22" t="s">
        <v>268</v>
      </c>
      <c r="G180" s="22" t="s">
        <v>268</v>
      </c>
      <c r="H180" s="22" t="s">
        <v>268</v>
      </c>
      <c r="I180" s="22" t="s">
        <v>268</v>
      </c>
      <c r="J180" s="22" t="s">
        <v>268</v>
      </c>
      <c r="K180" s="22" t="s">
        <v>268</v>
      </c>
      <c r="L180" s="22" t="s">
        <v>268</v>
      </c>
      <c r="M180" s="22" t="s">
        <v>268</v>
      </c>
      <c r="N180" s="22" t="s">
        <v>268</v>
      </c>
      <c r="O180" s="22" t="s">
        <v>268</v>
      </c>
      <c r="P180" s="22" t="s">
        <v>268</v>
      </c>
      <c r="Q180" s="22" t="s">
        <v>268</v>
      </c>
      <c r="R180" s="22" t="s">
        <v>268</v>
      </c>
      <c r="S180" s="22" t="s">
        <v>268</v>
      </c>
      <c r="T180" s="22" t="s">
        <v>268</v>
      </c>
      <c r="U180" s="22" t="s">
        <v>268</v>
      </c>
      <c r="V180" s="22" t="s">
        <v>268</v>
      </c>
      <c r="W180" s="22" t="s">
        <v>268</v>
      </c>
      <c r="X180" s="22" t="s">
        <v>268</v>
      </c>
      <c r="Y180" s="22" t="s">
        <v>268</v>
      </c>
      <c r="Z180" s="22" t="s">
        <v>268</v>
      </c>
      <c r="AA180" s="22" t="s">
        <v>268</v>
      </c>
      <c r="AB180" s="22" t="s">
        <v>268</v>
      </c>
      <c r="AC180" s="22" t="s">
        <v>268</v>
      </c>
      <c r="AD180" s="22" t="s">
        <v>268</v>
      </c>
      <c r="AE180" s="22" t="s">
        <v>268</v>
      </c>
    </row>
    <row r="181" spans="1:31">
      <c r="A181" s="21" t="s">
        <v>240</v>
      </c>
      <c r="B181" s="21" t="s">
        <v>237</v>
      </c>
      <c r="C181" s="21" t="s">
        <v>265</v>
      </c>
      <c r="D181" s="21" t="s">
        <v>216</v>
      </c>
      <c r="E181" s="21" t="s">
        <v>515</v>
      </c>
      <c r="F181" s="16">
        <v>54</v>
      </c>
      <c r="G181" s="16">
        <v>6</v>
      </c>
      <c r="H181" s="16">
        <v>6</v>
      </c>
      <c r="I181" s="22" t="s">
        <v>268</v>
      </c>
      <c r="J181" s="22" t="s">
        <v>268</v>
      </c>
      <c r="K181" s="16">
        <v>2</v>
      </c>
      <c r="L181" s="16">
        <v>4</v>
      </c>
      <c r="M181" s="22" t="s">
        <v>268</v>
      </c>
      <c r="N181" s="22" t="s">
        <v>268</v>
      </c>
      <c r="O181" s="22" t="s">
        <v>268</v>
      </c>
      <c r="P181" s="22" t="s">
        <v>268</v>
      </c>
      <c r="Q181" s="22" t="s">
        <v>268</v>
      </c>
      <c r="R181" s="22" t="s">
        <v>268</v>
      </c>
      <c r="S181" s="22" t="s">
        <v>268</v>
      </c>
      <c r="T181" s="22" t="s">
        <v>268</v>
      </c>
      <c r="U181" s="22" t="s">
        <v>268</v>
      </c>
      <c r="V181" s="22" t="s">
        <v>268</v>
      </c>
      <c r="W181" s="22" t="s">
        <v>268</v>
      </c>
      <c r="X181" s="16">
        <v>2</v>
      </c>
      <c r="Y181" s="16">
        <v>46</v>
      </c>
      <c r="Z181" s="22" t="s">
        <v>268</v>
      </c>
      <c r="AA181" s="22" t="s">
        <v>268</v>
      </c>
      <c r="AB181" s="22" t="s">
        <v>268</v>
      </c>
      <c r="AC181" s="22" t="s">
        <v>268</v>
      </c>
      <c r="AD181" s="16">
        <v>7</v>
      </c>
      <c r="AE181" s="16">
        <v>14</v>
      </c>
    </row>
    <row r="182" spans="1:31">
      <c r="A182" s="21" t="s">
        <v>240</v>
      </c>
      <c r="B182" s="21" t="s">
        <v>237</v>
      </c>
      <c r="C182" s="21" t="s">
        <v>265</v>
      </c>
      <c r="D182" s="21" t="s">
        <v>216</v>
      </c>
      <c r="E182" s="21" t="s">
        <v>516</v>
      </c>
      <c r="F182" s="16">
        <v>709</v>
      </c>
      <c r="G182" s="16">
        <v>78</v>
      </c>
      <c r="H182" s="16">
        <v>67</v>
      </c>
      <c r="I182" s="16">
        <v>10</v>
      </c>
      <c r="J182" s="16">
        <v>3</v>
      </c>
      <c r="K182" s="22" t="s">
        <v>268</v>
      </c>
      <c r="L182" s="16">
        <v>54</v>
      </c>
      <c r="M182" s="16">
        <v>11</v>
      </c>
      <c r="N182" s="22" t="s">
        <v>268</v>
      </c>
      <c r="O182" s="22" t="s">
        <v>268</v>
      </c>
      <c r="P182" s="22" t="s">
        <v>268</v>
      </c>
      <c r="Q182" s="22" t="s">
        <v>268</v>
      </c>
      <c r="R182" s="22" t="s">
        <v>268</v>
      </c>
      <c r="S182" s="22" t="s">
        <v>268</v>
      </c>
      <c r="T182" s="22" t="s">
        <v>268</v>
      </c>
      <c r="U182" s="22" t="s">
        <v>268</v>
      </c>
      <c r="V182" s="16">
        <v>6</v>
      </c>
      <c r="W182" s="16">
        <v>5</v>
      </c>
      <c r="X182" s="16">
        <v>17</v>
      </c>
      <c r="Y182" s="16">
        <v>614</v>
      </c>
      <c r="Z182" s="22" t="s">
        <v>268</v>
      </c>
      <c r="AA182" s="22" t="s">
        <v>268</v>
      </c>
      <c r="AB182" s="22" t="s">
        <v>268</v>
      </c>
      <c r="AC182" s="22" t="s">
        <v>268</v>
      </c>
      <c r="AD182" s="16">
        <v>129</v>
      </c>
      <c r="AE182" s="16">
        <v>204</v>
      </c>
    </row>
    <row r="183" spans="1:31">
      <c r="A183" s="21" t="s">
        <v>240</v>
      </c>
      <c r="B183" s="21" t="s">
        <v>237</v>
      </c>
      <c r="C183" s="21" t="s">
        <v>265</v>
      </c>
      <c r="D183" s="21" t="s">
        <v>216</v>
      </c>
      <c r="E183" s="21" t="s">
        <v>517</v>
      </c>
      <c r="F183" s="16">
        <v>988</v>
      </c>
      <c r="G183" s="16">
        <v>286</v>
      </c>
      <c r="H183" s="16">
        <v>251</v>
      </c>
      <c r="I183" s="16">
        <v>12</v>
      </c>
      <c r="J183" s="16">
        <v>31</v>
      </c>
      <c r="K183" s="22" t="s">
        <v>268</v>
      </c>
      <c r="L183" s="16">
        <v>208</v>
      </c>
      <c r="M183" s="16">
        <v>35</v>
      </c>
      <c r="N183" s="22" t="s">
        <v>268</v>
      </c>
      <c r="O183" s="22" t="s">
        <v>268</v>
      </c>
      <c r="P183" s="22" t="s">
        <v>268</v>
      </c>
      <c r="Q183" s="16">
        <v>8</v>
      </c>
      <c r="R183" s="22" t="s">
        <v>268</v>
      </c>
      <c r="S183" s="16">
        <v>5</v>
      </c>
      <c r="T183" s="22" t="s">
        <v>268</v>
      </c>
      <c r="U183" s="22" t="s">
        <v>268</v>
      </c>
      <c r="V183" s="16">
        <v>14</v>
      </c>
      <c r="W183" s="16">
        <v>8</v>
      </c>
      <c r="X183" s="16">
        <v>22</v>
      </c>
      <c r="Y183" s="16">
        <v>680</v>
      </c>
      <c r="Z183" s="22" t="s">
        <v>268</v>
      </c>
      <c r="AA183" s="16">
        <v>21</v>
      </c>
      <c r="AB183" s="22" t="s">
        <v>268</v>
      </c>
      <c r="AC183" s="22" t="s">
        <v>268</v>
      </c>
      <c r="AD183" s="16">
        <v>110</v>
      </c>
      <c r="AE183" s="16">
        <v>175</v>
      </c>
    </row>
    <row r="184" spans="1:31">
      <c r="A184" s="21" t="s">
        <v>240</v>
      </c>
      <c r="B184" s="21" t="s">
        <v>237</v>
      </c>
      <c r="C184" s="21" t="s">
        <v>265</v>
      </c>
      <c r="D184" s="21" t="s">
        <v>216</v>
      </c>
      <c r="E184" s="21" t="s">
        <v>518</v>
      </c>
      <c r="F184" s="16">
        <v>1084</v>
      </c>
      <c r="G184" s="16">
        <v>660</v>
      </c>
      <c r="H184" s="16">
        <v>597</v>
      </c>
      <c r="I184" s="16">
        <v>14</v>
      </c>
      <c r="J184" s="16">
        <v>80</v>
      </c>
      <c r="K184" s="22" t="s">
        <v>268</v>
      </c>
      <c r="L184" s="16">
        <v>503</v>
      </c>
      <c r="M184" s="16">
        <v>63</v>
      </c>
      <c r="N184" s="22" t="s">
        <v>268</v>
      </c>
      <c r="O184" s="22" t="s">
        <v>268</v>
      </c>
      <c r="P184" s="22" t="s">
        <v>268</v>
      </c>
      <c r="Q184" s="22" t="s">
        <v>268</v>
      </c>
      <c r="R184" s="22" t="s">
        <v>268</v>
      </c>
      <c r="S184" s="22" t="s">
        <v>268</v>
      </c>
      <c r="T184" s="22" t="s">
        <v>268</v>
      </c>
      <c r="U184" s="16">
        <v>6</v>
      </c>
      <c r="V184" s="16">
        <v>9</v>
      </c>
      <c r="W184" s="16">
        <v>48</v>
      </c>
      <c r="X184" s="16">
        <v>15</v>
      </c>
      <c r="Y184" s="16">
        <v>409</v>
      </c>
      <c r="Z184" s="22" t="s">
        <v>268</v>
      </c>
      <c r="AA184" s="16">
        <v>47</v>
      </c>
      <c r="AB184" s="22" t="s">
        <v>268</v>
      </c>
      <c r="AC184" s="22" t="s">
        <v>268</v>
      </c>
      <c r="AD184" s="16">
        <v>62</v>
      </c>
      <c r="AE184" s="16">
        <v>102</v>
      </c>
    </row>
    <row r="185" spans="1:31">
      <c r="A185" s="21" t="s">
        <v>240</v>
      </c>
      <c r="B185" s="21" t="s">
        <v>237</v>
      </c>
      <c r="C185" s="21" t="s">
        <v>265</v>
      </c>
      <c r="D185" s="21" t="s">
        <v>216</v>
      </c>
      <c r="E185" s="21" t="s">
        <v>519</v>
      </c>
      <c r="F185" s="16">
        <v>1380</v>
      </c>
      <c r="G185" s="16">
        <v>1075</v>
      </c>
      <c r="H185" s="16">
        <v>935</v>
      </c>
      <c r="I185" s="16">
        <v>14</v>
      </c>
      <c r="J185" s="16">
        <v>119</v>
      </c>
      <c r="K185" s="22" t="s">
        <v>268</v>
      </c>
      <c r="L185" s="16">
        <v>802</v>
      </c>
      <c r="M185" s="16">
        <v>140</v>
      </c>
      <c r="N185" s="22" t="s">
        <v>268</v>
      </c>
      <c r="O185" s="16">
        <v>3</v>
      </c>
      <c r="P185" s="22" t="s">
        <v>268</v>
      </c>
      <c r="Q185" s="16">
        <v>22</v>
      </c>
      <c r="R185" s="22" t="s">
        <v>268</v>
      </c>
      <c r="S185" s="16">
        <v>14</v>
      </c>
      <c r="T185" s="22" t="s">
        <v>268</v>
      </c>
      <c r="U185" s="22" t="s">
        <v>268</v>
      </c>
      <c r="V185" s="16">
        <v>14</v>
      </c>
      <c r="W185" s="16">
        <v>87</v>
      </c>
      <c r="X185" s="16">
        <v>20</v>
      </c>
      <c r="Y185" s="16">
        <v>285</v>
      </c>
      <c r="Z185" s="22" t="s">
        <v>268</v>
      </c>
      <c r="AA185" s="16">
        <v>118</v>
      </c>
      <c r="AB185" s="22" t="s">
        <v>268</v>
      </c>
      <c r="AC185" s="22" t="s">
        <v>268</v>
      </c>
      <c r="AD185" s="16">
        <v>15</v>
      </c>
      <c r="AE185" s="16">
        <v>57</v>
      </c>
    </row>
    <row r="186" spans="1:31">
      <c r="A186" s="21" t="s">
        <v>240</v>
      </c>
      <c r="B186" s="21" t="s">
        <v>237</v>
      </c>
      <c r="C186" s="21" t="s">
        <v>265</v>
      </c>
      <c r="D186" s="21" t="s">
        <v>216</v>
      </c>
      <c r="E186" s="21" t="s">
        <v>520</v>
      </c>
      <c r="F186" s="16">
        <v>1492</v>
      </c>
      <c r="G186" s="16">
        <v>1261</v>
      </c>
      <c r="H186" s="16">
        <v>1073</v>
      </c>
      <c r="I186" s="16">
        <v>6</v>
      </c>
      <c r="J186" s="16">
        <v>114</v>
      </c>
      <c r="K186" s="16">
        <v>2</v>
      </c>
      <c r="L186" s="16">
        <v>951</v>
      </c>
      <c r="M186" s="16">
        <v>188</v>
      </c>
      <c r="N186" s="22" t="s">
        <v>268</v>
      </c>
      <c r="O186" s="22" t="s">
        <v>268</v>
      </c>
      <c r="P186" s="22" t="s">
        <v>268</v>
      </c>
      <c r="Q186" s="16">
        <v>4</v>
      </c>
      <c r="R186" s="16">
        <v>3</v>
      </c>
      <c r="S186" s="16">
        <v>34</v>
      </c>
      <c r="T186" s="22" t="s">
        <v>268</v>
      </c>
      <c r="U186" s="16">
        <v>18</v>
      </c>
      <c r="V186" s="16">
        <v>8</v>
      </c>
      <c r="W186" s="16">
        <v>121</v>
      </c>
      <c r="X186" s="16">
        <v>26</v>
      </c>
      <c r="Y186" s="16">
        <v>205</v>
      </c>
      <c r="Z186" s="22" t="s">
        <v>268</v>
      </c>
      <c r="AA186" s="16">
        <v>144</v>
      </c>
      <c r="AB186" s="22" t="s">
        <v>268</v>
      </c>
      <c r="AC186" s="22" t="s">
        <v>268</v>
      </c>
      <c r="AD186" s="16">
        <v>14</v>
      </c>
      <c r="AE186" s="16">
        <v>21</v>
      </c>
    </row>
    <row r="187" spans="1:31">
      <c r="A187" s="21" t="s">
        <v>240</v>
      </c>
      <c r="B187" s="21" t="s">
        <v>237</v>
      </c>
      <c r="C187" s="21" t="s">
        <v>265</v>
      </c>
      <c r="D187" s="21" t="s">
        <v>216</v>
      </c>
      <c r="E187" s="21" t="s">
        <v>521</v>
      </c>
      <c r="F187" s="16">
        <v>1652</v>
      </c>
      <c r="G187" s="16">
        <v>1325</v>
      </c>
      <c r="H187" s="16">
        <v>1142</v>
      </c>
      <c r="I187" s="16">
        <v>12</v>
      </c>
      <c r="J187" s="16">
        <v>82</v>
      </c>
      <c r="K187" s="16">
        <v>4</v>
      </c>
      <c r="L187" s="16">
        <v>1044</v>
      </c>
      <c r="M187" s="16">
        <v>183</v>
      </c>
      <c r="N187" s="22" t="s">
        <v>268</v>
      </c>
      <c r="O187" s="22" t="s">
        <v>268</v>
      </c>
      <c r="P187" s="22" t="s">
        <v>268</v>
      </c>
      <c r="Q187" s="16">
        <v>8</v>
      </c>
      <c r="R187" s="22" t="s">
        <v>268</v>
      </c>
      <c r="S187" s="16">
        <v>43</v>
      </c>
      <c r="T187" s="22" t="s">
        <v>268</v>
      </c>
      <c r="U187" s="16">
        <v>18</v>
      </c>
      <c r="V187" s="16">
        <v>8</v>
      </c>
      <c r="W187" s="16">
        <v>106</v>
      </c>
      <c r="X187" s="16">
        <v>22</v>
      </c>
      <c r="Y187" s="16">
        <v>305</v>
      </c>
      <c r="Z187" s="22" t="s">
        <v>268</v>
      </c>
      <c r="AA187" s="16">
        <v>157</v>
      </c>
      <c r="AB187" s="22" t="s">
        <v>268</v>
      </c>
      <c r="AC187" s="22" t="s">
        <v>268</v>
      </c>
      <c r="AD187" s="16">
        <v>19</v>
      </c>
      <c r="AE187" s="16">
        <v>15</v>
      </c>
    </row>
    <row r="188" spans="1:31">
      <c r="A188" s="21" t="s">
        <v>240</v>
      </c>
      <c r="B188" s="21" t="s">
        <v>237</v>
      </c>
      <c r="C188" s="21" t="s">
        <v>265</v>
      </c>
      <c r="D188" s="21" t="s">
        <v>216</v>
      </c>
      <c r="E188" s="21" t="s">
        <v>522</v>
      </c>
      <c r="F188" s="16">
        <v>1407</v>
      </c>
      <c r="G188" s="16">
        <v>1034</v>
      </c>
      <c r="H188" s="16">
        <v>789</v>
      </c>
      <c r="I188" s="16">
        <v>30</v>
      </c>
      <c r="J188" s="16">
        <v>28</v>
      </c>
      <c r="K188" s="16">
        <v>2</v>
      </c>
      <c r="L188" s="16">
        <v>729</v>
      </c>
      <c r="M188" s="16">
        <v>245</v>
      </c>
      <c r="N188" s="16">
        <v>4</v>
      </c>
      <c r="O188" s="16">
        <v>6</v>
      </c>
      <c r="P188" s="22" t="s">
        <v>268</v>
      </c>
      <c r="Q188" s="16">
        <v>25</v>
      </c>
      <c r="R188" s="22" t="s">
        <v>268</v>
      </c>
      <c r="S188" s="16">
        <v>26</v>
      </c>
      <c r="T188" s="22" t="s">
        <v>268</v>
      </c>
      <c r="U188" s="16">
        <v>24</v>
      </c>
      <c r="V188" s="16">
        <v>31</v>
      </c>
      <c r="W188" s="16">
        <v>129</v>
      </c>
      <c r="X188" s="16">
        <v>26</v>
      </c>
      <c r="Y188" s="16">
        <v>347</v>
      </c>
      <c r="Z188" s="22" t="s">
        <v>268</v>
      </c>
      <c r="AA188" s="16">
        <v>174</v>
      </c>
      <c r="AB188" s="22" t="s">
        <v>268</v>
      </c>
      <c r="AC188" s="22" t="s">
        <v>268</v>
      </c>
      <c r="AD188" s="16">
        <v>8</v>
      </c>
      <c r="AE188" s="16">
        <v>1</v>
      </c>
    </row>
    <row r="189" spans="1:31">
      <c r="A189" s="21" t="s">
        <v>240</v>
      </c>
      <c r="B189" s="21" t="s">
        <v>237</v>
      </c>
      <c r="C189" s="21" t="s">
        <v>265</v>
      </c>
      <c r="D189" s="21" t="s">
        <v>216</v>
      </c>
      <c r="E189" s="21" t="s">
        <v>523</v>
      </c>
      <c r="F189" s="16">
        <v>1479</v>
      </c>
      <c r="G189" s="16">
        <v>996</v>
      </c>
      <c r="H189" s="16">
        <v>652</v>
      </c>
      <c r="I189" s="16">
        <v>34</v>
      </c>
      <c r="J189" s="16">
        <v>24</v>
      </c>
      <c r="K189" s="16">
        <v>6</v>
      </c>
      <c r="L189" s="16">
        <v>588</v>
      </c>
      <c r="M189" s="16">
        <v>344</v>
      </c>
      <c r="N189" s="22" t="s">
        <v>268</v>
      </c>
      <c r="O189" s="16">
        <v>9</v>
      </c>
      <c r="P189" s="16">
        <v>7</v>
      </c>
      <c r="Q189" s="16">
        <v>34</v>
      </c>
      <c r="R189" s="22" t="s">
        <v>268</v>
      </c>
      <c r="S189" s="16">
        <v>18</v>
      </c>
      <c r="T189" s="16">
        <v>5</v>
      </c>
      <c r="U189" s="16">
        <v>34</v>
      </c>
      <c r="V189" s="16">
        <v>26</v>
      </c>
      <c r="W189" s="16">
        <v>211</v>
      </c>
      <c r="X189" s="16">
        <v>32</v>
      </c>
      <c r="Y189" s="16">
        <v>451</v>
      </c>
      <c r="Z189" s="22" t="s">
        <v>268</v>
      </c>
      <c r="AA189" s="16">
        <v>293</v>
      </c>
      <c r="AB189" s="22" t="s">
        <v>268</v>
      </c>
      <c r="AC189" s="22" t="s">
        <v>268</v>
      </c>
      <c r="AD189" s="16">
        <v>16</v>
      </c>
      <c r="AE189" s="16">
        <v>1</v>
      </c>
    </row>
    <row r="190" spans="1:31">
      <c r="A190" s="21" t="s">
        <v>240</v>
      </c>
      <c r="B190" s="21" t="s">
        <v>237</v>
      </c>
      <c r="C190" s="21" t="s">
        <v>265</v>
      </c>
      <c r="D190" s="21" t="s">
        <v>216</v>
      </c>
      <c r="E190" s="21" t="s">
        <v>524</v>
      </c>
      <c r="F190" s="16">
        <v>1564</v>
      </c>
      <c r="G190" s="16">
        <v>986</v>
      </c>
      <c r="H190" s="16">
        <v>589</v>
      </c>
      <c r="I190" s="16">
        <v>18</v>
      </c>
      <c r="J190" s="16">
        <v>19</v>
      </c>
      <c r="K190" s="16">
        <v>2</v>
      </c>
      <c r="L190" s="16">
        <v>550</v>
      </c>
      <c r="M190" s="16">
        <v>397</v>
      </c>
      <c r="N190" s="22" t="s">
        <v>268</v>
      </c>
      <c r="O190" s="16">
        <v>9</v>
      </c>
      <c r="P190" s="22" t="s">
        <v>268</v>
      </c>
      <c r="Q190" s="16">
        <v>78</v>
      </c>
      <c r="R190" s="22" t="s">
        <v>268</v>
      </c>
      <c r="S190" s="16">
        <v>4</v>
      </c>
      <c r="T190" s="16">
        <v>4</v>
      </c>
      <c r="U190" s="16">
        <v>71</v>
      </c>
      <c r="V190" s="16">
        <v>32</v>
      </c>
      <c r="W190" s="16">
        <v>199</v>
      </c>
      <c r="X190" s="16">
        <v>23</v>
      </c>
      <c r="Y190" s="16">
        <v>555</v>
      </c>
      <c r="Z190" s="22" t="s">
        <v>268</v>
      </c>
      <c r="AA190" s="16">
        <v>323</v>
      </c>
      <c r="AB190" s="16">
        <v>18</v>
      </c>
      <c r="AC190" s="22" t="s">
        <v>268</v>
      </c>
      <c r="AD190" s="16">
        <v>4</v>
      </c>
      <c r="AE190" s="22" t="s">
        <v>268</v>
      </c>
    </row>
    <row r="191" spans="1:31">
      <c r="A191" s="21" t="s">
        <v>240</v>
      </c>
      <c r="B191" s="21" t="s">
        <v>237</v>
      </c>
      <c r="C191" s="21" t="s">
        <v>265</v>
      </c>
      <c r="D191" s="21" t="s">
        <v>216</v>
      </c>
      <c r="E191" s="21" t="s">
        <v>525</v>
      </c>
      <c r="F191" s="16">
        <v>1913</v>
      </c>
      <c r="G191" s="16">
        <v>1164</v>
      </c>
      <c r="H191" s="16">
        <v>651</v>
      </c>
      <c r="I191" s="16">
        <v>28</v>
      </c>
      <c r="J191" s="16">
        <v>24</v>
      </c>
      <c r="K191" s="16">
        <v>2</v>
      </c>
      <c r="L191" s="16">
        <v>597</v>
      </c>
      <c r="M191" s="16">
        <v>513</v>
      </c>
      <c r="N191" s="22" t="s">
        <v>268</v>
      </c>
      <c r="O191" s="16">
        <v>12</v>
      </c>
      <c r="P191" s="22" t="s">
        <v>268</v>
      </c>
      <c r="Q191" s="16">
        <v>146</v>
      </c>
      <c r="R191" s="16">
        <v>13</v>
      </c>
      <c r="S191" s="22" t="s">
        <v>268</v>
      </c>
      <c r="T191" s="16">
        <v>4</v>
      </c>
      <c r="U191" s="16">
        <v>47</v>
      </c>
      <c r="V191" s="16">
        <v>41</v>
      </c>
      <c r="W191" s="16">
        <v>250</v>
      </c>
      <c r="X191" s="16">
        <v>24</v>
      </c>
      <c r="Y191" s="16">
        <v>725</v>
      </c>
      <c r="Z191" s="22" t="s">
        <v>268</v>
      </c>
      <c r="AA191" s="16">
        <v>407</v>
      </c>
      <c r="AB191" s="16">
        <v>22</v>
      </c>
      <c r="AC191" s="16">
        <v>725</v>
      </c>
      <c r="AD191" s="16">
        <v>17</v>
      </c>
      <c r="AE191" s="22" t="s">
        <v>268</v>
      </c>
    </row>
    <row r="192" spans="1:31">
      <c r="A192" s="21" t="s">
        <v>240</v>
      </c>
      <c r="B192" s="21" t="s">
        <v>237</v>
      </c>
      <c r="C192" s="21" t="s">
        <v>265</v>
      </c>
      <c r="D192" s="21" t="s">
        <v>216</v>
      </c>
      <c r="E192" s="21" t="s">
        <v>526</v>
      </c>
      <c r="F192" s="16">
        <v>2533</v>
      </c>
      <c r="G192" s="16">
        <v>1592</v>
      </c>
      <c r="H192" s="16">
        <v>810</v>
      </c>
      <c r="I192" s="16">
        <v>34</v>
      </c>
      <c r="J192" s="16">
        <v>11</v>
      </c>
      <c r="K192" s="16">
        <v>2</v>
      </c>
      <c r="L192" s="16">
        <v>763</v>
      </c>
      <c r="M192" s="16">
        <v>782</v>
      </c>
      <c r="N192" s="16">
        <v>4</v>
      </c>
      <c r="O192" s="16">
        <v>51</v>
      </c>
      <c r="P192" s="16">
        <v>13</v>
      </c>
      <c r="Q192" s="16">
        <v>277</v>
      </c>
      <c r="R192" s="16">
        <v>12</v>
      </c>
      <c r="S192" s="16">
        <v>8</v>
      </c>
      <c r="T192" s="16">
        <v>20</v>
      </c>
      <c r="U192" s="16">
        <v>77</v>
      </c>
      <c r="V192" s="16">
        <v>45</v>
      </c>
      <c r="W192" s="16">
        <v>275</v>
      </c>
      <c r="X192" s="16">
        <v>15</v>
      </c>
      <c r="Y192" s="16">
        <v>926</v>
      </c>
      <c r="Z192" s="22" t="s">
        <v>268</v>
      </c>
      <c r="AA192" s="16">
        <v>631</v>
      </c>
      <c r="AB192" s="16">
        <v>34</v>
      </c>
      <c r="AC192" s="16">
        <v>926</v>
      </c>
      <c r="AD192" s="16">
        <v>16</v>
      </c>
      <c r="AE192" s="22" t="s">
        <v>268</v>
      </c>
    </row>
    <row r="193" spans="1:31">
      <c r="A193" s="21" t="s">
        <v>240</v>
      </c>
      <c r="B193" s="21" t="s">
        <v>237</v>
      </c>
      <c r="C193" s="21" t="s">
        <v>265</v>
      </c>
      <c r="D193" s="21" t="s">
        <v>216</v>
      </c>
      <c r="E193" s="21" t="s">
        <v>527</v>
      </c>
      <c r="F193" s="16">
        <v>2471</v>
      </c>
      <c r="G193" s="16">
        <v>1517</v>
      </c>
      <c r="H193" s="16">
        <v>861</v>
      </c>
      <c r="I193" s="16">
        <v>16</v>
      </c>
      <c r="J193" s="16">
        <v>3</v>
      </c>
      <c r="K193" s="22" t="s">
        <v>268</v>
      </c>
      <c r="L193" s="16">
        <v>842</v>
      </c>
      <c r="M193" s="16">
        <v>656</v>
      </c>
      <c r="N193" s="16">
        <v>4</v>
      </c>
      <c r="O193" s="16">
        <v>75</v>
      </c>
      <c r="P193" s="22" t="s">
        <v>268</v>
      </c>
      <c r="Q193" s="16">
        <v>274</v>
      </c>
      <c r="R193" s="16">
        <v>7</v>
      </c>
      <c r="S193" s="22" t="s">
        <v>268</v>
      </c>
      <c r="T193" s="16">
        <v>43</v>
      </c>
      <c r="U193" s="16">
        <v>6</v>
      </c>
      <c r="V193" s="16">
        <v>38</v>
      </c>
      <c r="W193" s="16">
        <v>209</v>
      </c>
      <c r="X193" s="16">
        <v>16</v>
      </c>
      <c r="Y193" s="16">
        <v>938</v>
      </c>
      <c r="Z193" s="22" t="s">
        <v>268</v>
      </c>
      <c r="AA193" s="16">
        <v>474</v>
      </c>
      <c r="AB193" s="16">
        <v>16</v>
      </c>
      <c r="AC193" s="16">
        <v>938</v>
      </c>
      <c r="AD193" s="16">
        <v>10</v>
      </c>
      <c r="AE193" s="22" t="s">
        <v>268</v>
      </c>
    </row>
    <row r="194" spans="1:31">
      <c r="A194" s="21" t="s">
        <v>240</v>
      </c>
      <c r="B194" s="21" t="s">
        <v>237</v>
      </c>
      <c r="C194" s="21" t="s">
        <v>265</v>
      </c>
      <c r="D194" s="21" t="s">
        <v>216</v>
      </c>
      <c r="E194" s="21" t="s">
        <v>528</v>
      </c>
      <c r="F194" s="16">
        <v>2579</v>
      </c>
      <c r="G194" s="16">
        <v>1585</v>
      </c>
      <c r="H194" s="16">
        <v>849</v>
      </c>
      <c r="I194" s="16">
        <v>10</v>
      </c>
      <c r="J194" s="16">
        <v>6</v>
      </c>
      <c r="K194" s="22" t="s">
        <v>268</v>
      </c>
      <c r="L194" s="16">
        <v>833</v>
      </c>
      <c r="M194" s="16">
        <v>736</v>
      </c>
      <c r="N194" s="22" t="s">
        <v>268</v>
      </c>
      <c r="O194" s="16">
        <v>135</v>
      </c>
      <c r="P194" s="22" t="s">
        <v>268</v>
      </c>
      <c r="Q194" s="16">
        <v>272</v>
      </c>
      <c r="R194" s="22" t="s">
        <v>268</v>
      </c>
      <c r="S194" s="22" t="s">
        <v>268</v>
      </c>
      <c r="T194" s="16">
        <v>85</v>
      </c>
      <c r="U194" s="16">
        <v>20</v>
      </c>
      <c r="V194" s="16">
        <v>23</v>
      </c>
      <c r="W194" s="16">
        <v>201</v>
      </c>
      <c r="X194" s="16">
        <v>27</v>
      </c>
      <c r="Y194" s="16">
        <v>967</v>
      </c>
      <c r="Z194" s="22" t="s">
        <v>268</v>
      </c>
      <c r="AA194" s="16">
        <v>535</v>
      </c>
      <c r="AB194" s="16">
        <v>10</v>
      </c>
      <c r="AC194" s="16">
        <v>967</v>
      </c>
      <c r="AD194" s="16">
        <v>12</v>
      </c>
      <c r="AE194" s="22" t="s">
        <v>268</v>
      </c>
    </row>
    <row r="195" spans="1:31">
      <c r="A195" s="21" t="s">
        <v>240</v>
      </c>
      <c r="B195" s="21" t="s">
        <v>237</v>
      </c>
      <c r="C195" s="21" t="s">
        <v>265</v>
      </c>
      <c r="D195" s="21" t="s">
        <v>216</v>
      </c>
      <c r="E195" s="21" t="s">
        <v>623</v>
      </c>
      <c r="F195" s="16">
        <v>3537</v>
      </c>
      <c r="G195" s="16">
        <v>2478</v>
      </c>
      <c r="H195" s="16">
        <v>1037</v>
      </c>
      <c r="I195" s="16">
        <v>4</v>
      </c>
      <c r="J195" s="22" t="s">
        <v>268</v>
      </c>
      <c r="K195" s="22" t="s">
        <v>268</v>
      </c>
      <c r="L195" s="16">
        <v>1033</v>
      </c>
      <c r="M195" s="16">
        <v>1441</v>
      </c>
      <c r="N195" s="16">
        <v>4</v>
      </c>
      <c r="O195" s="16">
        <v>339</v>
      </c>
      <c r="P195" s="22" t="s">
        <v>268</v>
      </c>
      <c r="Q195" s="16">
        <v>431</v>
      </c>
      <c r="R195" s="16">
        <v>14</v>
      </c>
      <c r="S195" s="22" t="s">
        <v>268</v>
      </c>
      <c r="T195" s="16">
        <v>311</v>
      </c>
      <c r="U195" s="16">
        <v>81</v>
      </c>
      <c r="V195" s="16">
        <v>26</v>
      </c>
      <c r="W195" s="16">
        <v>235</v>
      </c>
      <c r="X195" s="16">
        <v>11</v>
      </c>
      <c r="Y195" s="16">
        <v>1048</v>
      </c>
      <c r="Z195" s="22" t="s">
        <v>268</v>
      </c>
      <c r="AA195" s="16">
        <v>976</v>
      </c>
      <c r="AB195" s="16">
        <v>4</v>
      </c>
      <c r="AC195" s="16">
        <v>1048</v>
      </c>
      <c r="AD195" s="16">
        <v>12</v>
      </c>
      <c r="AE195" s="22" t="s">
        <v>268</v>
      </c>
    </row>
    <row r="196" spans="1:31">
      <c r="A196" s="21" t="s">
        <v>240</v>
      </c>
      <c r="B196" s="21" t="s">
        <v>237</v>
      </c>
      <c r="C196" s="21" t="s">
        <v>265</v>
      </c>
      <c r="D196" s="21" t="s">
        <v>216</v>
      </c>
      <c r="E196" s="21" t="s">
        <v>624</v>
      </c>
      <c r="F196" s="16">
        <v>535</v>
      </c>
      <c r="G196" s="22" t="s">
        <v>268</v>
      </c>
      <c r="H196" s="22" t="s">
        <v>268</v>
      </c>
      <c r="I196" s="22" t="s">
        <v>268</v>
      </c>
      <c r="J196" s="22" t="s">
        <v>268</v>
      </c>
      <c r="K196" s="22" t="s">
        <v>268</v>
      </c>
      <c r="L196" s="22" t="s">
        <v>268</v>
      </c>
      <c r="M196" s="22" t="s">
        <v>268</v>
      </c>
      <c r="N196" s="22" t="s">
        <v>268</v>
      </c>
      <c r="O196" s="22" t="s">
        <v>268</v>
      </c>
      <c r="P196" s="22" t="s">
        <v>268</v>
      </c>
      <c r="Q196" s="22" t="s">
        <v>268</v>
      </c>
      <c r="R196" s="22" t="s">
        <v>268</v>
      </c>
      <c r="S196" s="22" t="s">
        <v>268</v>
      </c>
      <c r="T196" s="22" t="s">
        <v>268</v>
      </c>
      <c r="U196" s="22" t="s">
        <v>268</v>
      </c>
      <c r="V196" s="22" t="s">
        <v>268</v>
      </c>
      <c r="W196" s="22" t="s">
        <v>268</v>
      </c>
      <c r="X196" s="22" t="s">
        <v>268</v>
      </c>
      <c r="Y196" s="16">
        <v>496</v>
      </c>
      <c r="Z196" s="16">
        <v>39</v>
      </c>
      <c r="AA196" s="22" t="s">
        <v>268</v>
      </c>
      <c r="AB196" s="22" t="s">
        <v>268</v>
      </c>
      <c r="AC196" s="22" t="s">
        <v>268</v>
      </c>
      <c r="AD196" s="16">
        <v>4</v>
      </c>
      <c r="AE196" s="16">
        <v>4</v>
      </c>
    </row>
    <row r="197" spans="1:31">
      <c r="A197" s="21" t="s">
        <v>240</v>
      </c>
      <c r="B197" s="21" t="s">
        <v>237</v>
      </c>
      <c r="C197" s="21" t="s">
        <v>265</v>
      </c>
      <c r="D197" s="21" t="s">
        <v>216</v>
      </c>
      <c r="E197" s="21" t="s">
        <v>461</v>
      </c>
      <c r="F197" s="16">
        <v>11809</v>
      </c>
      <c r="G197" s="16">
        <v>7707</v>
      </c>
      <c r="H197" s="16">
        <v>6101</v>
      </c>
      <c r="I197" s="16">
        <v>150</v>
      </c>
      <c r="J197" s="16">
        <v>500</v>
      </c>
      <c r="K197" s="16">
        <v>18</v>
      </c>
      <c r="L197" s="16">
        <v>5433</v>
      </c>
      <c r="M197" s="16">
        <v>1606</v>
      </c>
      <c r="N197" s="16">
        <v>4</v>
      </c>
      <c r="O197" s="16">
        <v>27</v>
      </c>
      <c r="P197" s="16">
        <v>7</v>
      </c>
      <c r="Q197" s="16">
        <v>179</v>
      </c>
      <c r="R197" s="16">
        <v>3</v>
      </c>
      <c r="S197" s="16">
        <v>144</v>
      </c>
      <c r="T197" s="16">
        <v>9</v>
      </c>
      <c r="U197" s="16">
        <v>171</v>
      </c>
      <c r="V197" s="16">
        <v>148</v>
      </c>
      <c r="W197" s="16">
        <v>914</v>
      </c>
      <c r="X197" s="16">
        <v>205</v>
      </c>
      <c r="Y197" s="16">
        <v>3897</v>
      </c>
      <c r="Z197" s="22" t="s">
        <v>268</v>
      </c>
      <c r="AA197" s="16">
        <v>1277</v>
      </c>
      <c r="AB197" s="16">
        <v>18</v>
      </c>
      <c r="AC197" s="22" t="s">
        <v>268</v>
      </c>
      <c r="AD197" s="16">
        <v>384</v>
      </c>
      <c r="AE197" s="16">
        <v>590</v>
      </c>
    </row>
    <row r="198" spans="1:31">
      <c r="A198" s="21" t="s">
        <v>240</v>
      </c>
      <c r="B198" s="21" t="s">
        <v>237</v>
      </c>
      <c r="C198" s="21" t="s">
        <v>265</v>
      </c>
      <c r="D198" s="21" t="s">
        <v>216</v>
      </c>
      <c r="E198" s="21" t="s">
        <v>462</v>
      </c>
      <c r="F198" s="16">
        <v>13033</v>
      </c>
      <c r="G198" s="16">
        <v>8336</v>
      </c>
      <c r="H198" s="16">
        <v>4208</v>
      </c>
      <c r="I198" s="16">
        <v>92</v>
      </c>
      <c r="J198" s="16">
        <v>44</v>
      </c>
      <c r="K198" s="16">
        <v>4</v>
      </c>
      <c r="L198" s="16">
        <v>4068</v>
      </c>
      <c r="M198" s="16">
        <v>4128</v>
      </c>
      <c r="N198" s="16">
        <v>12</v>
      </c>
      <c r="O198" s="16">
        <v>612</v>
      </c>
      <c r="P198" s="16">
        <v>13</v>
      </c>
      <c r="Q198" s="16">
        <v>1400</v>
      </c>
      <c r="R198" s="16">
        <v>46</v>
      </c>
      <c r="S198" s="16">
        <v>8</v>
      </c>
      <c r="T198" s="16">
        <v>463</v>
      </c>
      <c r="U198" s="16">
        <v>231</v>
      </c>
      <c r="V198" s="16">
        <v>173</v>
      </c>
      <c r="W198" s="16">
        <v>1170</v>
      </c>
      <c r="X198" s="16">
        <v>93</v>
      </c>
      <c r="Y198" s="16">
        <v>4604</v>
      </c>
      <c r="Z198" s="22" t="s">
        <v>268</v>
      </c>
      <c r="AA198" s="16">
        <v>3023</v>
      </c>
      <c r="AB198" s="16">
        <v>86</v>
      </c>
      <c r="AC198" s="16">
        <v>4604</v>
      </c>
      <c r="AD198" s="16">
        <v>67</v>
      </c>
      <c r="AE198" s="22" t="s">
        <v>268</v>
      </c>
    </row>
    <row r="199" spans="1:31">
      <c r="A199" s="21" t="s">
        <v>240</v>
      </c>
      <c r="B199" s="21" t="s">
        <v>237</v>
      </c>
      <c r="C199" s="21" t="s">
        <v>265</v>
      </c>
      <c r="D199" s="21" t="s">
        <v>216</v>
      </c>
      <c r="E199" s="21" t="s">
        <v>463</v>
      </c>
      <c r="F199" s="16">
        <v>8587</v>
      </c>
      <c r="G199" s="16">
        <v>5580</v>
      </c>
      <c r="H199" s="16">
        <v>2747</v>
      </c>
      <c r="I199" s="16">
        <v>30</v>
      </c>
      <c r="J199" s="16">
        <v>9</v>
      </c>
      <c r="K199" s="22" t="s">
        <v>268</v>
      </c>
      <c r="L199" s="16">
        <v>2708</v>
      </c>
      <c r="M199" s="16">
        <v>2833</v>
      </c>
      <c r="N199" s="16">
        <v>8</v>
      </c>
      <c r="O199" s="16">
        <v>549</v>
      </c>
      <c r="P199" s="22" t="s">
        <v>268</v>
      </c>
      <c r="Q199" s="16">
        <v>977</v>
      </c>
      <c r="R199" s="16">
        <v>21</v>
      </c>
      <c r="S199" s="22" t="s">
        <v>268</v>
      </c>
      <c r="T199" s="16">
        <v>439</v>
      </c>
      <c r="U199" s="16">
        <v>107</v>
      </c>
      <c r="V199" s="16">
        <v>87</v>
      </c>
      <c r="W199" s="16">
        <v>645</v>
      </c>
      <c r="X199" s="16">
        <v>54</v>
      </c>
      <c r="Y199" s="16">
        <v>2953</v>
      </c>
      <c r="Z199" s="22" t="s">
        <v>268</v>
      </c>
      <c r="AA199" s="16">
        <v>1985</v>
      </c>
      <c r="AB199" s="16">
        <v>30</v>
      </c>
      <c r="AC199" s="16">
        <v>2953</v>
      </c>
      <c r="AD199" s="16">
        <v>34</v>
      </c>
      <c r="AE199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3" orientation="portrait" r:id="rId1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1587D6-0C94-467C-AC6F-8F4AE7E13D19}">
  <sheetPr>
    <pageSetUpPr fitToPage="1"/>
  </sheetPr>
  <dimension ref="A1:AD271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5" width="12.625" style="20"/>
    <col min="6" max="6" width="19" style="20" bestFit="1" customWidth="1"/>
    <col min="7" max="16384" width="12.625" style="20"/>
  </cols>
  <sheetData>
    <row r="1" spans="1:30" s="11" customFormat="1">
      <c r="A1" s="11" t="s">
        <v>192</v>
      </c>
    </row>
    <row r="2" spans="1:30" s="11" customFormat="1">
      <c r="A2" s="11" t="s">
        <v>626</v>
      </c>
    </row>
    <row r="3" spans="1:30" s="11" customFormat="1"/>
    <row r="4" spans="1:30" s="11" customFormat="1" hidden="1"/>
    <row r="5" spans="1:30" s="11" customFormat="1"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  <c r="R5" s="12" t="s">
        <v>495</v>
      </c>
      <c r="S5" s="12" t="s">
        <v>495</v>
      </c>
      <c r="T5" s="12" t="s">
        <v>495</v>
      </c>
      <c r="U5" s="12" t="s">
        <v>495</v>
      </c>
      <c r="V5" s="12" t="s">
        <v>495</v>
      </c>
      <c r="W5" s="12" t="s">
        <v>495</v>
      </c>
      <c r="X5" s="12" t="s">
        <v>495</v>
      </c>
      <c r="Y5" s="12" t="s">
        <v>495</v>
      </c>
      <c r="Z5" s="12" t="s">
        <v>495</v>
      </c>
      <c r="AA5" s="12" t="s">
        <v>495</v>
      </c>
      <c r="AB5" s="12" t="s">
        <v>495</v>
      </c>
      <c r="AC5" s="12" t="s">
        <v>495</v>
      </c>
      <c r="AD5" s="12" t="s">
        <v>495</v>
      </c>
    </row>
    <row r="6" spans="1:30" s="11" customFormat="1" ht="24"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</row>
    <row r="7" spans="1:30" s="11" customFormat="1">
      <c r="G7" s="12">
        <v>1</v>
      </c>
      <c r="H7" s="12">
        <v>1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2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3</v>
      </c>
      <c r="U7" s="12">
        <v>3</v>
      </c>
      <c r="V7" s="12">
        <v>3</v>
      </c>
      <c r="W7" s="12">
        <v>3</v>
      </c>
      <c r="X7" s="12">
        <v>3</v>
      </c>
      <c r="Y7" s="12">
        <v>1</v>
      </c>
      <c r="Z7" s="12">
        <v>1</v>
      </c>
      <c r="AA7" s="12">
        <v>1</v>
      </c>
      <c r="AB7" s="12">
        <v>1</v>
      </c>
      <c r="AC7" s="12">
        <v>1</v>
      </c>
      <c r="AD7" s="12">
        <v>1</v>
      </c>
    </row>
    <row r="8" spans="1:30" s="11" customFormat="1" ht="60">
      <c r="G8" s="12" t="s">
        <v>214</v>
      </c>
      <c r="H8" s="12" t="s">
        <v>564</v>
      </c>
      <c r="I8" s="12" t="s">
        <v>565</v>
      </c>
      <c r="J8" s="12" t="s">
        <v>566</v>
      </c>
      <c r="K8" s="12" t="s">
        <v>567</v>
      </c>
      <c r="L8" s="12" t="s">
        <v>568</v>
      </c>
      <c r="M8" s="12" t="s">
        <v>569</v>
      </c>
      <c r="N8" s="12" t="s">
        <v>570</v>
      </c>
      <c r="O8" s="12" t="s">
        <v>571</v>
      </c>
      <c r="P8" s="12" t="s">
        <v>575</v>
      </c>
      <c r="Q8" s="12" t="s">
        <v>578</v>
      </c>
      <c r="R8" s="12" t="s">
        <v>581</v>
      </c>
      <c r="S8" s="12" t="s">
        <v>584</v>
      </c>
      <c r="T8" s="12" t="s">
        <v>585</v>
      </c>
      <c r="U8" s="12" t="s">
        <v>586</v>
      </c>
      <c r="V8" s="12" t="s">
        <v>589</v>
      </c>
      <c r="W8" s="12" t="s">
        <v>592</v>
      </c>
      <c r="X8" s="12" t="s">
        <v>593</v>
      </c>
      <c r="Y8" s="12" t="s">
        <v>594</v>
      </c>
      <c r="Z8" s="12" t="s">
        <v>595</v>
      </c>
      <c r="AA8" s="12" t="s">
        <v>596</v>
      </c>
      <c r="AB8" s="12" t="s">
        <v>597</v>
      </c>
      <c r="AC8" s="12" t="s">
        <v>616</v>
      </c>
      <c r="AD8" s="12" t="s">
        <v>617</v>
      </c>
    </row>
    <row r="9" spans="1:30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  <c r="W9" s="13" t="s">
        <v>219</v>
      </c>
      <c r="X9" s="13" t="s">
        <v>219</v>
      </c>
      <c r="Y9" s="13" t="s">
        <v>219</v>
      </c>
      <c r="Z9" s="13" t="s">
        <v>219</v>
      </c>
      <c r="AA9" s="13" t="s">
        <v>219</v>
      </c>
      <c r="AB9" s="13" t="s">
        <v>219</v>
      </c>
      <c r="AC9" s="13" t="s">
        <v>219</v>
      </c>
      <c r="AD9" s="13" t="s">
        <v>219</v>
      </c>
    </row>
    <row r="10" spans="1:30" s="11" customFormat="1">
      <c r="A10" s="14" t="s">
        <v>224</v>
      </c>
      <c r="B10" s="14" t="s">
        <v>259</v>
      </c>
      <c r="C10" s="14" t="s">
        <v>230</v>
      </c>
      <c r="D10" s="14" t="s">
        <v>212</v>
      </c>
      <c r="E10" s="14" t="s">
        <v>465</v>
      </c>
      <c r="F10" s="14" t="s">
        <v>282</v>
      </c>
      <c r="G10" s="14" t="s">
        <v>231</v>
      </c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</row>
    <row r="11" spans="1:30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214</v>
      </c>
      <c r="F11" s="15" t="s">
        <v>401</v>
      </c>
      <c r="G11" s="16">
        <v>123162995</v>
      </c>
      <c r="H11" s="16">
        <v>100310243</v>
      </c>
      <c r="I11" s="16">
        <v>84632638</v>
      </c>
      <c r="J11" s="16">
        <v>22317680</v>
      </c>
      <c r="K11" s="16">
        <v>50641498</v>
      </c>
      <c r="L11" s="16">
        <v>1669868</v>
      </c>
      <c r="M11" s="16">
        <v>10003592</v>
      </c>
      <c r="N11" s="16">
        <v>15677605</v>
      </c>
      <c r="O11" s="16">
        <v>636896</v>
      </c>
      <c r="P11" s="16">
        <v>1826439</v>
      </c>
      <c r="Q11" s="16">
        <v>2926536</v>
      </c>
      <c r="R11" s="16">
        <v>4229403</v>
      </c>
      <c r="S11" s="16">
        <v>345776</v>
      </c>
      <c r="T11" s="16">
        <v>1666687</v>
      </c>
      <c r="U11" s="16">
        <v>334953</v>
      </c>
      <c r="V11" s="16">
        <v>1242039</v>
      </c>
      <c r="W11" s="16">
        <v>721113</v>
      </c>
      <c r="X11" s="16">
        <v>1747763</v>
      </c>
      <c r="Y11" s="16">
        <v>1231866</v>
      </c>
      <c r="Z11" s="16">
        <v>21151042</v>
      </c>
      <c r="AA11" s="16">
        <v>469844</v>
      </c>
      <c r="AB11" s="16">
        <v>11442715</v>
      </c>
      <c r="AC11" s="16">
        <v>13067790</v>
      </c>
      <c r="AD11" s="16">
        <v>6716806</v>
      </c>
    </row>
    <row r="12" spans="1:30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214</v>
      </c>
      <c r="F12" s="21" t="s">
        <v>402</v>
      </c>
      <c r="G12" s="16">
        <v>4510500</v>
      </c>
      <c r="H12" s="16">
        <v>4493874</v>
      </c>
      <c r="I12" s="16">
        <v>4041848</v>
      </c>
      <c r="J12" s="22" t="s">
        <v>268</v>
      </c>
      <c r="K12" s="16">
        <v>3845600</v>
      </c>
      <c r="L12" s="16">
        <v>10067</v>
      </c>
      <c r="M12" s="16">
        <v>186181</v>
      </c>
      <c r="N12" s="16">
        <v>452026</v>
      </c>
      <c r="O12" s="22" t="s">
        <v>268</v>
      </c>
      <c r="P12" s="22" t="s">
        <v>268</v>
      </c>
      <c r="Q12" s="16">
        <v>121067</v>
      </c>
      <c r="R12" s="16">
        <v>107672</v>
      </c>
      <c r="S12" s="16">
        <v>4221</v>
      </c>
      <c r="T12" s="16">
        <v>67625</v>
      </c>
      <c r="U12" s="16">
        <v>12298</v>
      </c>
      <c r="V12" s="16">
        <v>97117</v>
      </c>
      <c r="W12" s="16">
        <v>22</v>
      </c>
      <c r="X12" s="16">
        <v>42004</v>
      </c>
      <c r="Y12" s="16">
        <v>16626</v>
      </c>
      <c r="Z12" s="22" t="s">
        <v>268</v>
      </c>
      <c r="AA12" s="22" t="s">
        <v>268</v>
      </c>
      <c r="AB12" s="16">
        <v>438424</v>
      </c>
      <c r="AC12" s="22" t="s">
        <v>268</v>
      </c>
      <c r="AD12" s="22" t="s">
        <v>268</v>
      </c>
    </row>
    <row r="13" spans="1:30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214</v>
      </c>
      <c r="F13" s="21" t="s">
        <v>403</v>
      </c>
      <c r="G13" s="16">
        <v>5080117</v>
      </c>
      <c r="H13" s="16">
        <v>5061087</v>
      </c>
      <c r="I13" s="16">
        <v>4467117</v>
      </c>
      <c r="J13" s="22" t="s">
        <v>268</v>
      </c>
      <c r="K13" s="16">
        <v>4031845</v>
      </c>
      <c r="L13" s="16">
        <v>29706</v>
      </c>
      <c r="M13" s="16">
        <v>405566</v>
      </c>
      <c r="N13" s="16">
        <v>593970</v>
      </c>
      <c r="O13" s="22" t="s">
        <v>268</v>
      </c>
      <c r="P13" s="22" t="s">
        <v>268</v>
      </c>
      <c r="Q13" s="16">
        <v>174322</v>
      </c>
      <c r="R13" s="16">
        <v>166264</v>
      </c>
      <c r="S13" s="16">
        <v>4923</v>
      </c>
      <c r="T13" s="16">
        <v>88629</v>
      </c>
      <c r="U13" s="16">
        <v>7937</v>
      </c>
      <c r="V13" s="16">
        <v>90226</v>
      </c>
      <c r="W13" s="16">
        <v>88</v>
      </c>
      <c r="X13" s="16">
        <v>61581</v>
      </c>
      <c r="Y13" s="16">
        <v>19026</v>
      </c>
      <c r="Z13" s="16">
        <v>4</v>
      </c>
      <c r="AA13" s="22" t="s">
        <v>268</v>
      </c>
      <c r="AB13" s="16">
        <v>576805</v>
      </c>
      <c r="AC13" s="22" t="s">
        <v>268</v>
      </c>
      <c r="AD13" s="22" t="s">
        <v>268</v>
      </c>
    </row>
    <row r="14" spans="1:30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214</v>
      </c>
      <c r="F14" s="21" t="s">
        <v>404</v>
      </c>
      <c r="G14" s="16">
        <v>5329309</v>
      </c>
      <c r="H14" s="16">
        <v>5305883</v>
      </c>
      <c r="I14" s="16">
        <v>4585618</v>
      </c>
      <c r="J14" s="22" t="s">
        <v>268</v>
      </c>
      <c r="K14" s="16">
        <v>3911925</v>
      </c>
      <c r="L14" s="16">
        <v>60032</v>
      </c>
      <c r="M14" s="16">
        <v>613661</v>
      </c>
      <c r="N14" s="16">
        <v>720265</v>
      </c>
      <c r="O14" s="22" t="s">
        <v>268</v>
      </c>
      <c r="P14" s="22" t="s">
        <v>268</v>
      </c>
      <c r="Q14" s="16">
        <v>210136</v>
      </c>
      <c r="R14" s="16">
        <v>229285</v>
      </c>
      <c r="S14" s="16">
        <v>7714</v>
      </c>
      <c r="T14" s="16">
        <v>105298</v>
      </c>
      <c r="U14" s="16">
        <v>4776</v>
      </c>
      <c r="V14" s="16">
        <v>74400</v>
      </c>
      <c r="W14" s="16">
        <v>515</v>
      </c>
      <c r="X14" s="16">
        <v>88141</v>
      </c>
      <c r="Y14" s="16">
        <v>23302</v>
      </c>
      <c r="Z14" s="16">
        <v>124</v>
      </c>
      <c r="AA14" s="22" t="s">
        <v>268</v>
      </c>
      <c r="AB14" s="16">
        <v>695769</v>
      </c>
      <c r="AC14" s="22" t="s">
        <v>268</v>
      </c>
      <c r="AD14" s="22" t="s">
        <v>268</v>
      </c>
    </row>
    <row r="15" spans="1:30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214</v>
      </c>
      <c r="F15" s="21" t="s">
        <v>405</v>
      </c>
      <c r="G15" s="16">
        <v>5468094</v>
      </c>
      <c r="H15" s="16">
        <v>5148615</v>
      </c>
      <c r="I15" s="16">
        <v>4335112</v>
      </c>
      <c r="J15" s="16">
        <v>2783</v>
      </c>
      <c r="K15" s="16">
        <v>3457171</v>
      </c>
      <c r="L15" s="16">
        <v>98885</v>
      </c>
      <c r="M15" s="16">
        <v>776273</v>
      </c>
      <c r="N15" s="16">
        <v>813503</v>
      </c>
      <c r="O15" s="16">
        <v>189</v>
      </c>
      <c r="P15" s="16">
        <v>156</v>
      </c>
      <c r="Q15" s="16">
        <v>204086</v>
      </c>
      <c r="R15" s="16">
        <v>277958</v>
      </c>
      <c r="S15" s="16">
        <v>16403</v>
      </c>
      <c r="T15" s="16">
        <v>114108</v>
      </c>
      <c r="U15" s="16">
        <v>4984</v>
      </c>
      <c r="V15" s="16">
        <v>55703</v>
      </c>
      <c r="W15" s="16">
        <v>12619</v>
      </c>
      <c r="X15" s="16">
        <v>127297</v>
      </c>
      <c r="Y15" s="16">
        <v>31856</v>
      </c>
      <c r="Z15" s="16">
        <v>287623</v>
      </c>
      <c r="AA15" s="22" t="s">
        <v>268</v>
      </c>
      <c r="AB15" s="16">
        <v>755601</v>
      </c>
      <c r="AC15" s="22" t="s">
        <v>268</v>
      </c>
      <c r="AD15" s="22" t="s">
        <v>268</v>
      </c>
    </row>
    <row r="16" spans="1:30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214</v>
      </c>
      <c r="F16" s="21" t="s">
        <v>406</v>
      </c>
      <c r="G16" s="16">
        <v>5832757</v>
      </c>
      <c r="H16" s="16">
        <v>4009297</v>
      </c>
      <c r="I16" s="16">
        <v>3264904</v>
      </c>
      <c r="J16" s="16">
        <v>114421</v>
      </c>
      <c r="K16" s="16">
        <v>2430206</v>
      </c>
      <c r="L16" s="16">
        <v>106208</v>
      </c>
      <c r="M16" s="16">
        <v>614069</v>
      </c>
      <c r="N16" s="16">
        <v>744393</v>
      </c>
      <c r="O16" s="16">
        <v>2463</v>
      </c>
      <c r="P16" s="16">
        <v>2143</v>
      </c>
      <c r="Q16" s="16">
        <v>128014</v>
      </c>
      <c r="R16" s="16">
        <v>253187</v>
      </c>
      <c r="S16" s="16">
        <v>22489</v>
      </c>
      <c r="T16" s="16">
        <v>88719</v>
      </c>
      <c r="U16" s="16">
        <v>12366</v>
      </c>
      <c r="V16" s="16">
        <v>45081</v>
      </c>
      <c r="W16" s="16">
        <v>49792</v>
      </c>
      <c r="X16" s="16">
        <v>140139</v>
      </c>
      <c r="Y16" s="16">
        <v>132908</v>
      </c>
      <c r="Z16" s="16">
        <v>1690552</v>
      </c>
      <c r="AA16" s="22" t="s">
        <v>268</v>
      </c>
      <c r="AB16" s="16">
        <v>622892</v>
      </c>
      <c r="AC16" s="22" t="s">
        <v>268</v>
      </c>
      <c r="AD16" s="22" t="s">
        <v>268</v>
      </c>
    </row>
    <row r="17" spans="1:30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214</v>
      </c>
      <c r="F17" s="21" t="s">
        <v>407</v>
      </c>
      <c r="G17" s="16">
        <v>5989236</v>
      </c>
      <c r="H17" s="16">
        <v>4001983</v>
      </c>
      <c r="I17" s="16">
        <v>3368955</v>
      </c>
      <c r="J17" s="16">
        <v>709559</v>
      </c>
      <c r="K17" s="16">
        <v>2137522</v>
      </c>
      <c r="L17" s="16">
        <v>84521</v>
      </c>
      <c r="M17" s="16">
        <v>437353</v>
      </c>
      <c r="N17" s="16">
        <v>633028</v>
      </c>
      <c r="O17" s="16">
        <v>7907</v>
      </c>
      <c r="P17" s="16">
        <v>7452</v>
      </c>
      <c r="Q17" s="16">
        <v>82880</v>
      </c>
      <c r="R17" s="16">
        <v>215662</v>
      </c>
      <c r="S17" s="16">
        <v>15994</v>
      </c>
      <c r="T17" s="16">
        <v>66576</v>
      </c>
      <c r="U17" s="16">
        <v>21193</v>
      </c>
      <c r="V17" s="16">
        <v>56067</v>
      </c>
      <c r="W17" s="16">
        <v>41512</v>
      </c>
      <c r="X17" s="16">
        <v>117785</v>
      </c>
      <c r="Y17" s="16">
        <v>200349</v>
      </c>
      <c r="Z17" s="16">
        <v>1786904</v>
      </c>
      <c r="AA17" s="22" t="s">
        <v>268</v>
      </c>
      <c r="AB17" s="16">
        <v>515465</v>
      </c>
      <c r="AC17" s="22" t="s">
        <v>268</v>
      </c>
      <c r="AD17" s="22" t="s">
        <v>268</v>
      </c>
    </row>
    <row r="18" spans="1:30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214</v>
      </c>
      <c r="F18" s="21" t="s">
        <v>408</v>
      </c>
      <c r="G18" s="16">
        <v>6449507</v>
      </c>
      <c r="H18" s="16">
        <v>5076396</v>
      </c>
      <c r="I18" s="16">
        <v>4475952</v>
      </c>
      <c r="J18" s="16">
        <v>822302</v>
      </c>
      <c r="K18" s="16">
        <v>3165551</v>
      </c>
      <c r="L18" s="16">
        <v>77883</v>
      </c>
      <c r="M18" s="16">
        <v>410216</v>
      </c>
      <c r="N18" s="16">
        <v>600444</v>
      </c>
      <c r="O18" s="16">
        <v>12645</v>
      </c>
      <c r="P18" s="16">
        <v>13055</v>
      </c>
      <c r="Q18" s="16">
        <v>87243</v>
      </c>
      <c r="R18" s="16">
        <v>183653</v>
      </c>
      <c r="S18" s="16">
        <v>10578</v>
      </c>
      <c r="T18" s="16">
        <v>67722</v>
      </c>
      <c r="U18" s="16">
        <v>22717</v>
      </c>
      <c r="V18" s="16">
        <v>79107</v>
      </c>
      <c r="W18" s="16">
        <v>30192</v>
      </c>
      <c r="X18" s="16">
        <v>93532</v>
      </c>
      <c r="Y18" s="16">
        <v>115277</v>
      </c>
      <c r="Z18" s="16">
        <v>1257834</v>
      </c>
      <c r="AA18" s="22" t="s">
        <v>268</v>
      </c>
      <c r="AB18" s="16">
        <v>493512</v>
      </c>
      <c r="AC18" s="22" t="s">
        <v>268</v>
      </c>
      <c r="AD18" s="22" t="s">
        <v>268</v>
      </c>
    </row>
    <row r="19" spans="1:30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214</v>
      </c>
      <c r="F19" s="21" t="s">
        <v>409</v>
      </c>
      <c r="G19" s="16">
        <v>7275427</v>
      </c>
      <c r="H19" s="16">
        <v>6155300</v>
      </c>
      <c r="I19" s="16">
        <v>5484238</v>
      </c>
      <c r="J19" s="16">
        <v>680378</v>
      </c>
      <c r="K19" s="16">
        <v>4213886</v>
      </c>
      <c r="L19" s="16">
        <v>89260</v>
      </c>
      <c r="M19" s="16">
        <v>500714</v>
      </c>
      <c r="N19" s="16">
        <v>671062</v>
      </c>
      <c r="O19" s="16">
        <v>16984</v>
      </c>
      <c r="P19" s="16">
        <v>19843</v>
      </c>
      <c r="Q19" s="16">
        <v>138625</v>
      </c>
      <c r="R19" s="16">
        <v>183748</v>
      </c>
      <c r="S19" s="16">
        <v>7457</v>
      </c>
      <c r="T19" s="16">
        <v>81878</v>
      </c>
      <c r="U19" s="16">
        <v>19444</v>
      </c>
      <c r="V19" s="16">
        <v>92921</v>
      </c>
      <c r="W19" s="16">
        <v>26969</v>
      </c>
      <c r="X19" s="16">
        <v>83193</v>
      </c>
      <c r="Y19" s="16">
        <v>83938</v>
      </c>
      <c r="Z19" s="16">
        <v>1036189</v>
      </c>
      <c r="AA19" s="22" t="s">
        <v>268</v>
      </c>
      <c r="AB19" s="16">
        <v>561952</v>
      </c>
      <c r="AC19" s="22" t="s">
        <v>268</v>
      </c>
      <c r="AD19" s="22" t="s">
        <v>268</v>
      </c>
    </row>
    <row r="20" spans="1:30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214</v>
      </c>
      <c r="F20" s="21" t="s">
        <v>410</v>
      </c>
      <c r="G20" s="16">
        <v>8247860</v>
      </c>
      <c r="H20" s="16">
        <v>7137302</v>
      </c>
      <c r="I20" s="16">
        <v>6332294</v>
      </c>
      <c r="J20" s="16">
        <v>727901</v>
      </c>
      <c r="K20" s="16">
        <v>4819446</v>
      </c>
      <c r="L20" s="16">
        <v>115746</v>
      </c>
      <c r="M20" s="16">
        <v>669201</v>
      </c>
      <c r="N20" s="16">
        <v>805008</v>
      </c>
      <c r="O20" s="16">
        <v>24659</v>
      </c>
      <c r="P20" s="16">
        <v>33489</v>
      </c>
      <c r="Q20" s="16">
        <v>203200</v>
      </c>
      <c r="R20" s="16">
        <v>222389</v>
      </c>
      <c r="S20" s="16">
        <v>7123</v>
      </c>
      <c r="T20" s="16">
        <v>95609</v>
      </c>
      <c r="U20" s="16">
        <v>16629</v>
      </c>
      <c r="V20" s="16">
        <v>85058</v>
      </c>
      <c r="W20" s="16">
        <v>30864</v>
      </c>
      <c r="X20" s="16">
        <v>85988</v>
      </c>
      <c r="Y20" s="16">
        <v>80707</v>
      </c>
      <c r="Z20" s="16">
        <v>1029851</v>
      </c>
      <c r="AA20" s="22" t="s">
        <v>268</v>
      </c>
      <c r="AB20" s="16">
        <v>669034</v>
      </c>
      <c r="AC20" s="22" t="s">
        <v>268</v>
      </c>
      <c r="AD20" s="22" t="s">
        <v>268</v>
      </c>
    </row>
    <row r="21" spans="1:30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214</v>
      </c>
      <c r="F21" s="21" t="s">
        <v>411</v>
      </c>
      <c r="G21" s="16">
        <v>9591375</v>
      </c>
      <c r="H21" s="16">
        <v>8215227</v>
      </c>
      <c r="I21" s="16">
        <v>7191775</v>
      </c>
      <c r="J21" s="16">
        <v>1050998</v>
      </c>
      <c r="K21" s="16">
        <v>5035480</v>
      </c>
      <c r="L21" s="16">
        <v>160082</v>
      </c>
      <c r="M21" s="16">
        <v>945215</v>
      </c>
      <c r="N21" s="16">
        <v>1023452</v>
      </c>
      <c r="O21" s="16">
        <v>45236</v>
      </c>
      <c r="P21" s="16">
        <v>71521</v>
      </c>
      <c r="Q21" s="16">
        <v>240912</v>
      </c>
      <c r="R21" s="16">
        <v>308854</v>
      </c>
      <c r="S21" s="16">
        <v>9182</v>
      </c>
      <c r="T21" s="16">
        <v>102477</v>
      </c>
      <c r="U21" s="16">
        <v>20369</v>
      </c>
      <c r="V21" s="16">
        <v>71521</v>
      </c>
      <c r="W21" s="16">
        <v>46773</v>
      </c>
      <c r="X21" s="16">
        <v>106607</v>
      </c>
      <c r="Y21" s="16">
        <v>97120</v>
      </c>
      <c r="Z21" s="16">
        <v>1279028</v>
      </c>
      <c r="AA21" s="22" t="s">
        <v>268</v>
      </c>
      <c r="AB21" s="16">
        <v>802536</v>
      </c>
      <c r="AC21" s="22" t="s">
        <v>268</v>
      </c>
      <c r="AD21" s="22" t="s">
        <v>268</v>
      </c>
    </row>
    <row r="22" spans="1:30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214</v>
      </c>
      <c r="F22" s="21" t="s">
        <v>412</v>
      </c>
      <c r="G22" s="16">
        <v>8478700</v>
      </c>
      <c r="H22" s="16">
        <v>7104365</v>
      </c>
      <c r="I22" s="16">
        <v>6046582</v>
      </c>
      <c r="J22" s="16">
        <v>1323574</v>
      </c>
      <c r="K22" s="16">
        <v>3677153</v>
      </c>
      <c r="L22" s="16">
        <v>152285</v>
      </c>
      <c r="M22" s="16">
        <v>893570</v>
      </c>
      <c r="N22" s="16">
        <v>1057783</v>
      </c>
      <c r="O22" s="16">
        <v>65408</v>
      </c>
      <c r="P22" s="16">
        <v>133512</v>
      </c>
      <c r="Q22" s="16">
        <v>183771</v>
      </c>
      <c r="R22" s="16">
        <v>341912</v>
      </c>
      <c r="S22" s="16">
        <v>10801</v>
      </c>
      <c r="T22" s="16">
        <v>78597</v>
      </c>
      <c r="U22" s="16">
        <v>24531</v>
      </c>
      <c r="V22" s="16">
        <v>55728</v>
      </c>
      <c r="W22" s="16">
        <v>57516</v>
      </c>
      <c r="X22" s="16">
        <v>106007</v>
      </c>
      <c r="Y22" s="16">
        <v>90395</v>
      </c>
      <c r="Z22" s="16">
        <v>1283940</v>
      </c>
      <c r="AA22" s="22" t="s">
        <v>268</v>
      </c>
      <c r="AB22" s="16">
        <v>741260</v>
      </c>
      <c r="AC22" s="22" t="s">
        <v>268</v>
      </c>
      <c r="AD22" s="22" t="s">
        <v>268</v>
      </c>
    </row>
    <row r="23" spans="1:30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214</v>
      </c>
      <c r="F23" s="21" t="s">
        <v>413</v>
      </c>
      <c r="G23" s="16">
        <v>7702546</v>
      </c>
      <c r="H23" s="16">
        <v>6393534</v>
      </c>
      <c r="I23" s="16">
        <v>5226589</v>
      </c>
      <c r="J23" s="16">
        <v>1823417</v>
      </c>
      <c r="K23" s="16">
        <v>2565185</v>
      </c>
      <c r="L23" s="16">
        <v>124222</v>
      </c>
      <c r="M23" s="16">
        <v>713765</v>
      </c>
      <c r="N23" s="16">
        <v>1166945</v>
      </c>
      <c r="O23" s="16">
        <v>79324</v>
      </c>
      <c r="P23" s="16">
        <v>249608</v>
      </c>
      <c r="Q23" s="16">
        <v>131884</v>
      </c>
      <c r="R23" s="16">
        <v>361543</v>
      </c>
      <c r="S23" s="16">
        <v>15388</v>
      </c>
      <c r="T23" s="16">
        <v>71658</v>
      </c>
      <c r="U23" s="16">
        <v>30689</v>
      </c>
      <c r="V23" s="16">
        <v>62329</v>
      </c>
      <c r="W23" s="16">
        <v>65954</v>
      </c>
      <c r="X23" s="16">
        <v>98568</v>
      </c>
      <c r="Y23" s="16">
        <v>75247</v>
      </c>
      <c r="Z23" s="16">
        <v>1233765</v>
      </c>
      <c r="AA23" s="22" t="s">
        <v>268</v>
      </c>
      <c r="AB23" s="16">
        <v>706301</v>
      </c>
      <c r="AC23" s="22" t="s">
        <v>268</v>
      </c>
      <c r="AD23" s="22" t="s">
        <v>268</v>
      </c>
    </row>
    <row r="24" spans="1:30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214</v>
      </c>
      <c r="F24" s="21" t="s">
        <v>414</v>
      </c>
      <c r="G24" s="16">
        <v>7219424</v>
      </c>
      <c r="H24" s="16">
        <v>6012562</v>
      </c>
      <c r="I24" s="16">
        <v>4829840</v>
      </c>
      <c r="J24" s="16">
        <v>2383472</v>
      </c>
      <c r="K24" s="16">
        <v>1849401</v>
      </c>
      <c r="L24" s="16">
        <v>92259</v>
      </c>
      <c r="M24" s="16">
        <v>504708</v>
      </c>
      <c r="N24" s="16">
        <v>1182722</v>
      </c>
      <c r="O24" s="16">
        <v>61833</v>
      </c>
      <c r="P24" s="16">
        <v>317625</v>
      </c>
      <c r="Q24" s="16">
        <v>113654</v>
      </c>
      <c r="R24" s="16">
        <v>297178</v>
      </c>
      <c r="S24" s="16">
        <v>25345</v>
      </c>
      <c r="T24" s="16">
        <v>92114</v>
      </c>
      <c r="U24" s="16">
        <v>30501</v>
      </c>
      <c r="V24" s="16">
        <v>78906</v>
      </c>
      <c r="W24" s="16">
        <v>79790</v>
      </c>
      <c r="X24" s="16">
        <v>85776</v>
      </c>
      <c r="Y24" s="16">
        <v>61043</v>
      </c>
      <c r="Z24" s="16">
        <v>1145819</v>
      </c>
      <c r="AA24" s="22" t="s">
        <v>268</v>
      </c>
      <c r="AB24" s="16">
        <v>647417</v>
      </c>
      <c r="AC24" s="16">
        <v>703061</v>
      </c>
      <c r="AD24" s="22" t="s">
        <v>268</v>
      </c>
    </row>
    <row r="25" spans="1:30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214</v>
      </c>
      <c r="F25" s="21" t="s">
        <v>415</v>
      </c>
      <c r="G25" s="16">
        <v>7960268</v>
      </c>
      <c r="H25" s="16">
        <v>6569531</v>
      </c>
      <c r="I25" s="16">
        <v>5421422</v>
      </c>
      <c r="J25" s="16">
        <v>3219218</v>
      </c>
      <c r="K25" s="16">
        <v>1699898</v>
      </c>
      <c r="L25" s="16">
        <v>85025</v>
      </c>
      <c r="M25" s="16">
        <v>417281</v>
      </c>
      <c r="N25" s="16">
        <v>1148109</v>
      </c>
      <c r="O25" s="16">
        <v>40593</v>
      </c>
      <c r="P25" s="16">
        <v>255945</v>
      </c>
      <c r="Q25" s="16">
        <v>171023</v>
      </c>
      <c r="R25" s="16">
        <v>211225</v>
      </c>
      <c r="S25" s="16">
        <v>42639</v>
      </c>
      <c r="T25" s="16">
        <v>138477</v>
      </c>
      <c r="U25" s="16">
        <v>23331</v>
      </c>
      <c r="V25" s="16">
        <v>81228</v>
      </c>
      <c r="W25" s="16">
        <v>96128</v>
      </c>
      <c r="X25" s="16">
        <v>87520</v>
      </c>
      <c r="Y25" s="16">
        <v>59642</v>
      </c>
      <c r="Z25" s="16">
        <v>1331095</v>
      </c>
      <c r="AA25" s="22" t="s">
        <v>268</v>
      </c>
      <c r="AB25" s="16">
        <v>658966</v>
      </c>
      <c r="AC25" s="16">
        <v>2982897</v>
      </c>
      <c r="AD25" s="16">
        <v>1331095</v>
      </c>
    </row>
    <row r="26" spans="1:30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214</v>
      </c>
      <c r="F26" s="21" t="s">
        <v>416</v>
      </c>
      <c r="G26" s="16">
        <v>8839958</v>
      </c>
      <c r="H26" s="16">
        <v>7203128</v>
      </c>
      <c r="I26" s="16">
        <v>6106983</v>
      </c>
      <c r="J26" s="16">
        <v>3882559</v>
      </c>
      <c r="K26" s="16">
        <v>1676796</v>
      </c>
      <c r="L26" s="16">
        <v>96684</v>
      </c>
      <c r="M26" s="16">
        <v>450944</v>
      </c>
      <c r="N26" s="16">
        <v>1096145</v>
      </c>
      <c r="O26" s="16">
        <v>43194</v>
      </c>
      <c r="P26" s="16">
        <v>140241</v>
      </c>
      <c r="Q26" s="16">
        <v>245881</v>
      </c>
      <c r="R26" s="16">
        <v>174741</v>
      </c>
      <c r="S26" s="16">
        <v>57132</v>
      </c>
      <c r="T26" s="16">
        <v>168616</v>
      </c>
      <c r="U26" s="16">
        <v>16438</v>
      </c>
      <c r="V26" s="16">
        <v>59734</v>
      </c>
      <c r="W26" s="16">
        <v>89050</v>
      </c>
      <c r="X26" s="16">
        <v>101118</v>
      </c>
      <c r="Y26" s="16">
        <v>58827</v>
      </c>
      <c r="Z26" s="16">
        <v>1578003</v>
      </c>
      <c r="AA26" s="22" t="s">
        <v>268</v>
      </c>
      <c r="AB26" s="16">
        <v>712479</v>
      </c>
      <c r="AC26" s="16">
        <v>3821043</v>
      </c>
      <c r="AD26" s="16">
        <v>1578003</v>
      </c>
    </row>
    <row r="27" spans="1:30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214</v>
      </c>
      <c r="F27" s="21" t="s">
        <v>417</v>
      </c>
      <c r="G27" s="16">
        <v>6699027</v>
      </c>
      <c r="H27" s="16">
        <v>5346849</v>
      </c>
      <c r="I27" s="16">
        <v>4495814</v>
      </c>
      <c r="J27" s="16">
        <v>2835099</v>
      </c>
      <c r="K27" s="16">
        <v>1130943</v>
      </c>
      <c r="L27" s="16">
        <v>89271</v>
      </c>
      <c r="M27" s="16">
        <v>440501</v>
      </c>
      <c r="N27" s="16">
        <v>851035</v>
      </c>
      <c r="O27" s="16">
        <v>57686</v>
      </c>
      <c r="P27" s="16">
        <v>70263</v>
      </c>
      <c r="Q27" s="16">
        <v>212727</v>
      </c>
      <c r="R27" s="16">
        <v>159791</v>
      </c>
      <c r="S27" s="16">
        <v>42953</v>
      </c>
      <c r="T27" s="16">
        <v>120757</v>
      </c>
      <c r="U27" s="16">
        <v>13450</v>
      </c>
      <c r="V27" s="16">
        <v>33060</v>
      </c>
      <c r="W27" s="16">
        <v>46834</v>
      </c>
      <c r="X27" s="16">
        <v>93514</v>
      </c>
      <c r="Y27" s="16">
        <v>37763</v>
      </c>
      <c r="Z27" s="16">
        <v>1314415</v>
      </c>
      <c r="AA27" s="22" t="s">
        <v>268</v>
      </c>
      <c r="AB27" s="16">
        <v>591774</v>
      </c>
      <c r="AC27" s="16">
        <v>2822547</v>
      </c>
      <c r="AD27" s="16">
        <v>1314415</v>
      </c>
    </row>
    <row r="28" spans="1:30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214</v>
      </c>
      <c r="F28" s="21" t="s">
        <v>418</v>
      </c>
      <c r="G28" s="16">
        <v>4920748</v>
      </c>
      <c r="H28" s="16">
        <v>3737013</v>
      </c>
      <c r="I28" s="16">
        <v>2925117</v>
      </c>
      <c r="J28" s="16">
        <v>1750451</v>
      </c>
      <c r="K28" s="16">
        <v>655905</v>
      </c>
      <c r="L28" s="16">
        <v>85681</v>
      </c>
      <c r="M28" s="16">
        <v>433080</v>
      </c>
      <c r="N28" s="16">
        <v>811896</v>
      </c>
      <c r="O28" s="16">
        <v>77126</v>
      </c>
      <c r="P28" s="16">
        <v>110389</v>
      </c>
      <c r="Q28" s="16">
        <v>163782</v>
      </c>
      <c r="R28" s="16">
        <v>191343</v>
      </c>
      <c r="S28" s="16">
        <v>26955</v>
      </c>
      <c r="T28" s="16">
        <v>73359</v>
      </c>
      <c r="U28" s="16">
        <v>17302</v>
      </c>
      <c r="V28" s="16">
        <v>34082</v>
      </c>
      <c r="W28" s="16">
        <v>26079</v>
      </c>
      <c r="X28" s="16">
        <v>91479</v>
      </c>
      <c r="Y28" s="16">
        <v>24763</v>
      </c>
      <c r="Z28" s="16">
        <v>1158972</v>
      </c>
      <c r="AA28" s="22" t="s">
        <v>268</v>
      </c>
      <c r="AB28" s="16">
        <v>535696</v>
      </c>
      <c r="AC28" s="16">
        <v>1747570</v>
      </c>
      <c r="AD28" s="16">
        <v>1158972</v>
      </c>
    </row>
    <row r="29" spans="1:30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214</v>
      </c>
      <c r="F29" s="21" t="s">
        <v>419</v>
      </c>
      <c r="G29" s="16">
        <v>3109232</v>
      </c>
      <c r="H29" s="16">
        <v>2219363</v>
      </c>
      <c r="I29" s="16">
        <v>1484109</v>
      </c>
      <c r="J29" s="16">
        <v>789836</v>
      </c>
      <c r="K29" s="16">
        <v>271727</v>
      </c>
      <c r="L29" s="16">
        <v>68739</v>
      </c>
      <c r="M29" s="16">
        <v>353807</v>
      </c>
      <c r="N29" s="16">
        <v>735254</v>
      </c>
      <c r="O29" s="16">
        <v>69778</v>
      </c>
      <c r="P29" s="16">
        <v>182676</v>
      </c>
      <c r="Q29" s="16">
        <v>87912</v>
      </c>
      <c r="R29" s="16">
        <v>195039</v>
      </c>
      <c r="S29" s="16">
        <v>13237</v>
      </c>
      <c r="T29" s="16">
        <v>33609</v>
      </c>
      <c r="U29" s="16">
        <v>19003</v>
      </c>
      <c r="V29" s="16">
        <v>41667</v>
      </c>
      <c r="W29" s="16">
        <v>14252</v>
      </c>
      <c r="X29" s="16">
        <v>78081</v>
      </c>
      <c r="Y29" s="16">
        <v>15118</v>
      </c>
      <c r="Z29" s="16">
        <v>874751</v>
      </c>
      <c r="AA29" s="22" t="s">
        <v>268</v>
      </c>
      <c r="AB29" s="16">
        <v>427497</v>
      </c>
      <c r="AC29" s="16">
        <v>789091</v>
      </c>
      <c r="AD29" s="16">
        <v>874751</v>
      </c>
    </row>
    <row r="30" spans="1:30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214</v>
      </c>
      <c r="F30" s="21" t="s">
        <v>420</v>
      </c>
      <c r="G30" s="16">
        <v>1274734</v>
      </c>
      <c r="H30" s="16">
        <v>890890</v>
      </c>
      <c r="I30" s="16">
        <v>458305</v>
      </c>
      <c r="J30" s="16">
        <v>183966</v>
      </c>
      <c r="K30" s="16">
        <v>59889</v>
      </c>
      <c r="L30" s="16">
        <v>34131</v>
      </c>
      <c r="M30" s="16">
        <v>180319</v>
      </c>
      <c r="N30" s="16">
        <v>432585</v>
      </c>
      <c r="O30" s="16">
        <v>28188</v>
      </c>
      <c r="P30" s="16">
        <v>156930</v>
      </c>
      <c r="Q30" s="16">
        <v>23136</v>
      </c>
      <c r="R30" s="16">
        <v>113749</v>
      </c>
      <c r="S30" s="16">
        <v>4407</v>
      </c>
      <c r="T30" s="16">
        <v>9343</v>
      </c>
      <c r="U30" s="16">
        <v>12503</v>
      </c>
      <c r="V30" s="16">
        <v>34933</v>
      </c>
      <c r="W30" s="16">
        <v>5240</v>
      </c>
      <c r="X30" s="16">
        <v>44156</v>
      </c>
      <c r="Y30" s="16">
        <v>6318</v>
      </c>
      <c r="Z30" s="16">
        <v>377526</v>
      </c>
      <c r="AA30" s="22" t="s">
        <v>268</v>
      </c>
      <c r="AB30" s="16">
        <v>222949</v>
      </c>
      <c r="AC30" s="16">
        <v>183844</v>
      </c>
      <c r="AD30" s="16">
        <v>377526</v>
      </c>
    </row>
    <row r="31" spans="1:30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214</v>
      </c>
      <c r="F31" s="21" t="s">
        <v>421</v>
      </c>
      <c r="G31" s="16">
        <v>277270</v>
      </c>
      <c r="H31" s="16">
        <v>201506</v>
      </c>
      <c r="I31" s="16">
        <v>80685</v>
      </c>
      <c r="J31" s="16">
        <v>16916</v>
      </c>
      <c r="K31" s="16">
        <v>5660</v>
      </c>
      <c r="L31" s="16">
        <v>8211</v>
      </c>
      <c r="M31" s="16">
        <v>49898</v>
      </c>
      <c r="N31" s="16">
        <v>120821</v>
      </c>
      <c r="O31" s="16">
        <v>3503</v>
      </c>
      <c r="P31" s="16">
        <v>53488</v>
      </c>
      <c r="Q31" s="16">
        <v>2192</v>
      </c>
      <c r="R31" s="16">
        <v>30240</v>
      </c>
      <c r="S31" s="16">
        <v>728</v>
      </c>
      <c r="T31" s="16">
        <v>1342</v>
      </c>
      <c r="U31" s="16">
        <v>3850</v>
      </c>
      <c r="V31" s="16">
        <v>11409</v>
      </c>
      <c r="W31" s="16">
        <v>857</v>
      </c>
      <c r="X31" s="16">
        <v>13212</v>
      </c>
      <c r="Y31" s="16">
        <v>1423</v>
      </c>
      <c r="Z31" s="16">
        <v>74341</v>
      </c>
      <c r="AA31" s="22" t="s">
        <v>268</v>
      </c>
      <c r="AB31" s="16">
        <v>58266</v>
      </c>
      <c r="AC31" s="16">
        <v>16909</v>
      </c>
      <c r="AD31" s="16">
        <v>74341</v>
      </c>
    </row>
    <row r="32" spans="1:30">
      <c r="A32" s="21" t="s">
        <v>232</v>
      </c>
      <c r="B32" s="21" t="s">
        <v>233</v>
      </c>
      <c r="C32" s="21" t="s">
        <v>262</v>
      </c>
      <c r="D32" s="21" t="s">
        <v>214</v>
      </c>
      <c r="E32" s="21" t="s">
        <v>214</v>
      </c>
      <c r="F32" s="21" t="s">
        <v>422</v>
      </c>
      <c r="G32" s="16">
        <v>34459</v>
      </c>
      <c r="H32" s="16">
        <v>26538</v>
      </c>
      <c r="I32" s="16">
        <v>9379</v>
      </c>
      <c r="J32" s="16">
        <v>830</v>
      </c>
      <c r="K32" s="16">
        <v>309</v>
      </c>
      <c r="L32" s="16">
        <v>970</v>
      </c>
      <c r="M32" s="16">
        <v>7270</v>
      </c>
      <c r="N32" s="16">
        <v>17159</v>
      </c>
      <c r="O32" s="16">
        <v>180</v>
      </c>
      <c r="P32" s="16">
        <v>8103</v>
      </c>
      <c r="Q32" s="16">
        <v>89</v>
      </c>
      <c r="R32" s="16">
        <v>3970</v>
      </c>
      <c r="S32" s="16">
        <v>107</v>
      </c>
      <c r="T32" s="16">
        <v>174</v>
      </c>
      <c r="U32" s="16">
        <v>642</v>
      </c>
      <c r="V32" s="16">
        <v>1762</v>
      </c>
      <c r="W32" s="16">
        <v>67</v>
      </c>
      <c r="X32" s="16">
        <v>2065</v>
      </c>
      <c r="Y32" s="16">
        <v>218</v>
      </c>
      <c r="Z32" s="16">
        <v>7703</v>
      </c>
      <c r="AA32" s="22" t="s">
        <v>268</v>
      </c>
      <c r="AB32" s="16">
        <v>8120</v>
      </c>
      <c r="AC32" s="16">
        <v>828</v>
      </c>
      <c r="AD32" s="16">
        <v>7703</v>
      </c>
    </row>
    <row r="33" spans="1:30">
      <c r="A33" s="21" t="s">
        <v>232</v>
      </c>
      <c r="B33" s="21" t="s">
        <v>233</v>
      </c>
      <c r="C33" s="21" t="s">
        <v>262</v>
      </c>
      <c r="D33" s="21" t="s">
        <v>214</v>
      </c>
      <c r="E33" s="21" t="s">
        <v>214</v>
      </c>
      <c r="F33" s="21" t="s">
        <v>423</v>
      </c>
      <c r="G33" s="16">
        <v>2872447</v>
      </c>
      <c r="H33" s="22" t="s">
        <v>268</v>
      </c>
      <c r="I33" s="22" t="s">
        <v>268</v>
      </c>
      <c r="J33" s="22" t="s">
        <v>268</v>
      </c>
      <c r="K33" s="22" t="s">
        <v>268</v>
      </c>
      <c r="L33" s="22" t="s">
        <v>268</v>
      </c>
      <c r="M33" s="22" t="s">
        <v>268</v>
      </c>
      <c r="N33" s="22" t="s">
        <v>268</v>
      </c>
      <c r="O33" s="22" t="s">
        <v>268</v>
      </c>
      <c r="P33" s="22" t="s">
        <v>268</v>
      </c>
      <c r="Q33" s="22" t="s">
        <v>268</v>
      </c>
      <c r="R33" s="22" t="s">
        <v>268</v>
      </c>
      <c r="S33" s="22" t="s">
        <v>268</v>
      </c>
      <c r="T33" s="22" t="s">
        <v>268</v>
      </c>
      <c r="U33" s="22" t="s">
        <v>268</v>
      </c>
      <c r="V33" s="22" t="s">
        <v>268</v>
      </c>
      <c r="W33" s="22" t="s">
        <v>268</v>
      </c>
      <c r="X33" s="22" t="s">
        <v>268</v>
      </c>
      <c r="Y33" s="22" t="s">
        <v>268</v>
      </c>
      <c r="Z33" s="16">
        <v>2402603</v>
      </c>
      <c r="AA33" s="16">
        <v>469844</v>
      </c>
      <c r="AB33" s="22" t="s">
        <v>268</v>
      </c>
      <c r="AC33" s="22" t="s">
        <v>268</v>
      </c>
      <c r="AD33" s="22" t="s">
        <v>268</v>
      </c>
    </row>
    <row r="34" spans="1:30">
      <c r="A34" s="21" t="s">
        <v>232</v>
      </c>
      <c r="B34" s="21" t="s">
        <v>233</v>
      </c>
      <c r="C34" s="21" t="s">
        <v>262</v>
      </c>
      <c r="D34" s="21" t="s">
        <v>214</v>
      </c>
      <c r="E34" s="21" t="s">
        <v>214</v>
      </c>
      <c r="F34" s="21" t="s">
        <v>386</v>
      </c>
      <c r="G34" s="16">
        <v>14919926</v>
      </c>
      <c r="H34" s="16">
        <v>14860844</v>
      </c>
      <c r="I34" s="16">
        <v>13094583</v>
      </c>
      <c r="J34" s="22" t="s">
        <v>268</v>
      </c>
      <c r="K34" s="16">
        <v>11789370</v>
      </c>
      <c r="L34" s="16">
        <v>99805</v>
      </c>
      <c r="M34" s="16">
        <v>1205408</v>
      </c>
      <c r="N34" s="16">
        <v>1766261</v>
      </c>
      <c r="O34" s="22" t="s">
        <v>268</v>
      </c>
      <c r="P34" s="22" t="s">
        <v>268</v>
      </c>
      <c r="Q34" s="16">
        <v>505525</v>
      </c>
      <c r="R34" s="16">
        <v>503221</v>
      </c>
      <c r="S34" s="16">
        <v>16858</v>
      </c>
      <c r="T34" s="16">
        <v>261552</v>
      </c>
      <c r="U34" s="16">
        <v>25011</v>
      </c>
      <c r="V34" s="16">
        <v>261743</v>
      </c>
      <c r="W34" s="16">
        <v>625</v>
      </c>
      <c r="X34" s="16">
        <v>191726</v>
      </c>
      <c r="Y34" s="16">
        <v>58954</v>
      </c>
      <c r="Z34" s="16">
        <v>128</v>
      </c>
      <c r="AA34" s="22" t="s">
        <v>268</v>
      </c>
      <c r="AB34" s="16">
        <v>1710998</v>
      </c>
      <c r="AC34" s="22" t="s">
        <v>268</v>
      </c>
      <c r="AD34" s="22" t="s">
        <v>268</v>
      </c>
    </row>
    <row r="35" spans="1:30">
      <c r="A35" s="21" t="s">
        <v>232</v>
      </c>
      <c r="B35" s="21" t="s">
        <v>233</v>
      </c>
      <c r="C35" s="21" t="s">
        <v>262</v>
      </c>
      <c r="D35" s="21" t="s">
        <v>214</v>
      </c>
      <c r="E35" s="21" t="s">
        <v>214</v>
      </c>
      <c r="F35" s="21" t="s">
        <v>387</v>
      </c>
      <c r="G35" s="16">
        <v>72254926</v>
      </c>
      <c r="H35" s="16">
        <v>59254581</v>
      </c>
      <c r="I35" s="16">
        <v>50556241</v>
      </c>
      <c r="J35" s="16">
        <v>9638805</v>
      </c>
      <c r="K35" s="16">
        <v>33351001</v>
      </c>
      <c r="L35" s="16">
        <v>1101351</v>
      </c>
      <c r="M35" s="16">
        <v>6465084</v>
      </c>
      <c r="N35" s="16">
        <v>8698340</v>
      </c>
      <c r="O35" s="16">
        <v>316648</v>
      </c>
      <c r="P35" s="16">
        <v>848404</v>
      </c>
      <c r="Q35" s="16">
        <v>1514269</v>
      </c>
      <c r="R35" s="16">
        <v>2646084</v>
      </c>
      <c r="S35" s="16">
        <v>140760</v>
      </c>
      <c r="T35" s="16">
        <v>859458</v>
      </c>
      <c r="U35" s="16">
        <v>203423</v>
      </c>
      <c r="V35" s="16">
        <v>682421</v>
      </c>
      <c r="W35" s="16">
        <v>441981</v>
      </c>
      <c r="X35" s="16">
        <v>1044892</v>
      </c>
      <c r="Y35" s="16">
        <v>968840</v>
      </c>
      <c r="Z35" s="16">
        <v>12031505</v>
      </c>
      <c r="AA35" s="22" t="s">
        <v>268</v>
      </c>
      <c r="AB35" s="16">
        <v>6515970</v>
      </c>
      <c r="AC35" s="16">
        <v>703061</v>
      </c>
      <c r="AD35" s="22" t="s">
        <v>268</v>
      </c>
    </row>
    <row r="36" spans="1:30">
      <c r="A36" s="21" t="s">
        <v>232</v>
      </c>
      <c r="B36" s="21" t="s">
        <v>233</v>
      </c>
      <c r="C36" s="21" t="s">
        <v>262</v>
      </c>
      <c r="D36" s="21" t="s">
        <v>214</v>
      </c>
      <c r="E36" s="21" t="s">
        <v>214</v>
      </c>
      <c r="F36" s="21" t="s">
        <v>388</v>
      </c>
      <c r="G36" s="16">
        <v>33115696</v>
      </c>
      <c r="H36" s="16">
        <v>26194818</v>
      </c>
      <c r="I36" s="16">
        <v>20981814</v>
      </c>
      <c r="J36" s="16">
        <v>12678875</v>
      </c>
      <c r="K36" s="16">
        <v>5501127</v>
      </c>
      <c r="L36" s="16">
        <v>468712</v>
      </c>
      <c r="M36" s="16">
        <v>2333100</v>
      </c>
      <c r="N36" s="16">
        <v>5213004</v>
      </c>
      <c r="O36" s="16">
        <v>320248</v>
      </c>
      <c r="P36" s="16">
        <v>978035</v>
      </c>
      <c r="Q36" s="16">
        <v>906742</v>
      </c>
      <c r="R36" s="16">
        <v>1080098</v>
      </c>
      <c r="S36" s="16">
        <v>188158</v>
      </c>
      <c r="T36" s="16">
        <v>545677</v>
      </c>
      <c r="U36" s="16">
        <v>106519</v>
      </c>
      <c r="V36" s="16">
        <v>297875</v>
      </c>
      <c r="W36" s="16">
        <v>278507</v>
      </c>
      <c r="X36" s="16">
        <v>511145</v>
      </c>
      <c r="Y36" s="16">
        <v>204072</v>
      </c>
      <c r="Z36" s="16">
        <v>6716806</v>
      </c>
      <c r="AA36" s="22" t="s">
        <v>268</v>
      </c>
      <c r="AB36" s="16">
        <v>3215747</v>
      </c>
      <c r="AC36" s="16">
        <v>12364729</v>
      </c>
      <c r="AD36" s="16">
        <v>6716806</v>
      </c>
    </row>
    <row r="37" spans="1:30">
      <c r="A37" s="21" t="s">
        <v>232</v>
      </c>
      <c r="B37" s="21" t="s">
        <v>233</v>
      </c>
      <c r="C37" s="21" t="s">
        <v>262</v>
      </c>
      <c r="D37" s="21" t="s">
        <v>214</v>
      </c>
      <c r="E37" s="21" t="s">
        <v>214</v>
      </c>
      <c r="F37" s="21" t="s">
        <v>389</v>
      </c>
      <c r="G37" s="16">
        <v>16315470</v>
      </c>
      <c r="H37" s="16">
        <v>12422159</v>
      </c>
      <c r="I37" s="16">
        <v>9453409</v>
      </c>
      <c r="J37" s="16">
        <v>5577098</v>
      </c>
      <c r="K37" s="16">
        <v>2124433</v>
      </c>
      <c r="L37" s="16">
        <v>287003</v>
      </c>
      <c r="M37" s="16">
        <v>1464875</v>
      </c>
      <c r="N37" s="16">
        <v>2968750</v>
      </c>
      <c r="O37" s="16">
        <v>236461</v>
      </c>
      <c r="P37" s="16">
        <v>581849</v>
      </c>
      <c r="Q37" s="16">
        <v>489838</v>
      </c>
      <c r="R37" s="16">
        <v>694132</v>
      </c>
      <c r="S37" s="16">
        <v>88387</v>
      </c>
      <c r="T37" s="16">
        <v>238584</v>
      </c>
      <c r="U37" s="16">
        <v>66750</v>
      </c>
      <c r="V37" s="16">
        <v>156913</v>
      </c>
      <c r="W37" s="16">
        <v>93329</v>
      </c>
      <c r="X37" s="16">
        <v>322507</v>
      </c>
      <c r="Y37" s="16">
        <v>85603</v>
      </c>
      <c r="Z37" s="16">
        <v>3807708</v>
      </c>
      <c r="AA37" s="22" t="s">
        <v>268</v>
      </c>
      <c r="AB37" s="16">
        <v>1844302</v>
      </c>
      <c r="AC37" s="16">
        <v>5560789</v>
      </c>
      <c r="AD37" s="16">
        <v>3807708</v>
      </c>
    </row>
    <row r="38" spans="1:30">
      <c r="A38" s="21" t="s">
        <v>232</v>
      </c>
      <c r="B38" s="21" t="s">
        <v>233</v>
      </c>
      <c r="C38" s="21" t="s">
        <v>262</v>
      </c>
      <c r="D38" s="21" t="s">
        <v>214</v>
      </c>
      <c r="E38" s="21" t="s">
        <v>214</v>
      </c>
      <c r="F38" s="21" t="s">
        <v>390</v>
      </c>
      <c r="G38" s="16">
        <v>4695695</v>
      </c>
      <c r="H38" s="16">
        <v>3338297</v>
      </c>
      <c r="I38" s="16">
        <v>2032478</v>
      </c>
      <c r="J38" s="16">
        <v>991548</v>
      </c>
      <c r="K38" s="16">
        <v>337585</v>
      </c>
      <c r="L38" s="16">
        <v>112051</v>
      </c>
      <c r="M38" s="16">
        <v>591294</v>
      </c>
      <c r="N38" s="16">
        <v>1305819</v>
      </c>
      <c r="O38" s="16">
        <v>101649</v>
      </c>
      <c r="P38" s="16">
        <v>401197</v>
      </c>
      <c r="Q38" s="16">
        <v>113329</v>
      </c>
      <c r="R38" s="16">
        <v>342998</v>
      </c>
      <c r="S38" s="16">
        <v>18479</v>
      </c>
      <c r="T38" s="16">
        <v>44468</v>
      </c>
      <c r="U38" s="16">
        <v>35998</v>
      </c>
      <c r="V38" s="16">
        <v>89771</v>
      </c>
      <c r="W38" s="16">
        <v>20416</v>
      </c>
      <c r="X38" s="16">
        <v>137514</v>
      </c>
      <c r="Y38" s="16">
        <v>23077</v>
      </c>
      <c r="Z38" s="16">
        <v>1334321</v>
      </c>
      <c r="AA38" s="22" t="s">
        <v>268</v>
      </c>
      <c r="AB38" s="16">
        <v>716832</v>
      </c>
      <c r="AC38" s="16">
        <v>990672</v>
      </c>
      <c r="AD38" s="16">
        <v>1334321</v>
      </c>
    </row>
    <row r="39" spans="1:30">
      <c r="A39" s="21" t="s">
        <v>232</v>
      </c>
      <c r="B39" s="21" t="s">
        <v>233</v>
      </c>
      <c r="C39" s="21" t="s">
        <v>262</v>
      </c>
      <c r="D39" s="21" t="s">
        <v>214</v>
      </c>
      <c r="E39" s="21" t="s">
        <v>214</v>
      </c>
      <c r="F39" s="21" t="s">
        <v>391</v>
      </c>
      <c r="G39" s="16">
        <v>74747100</v>
      </c>
      <c r="H39" s="16">
        <v>60675497</v>
      </c>
      <c r="I39" s="16">
        <v>51642551</v>
      </c>
      <c r="J39" s="16">
        <v>12855240</v>
      </c>
      <c r="K39" s="16">
        <v>31593728</v>
      </c>
      <c r="L39" s="16">
        <v>1087491</v>
      </c>
      <c r="M39" s="16">
        <v>6106092</v>
      </c>
      <c r="N39" s="16">
        <v>9032946</v>
      </c>
      <c r="O39" s="16">
        <v>357052</v>
      </c>
      <c r="P39" s="16">
        <v>1104193</v>
      </c>
      <c r="Q39" s="16">
        <v>1481206</v>
      </c>
      <c r="R39" s="16">
        <v>2579351</v>
      </c>
      <c r="S39" s="16">
        <v>166996</v>
      </c>
      <c r="T39" s="16">
        <v>883827</v>
      </c>
      <c r="U39" s="16">
        <v>221770</v>
      </c>
      <c r="V39" s="16">
        <v>707946</v>
      </c>
      <c r="W39" s="16">
        <v>525490</v>
      </c>
      <c r="X39" s="16">
        <v>1005115</v>
      </c>
      <c r="Y39" s="16">
        <v>996626</v>
      </c>
      <c r="Z39" s="16">
        <v>13074977</v>
      </c>
      <c r="AA39" s="22" t="s">
        <v>268</v>
      </c>
      <c r="AB39" s="16">
        <v>6419335</v>
      </c>
      <c r="AC39" s="16">
        <v>3685958</v>
      </c>
      <c r="AD39" s="16">
        <v>1331095</v>
      </c>
    </row>
    <row r="40" spans="1:30">
      <c r="A40" s="21" t="s">
        <v>232</v>
      </c>
      <c r="B40" s="21" t="s">
        <v>233</v>
      </c>
      <c r="C40" s="21" t="s">
        <v>262</v>
      </c>
      <c r="D40" s="21" t="s">
        <v>215</v>
      </c>
      <c r="E40" s="21" t="s">
        <v>214</v>
      </c>
      <c r="F40" s="21" t="s">
        <v>401</v>
      </c>
      <c r="G40" s="16">
        <v>60220542</v>
      </c>
      <c r="H40" s="16">
        <v>48442352</v>
      </c>
      <c r="I40" s="16">
        <v>41499858</v>
      </c>
      <c r="J40" s="16">
        <v>11158840</v>
      </c>
      <c r="K40" s="16">
        <v>25874752</v>
      </c>
      <c r="L40" s="16">
        <v>1283031</v>
      </c>
      <c r="M40" s="16">
        <v>3183235</v>
      </c>
      <c r="N40" s="16">
        <v>6942494</v>
      </c>
      <c r="O40" s="16">
        <v>318448</v>
      </c>
      <c r="P40" s="16">
        <v>687038</v>
      </c>
      <c r="Q40" s="16">
        <v>1479406</v>
      </c>
      <c r="R40" s="16">
        <v>1849648</v>
      </c>
      <c r="S40" s="16">
        <v>172198</v>
      </c>
      <c r="T40" s="16">
        <v>750584</v>
      </c>
      <c r="U40" s="16">
        <v>151916</v>
      </c>
      <c r="V40" s="16">
        <v>563303</v>
      </c>
      <c r="W40" s="16">
        <v>348884</v>
      </c>
      <c r="X40" s="16">
        <v>621069</v>
      </c>
      <c r="Y40" s="16">
        <v>609661</v>
      </c>
      <c r="Z40" s="16">
        <v>10936246</v>
      </c>
      <c r="AA40" s="16">
        <v>232283</v>
      </c>
      <c r="AB40" s="16">
        <v>5101945</v>
      </c>
      <c r="AC40" s="16">
        <v>6533895</v>
      </c>
      <c r="AD40" s="16">
        <v>2308171</v>
      </c>
    </row>
    <row r="41" spans="1:30">
      <c r="A41" s="21" t="s">
        <v>232</v>
      </c>
      <c r="B41" s="21" t="s">
        <v>233</v>
      </c>
      <c r="C41" s="21" t="s">
        <v>262</v>
      </c>
      <c r="D41" s="21" t="s">
        <v>215</v>
      </c>
      <c r="E41" s="21" t="s">
        <v>214</v>
      </c>
      <c r="F41" s="21" t="s">
        <v>402</v>
      </c>
      <c r="G41" s="16">
        <v>2308168</v>
      </c>
      <c r="H41" s="16">
        <v>2299728</v>
      </c>
      <c r="I41" s="16">
        <v>2068414</v>
      </c>
      <c r="J41" s="22" t="s">
        <v>268</v>
      </c>
      <c r="K41" s="16">
        <v>1967715</v>
      </c>
      <c r="L41" s="16">
        <v>5331</v>
      </c>
      <c r="M41" s="16">
        <v>95368</v>
      </c>
      <c r="N41" s="16">
        <v>231314</v>
      </c>
      <c r="O41" s="22" t="s">
        <v>268</v>
      </c>
      <c r="P41" s="22" t="s">
        <v>268</v>
      </c>
      <c r="Q41" s="16">
        <v>61824</v>
      </c>
      <c r="R41" s="16">
        <v>55062</v>
      </c>
      <c r="S41" s="16">
        <v>2164</v>
      </c>
      <c r="T41" s="16">
        <v>34699</v>
      </c>
      <c r="U41" s="16">
        <v>6368</v>
      </c>
      <c r="V41" s="16">
        <v>49679</v>
      </c>
      <c r="W41" s="16">
        <v>15</v>
      </c>
      <c r="X41" s="16">
        <v>21503</v>
      </c>
      <c r="Y41" s="16">
        <v>8440</v>
      </c>
      <c r="Z41" s="22" t="s">
        <v>268</v>
      </c>
      <c r="AA41" s="22" t="s">
        <v>268</v>
      </c>
      <c r="AB41" s="16">
        <v>224355</v>
      </c>
      <c r="AC41" s="22" t="s">
        <v>268</v>
      </c>
      <c r="AD41" s="22" t="s">
        <v>268</v>
      </c>
    </row>
    <row r="42" spans="1:30">
      <c r="A42" s="21" t="s">
        <v>232</v>
      </c>
      <c r="B42" s="21" t="s">
        <v>233</v>
      </c>
      <c r="C42" s="21" t="s">
        <v>262</v>
      </c>
      <c r="D42" s="21" t="s">
        <v>215</v>
      </c>
      <c r="E42" s="21" t="s">
        <v>214</v>
      </c>
      <c r="F42" s="21" t="s">
        <v>403</v>
      </c>
      <c r="G42" s="16">
        <v>2601626</v>
      </c>
      <c r="H42" s="16">
        <v>2591889</v>
      </c>
      <c r="I42" s="16">
        <v>2288032</v>
      </c>
      <c r="J42" s="22" t="s">
        <v>268</v>
      </c>
      <c r="K42" s="16">
        <v>2065072</v>
      </c>
      <c r="L42" s="16">
        <v>15813</v>
      </c>
      <c r="M42" s="16">
        <v>207147</v>
      </c>
      <c r="N42" s="16">
        <v>303857</v>
      </c>
      <c r="O42" s="22" t="s">
        <v>268</v>
      </c>
      <c r="P42" s="22" t="s">
        <v>268</v>
      </c>
      <c r="Q42" s="16">
        <v>89172</v>
      </c>
      <c r="R42" s="16">
        <v>85111</v>
      </c>
      <c r="S42" s="16">
        <v>2548</v>
      </c>
      <c r="T42" s="16">
        <v>45149</v>
      </c>
      <c r="U42" s="16">
        <v>4073</v>
      </c>
      <c r="V42" s="16">
        <v>46425</v>
      </c>
      <c r="W42" s="16">
        <v>48</v>
      </c>
      <c r="X42" s="16">
        <v>31331</v>
      </c>
      <c r="Y42" s="16">
        <v>9736</v>
      </c>
      <c r="Z42" s="16">
        <v>1</v>
      </c>
      <c r="AA42" s="22" t="s">
        <v>268</v>
      </c>
      <c r="AB42" s="16">
        <v>295244</v>
      </c>
      <c r="AC42" s="22" t="s">
        <v>268</v>
      </c>
      <c r="AD42" s="22" t="s">
        <v>268</v>
      </c>
    </row>
    <row r="43" spans="1:30">
      <c r="A43" s="21" t="s">
        <v>232</v>
      </c>
      <c r="B43" s="21" t="s">
        <v>233</v>
      </c>
      <c r="C43" s="21" t="s">
        <v>262</v>
      </c>
      <c r="D43" s="21" t="s">
        <v>215</v>
      </c>
      <c r="E43" s="21" t="s">
        <v>214</v>
      </c>
      <c r="F43" s="21" t="s">
        <v>404</v>
      </c>
      <c r="G43" s="16">
        <v>2729237</v>
      </c>
      <c r="H43" s="16">
        <v>2717177</v>
      </c>
      <c r="I43" s="16">
        <v>2349180</v>
      </c>
      <c r="J43" s="22" t="s">
        <v>268</v>
      </c>
      <c r="K43" s="16">
        <v>2005555</v>
      </c>
      <c r="L43" s="16">
        <v>32471</v>
      </c>
      <c r="M43" s="16">
        <v>311154</v>
      </c>
      <c r="N43" s="16">
        <v>367997</v>
      </c>
      <c r="O43" s="22" t="s">
        <v>268</v>
      </c>
      <c r="P43" s="22" t="s">
        <v>268</v>
      </c>
      <c r="Q43" s="16">
        <v>107394</v>
      </c>
      <c r="R43" s="16">
        <v>117133</v>
      </c>
      <c r="S43" s="16">
        <v>3858</v>
      </c>
      <c r="T43" s="16">
        <v>53811</v>
      </c>
      <c r="U43" s="16">
        <v>2469</v>
      </c>
      <c r="V43" s="16">
        <v>38207</v>
      </c>
      <c r="W43" s="16">
        <v>264</v>
      </c>
      <c r="X43" s="16">
        <v>44861</v>
      </c>
      <c r="Y43" s="16">
        <v>11967</v>
      </c>
      <c r="Z43" s="16">
        <v>93</v>
      </c>
      <c r="AA43" s="22" t="s">
        <v>268</v>
      </c>
      <c r="AB43" s="16">
        <v>355654</v>
      </c>
      <c r="AC43" s="22" t="s">
        <v>268</v>
      </c>
      <c r="AD43" s="22" t="s">
        <v>268</v>
      </c>
    </row>
    <row r="44" spans="1:30">
      <c r="A44" s="21" t="s">
        <v>232</v>
      </c>
      <c r="B44" s="21" t="s">
        <v>233</v>
      </c>
      <c r="C44" s="21" t="s">
        <v>262</v>
      </c>
      <c r="D44" s="21" t="s">
        <v>215</v>
      </c>
      <c r="E44" s="21" t="s">
        <v>214</v>
      </c>
      <c r="F44" s="21" t="s">
        <v>405</v>
      </c>
      <c r="G44" s="16">
        <v>2781606</v>
      </c>
      <c r="H44" s="16">
        <v>2604692</v>
      </c>
      <c r="I44" s="16">
        <v>2193236</v>
      </c>
      <c r="J44" s="16">
        <v>798</v>
      </c>
      <c r="K44" s="16">
        <v>1752256</v>
      </c>
      <c r="L44" s="16">
        <v>53452</v>
      </c>
      <c r="M44" s="16">
        <v>386730</v>
      </c>
      <c r="N44" s="16">
        <v>411456</v>
      </c>
      <c r="O44" s="16">
        <v>79</v>
      </c>
      <c r="P44" s="16">
        <v>57</v>
      </c>
      <c r="Q44" s="16">
        <v>103748</v>
      </c>
      <c r="R44" s="16">
        <v>141218</v>
      </c>
      <c r="S44" s="16">
        <v>8452</v>
      </c>
      <c r="T44" s="16">
        <v>57902</v>
      </c>
      <c r="U44" s="16">
        <v>2444</v>
      </c>
      <c r="V44" s="16">
        <v>27985</v>
      </c>
      <c r="W44" s="16">
        <v>5097</v>
      </c>
      <c r="X44" s="16">
        <v>64474</v>
      </c>
      <c r="Y44" s="16">
        <v>15776</v>
      </c>
      <c r="Z44" s="16">
        <v>161138</v>
      </c>
      <c r="AA44" s="22" t="s">
        <v>268</v>
      </c>
      <c r="AB44" s="16">
        <v>383568</v>
      </c>
      <c r="AC44" s="22" t="s">
        <v>268</v>
      </c>
      <c r="AD44" s="22" t="s">
        <v>268</v>
      </c>
    </row>
    <row r="45" spans="1:30">
      <c r="A45" s="21" t="s">
        <v>232</v>
      </c>
      <c r="B45" s="21" t="s">
        <v>233</v>
      </c>
      <c r="C45" s="21" t="s">
        <v>262</v>
      </c>
      <c r="D45" s="21" t="s">
        <v>215</v>
      </c>
      <c r="E45" s="21" t="s">
        <v>214</v>
      </c>
      <c r="F45" s="21" t="s">
        <v>406</v>
      </c>
      <c r="G45" s="16">
        <v>2948345</v>
      </c>
      <c r="H45" s="16">
        <v>1959923</v>
      </c>
      <c r="I45" s="16">
        <v>1592950</v>
      </c>
      <c r="J45" s="16">
        <v>42988</v>
      </c>
      <c r="K45" s="16">
        <v>1194340</v>
      </c>
      <c r="L45" s="16">
        <v>59022</v>
      </c>
      <c r="M45" s="16">
        <v>296600</v>
      </c>
      <c r="N45" s="16">
        <v>366973</v>
      </c>
      <c r="O45" s="16">
        <v>967</v>
      </c>
      <c r="P45" s="16">
        <v>785</v>
      </c>
      <c r="Q45" s="16">
        <v>64601</v>
      </c>
      <c r="R45" s="16">
        <v>127922</v>
      </c>
      <c r="S45" s="16">
        <v>12173</v>
      </c>
      <c r="T45" s="16">
        <v>43120</v>
      </c>
      <c r="U45" s="16">
        <v>5760</v>
      </c>
      <c r="V45" s="16">
        <v>21627</v>
      </c>
      <c r="W45" s="16">
        <v>19629</v>
      </c>
      <c r="X45" s="16">
        <v>70389</v>
      </c>
      <c r="Y45" s="16">
        <v>58765</v>
      </c>
      <c r="Z45" s="16">
        <v>929657</v>
      </c>
      <c r="AA45" s="22" t="s">
        <v>268</v>
      </c>
      <c r="AB45" s="16">
        <v>310241</v>
      </c>
      <c r="AC45" s="22" t="s">
        <v>268</v>
      </c>
      <c r="AD45" s="22" t="s">
        <v>268</v>
      </c>
    </row>
    <row r="46" spans="1:30">
      <c r="A46" s="21" t="s">
        <v>232</v>
      </c>
      <c r="B46" s="21" t="s">
        <v>233</v>
      </c>
      <c r="C46" s="21" t="s">
        <v>262</v>
      </c>
      <c r="D46" s="21" t="s">
        <v>215</v>
      </c>
      <c r="E46" s="21" t="s">
        <v>214</v>
      </c>
      <c r="F46" s="21" t="s">
        <v>407</v>
      </c>
      <c r="G46" s="16">
        <v>3040167</v>
      </c>
      <c r="H46" s="16">
        <v>1888373</v>
      </c>
      <c r="I46" s="16">
        <v>1575483</v>
      </c>
      <c r="J46" s="16">
        <v>307232</v>
      </c>
      <c r="K46" s="16">
        <v>1019244</v>
      </c>
      <c r="L46" s="16">
        <v>50022</v>
      </c>
      <c r="M46" s="16">
        <v>198985</v>
      </c>
      <c r="N46" s="16">
        <v>312890</v>
      </c>
      <c r="O46" s="16">
        <v>3130</v>
      </c>
      <c r="P46" s="16">
        <v>2912</v>
      </c>
      <c r="Q46" s="16">
        <v>42627</v>
      </c>
      <c r="R46" s="16">
        <v>114591</v>
      </c>
      <c r="S46" s="16">
        <v>9036</v>
      </c>
      <c r="T46" s="16">
        <v>28627</v>
      </c>
      <c r="U46" s="16">
        <v>9928</v>
      </c>
      <c r="V46" s="16">
        <v>25407</v>
      </c>
      <c r="W46" s="16">
        <v>17277</v>
      </c>
      <c r="X46" s="16">
        <v>59355</v>
      </c>
      <c r="Y46" s="16">
        <v>97011</v>
      </c>
      <c r="Z46" s="16">
        <v>1054783</v>
      </c>
      <c r="AA46" s="22" t="s">
        <v>268</v>
      </c>
      <c r="AB46" s="16">
        <v>256740</v>
      </c>
      <c r="AC46" s="22" t="s">
        <v>268</v>
      </c>
      <c r="AD46" s="22" t="s">
        <v>268</v>
      </c>
    </row>
    <row r="47" spans="1:30">
      <c r="A47" s="21" t="s">
        <v>232</v>
      </c>
      <c r="B47" s="21" t="s">
        <v>233</v>
      </c>
      <c r="C47" s="21" t="s">
        <v>262</v>
      </c>
      <c r="D47" s="21" t="s">
        <v>215</v>
      </c>
      <c r="E47" s="21" t="s">
        <v>214</v>
      </c>
      <c r="F47" s="21" t="s">
        <v>408</v>
      </c>
      <c r="G47" s="16">
        <v>3269747</v>
      </c>
      <c r="H47" s="16">
        <v>2429909</v>
      </c>
      <c r="I47" s="16">
        <v>2143042</v>
      </c>
      <c r="J47" s="16">
        <v>397954</v>
      </c>
      <c r="K47" s="16">
        <v>1528298</v>
      </c>
      <c r="L47" s="16">
        <v>50327</v>
      </c>
      <c r="M47" s="16">
        <v>166463</v>
      </c>
      <c r="N47" s="16">
        <v>286867</v>
      </c>
      <c r="O47" s="16">
        <v>5431</v>
      </c>
      <c r="P47" s="16">
        <v>5365</v>
      </c>
      <c r="Q47" s="16">
        <v>40998</v>
      </c>
      <c r="R47" s="16">
        <v>100028</v>
      </c>
      <c r="S47" s="16">
        <v>5841</v>
      </c>
      <c r="T47" s="16">
        <v>22882</v>
      </c>
      <c r="U47" s="16">
        <v>11351</v>
      </c>
      <c r="V47" s="16">
        <v>35870</v>
      </c>
      <c r="W47" s="16">
        <v>13925</v>
      </c>
      <c r="X47" s="16">
        <v>45176</v>
      </c>
      <c r="Y47" s="16">
        <v>61910</v>
      </c>
      <c r="Z47" s="16">
        <v>777928</v>
      </c>
      <c r="AA47" s="22" t="s">
        <v>268</v>
      </c>
      <c r="AB47" s="16">
        <v>234185</v>
      </c>
      <c r="AC47" s="22" t="s">
        <v>268</v>
      </c>
      <c r="AD47" s="22" t="s">
        <v>268</v>
      </c>
    </row>
    <row r="48" spans="1:30">
      <c r="A48" s="21" t="s">
        <v>232</v>
      </c>
      <c r="B48" s="21" t="s">
        <v>233</v>
      </c>
      <c r="C48" s="21" t="s">
        <v>262</v>
      </c>
      <c r="D48" s="21" t="s">
        <v>215</v>
      </c>
      <c r="E48" s="21" t="s">
        <v>214</v>
      </c>
      <c r="F48" s="21" t="s">
        <v>409</v>
      </c>
      <c r="G48" s="16">
        <v>3670006</v>
      </c>
      <c r="H48" s="16">
        <v>2958070</v>
      </c>
      <c r="I48" s="16">
        <v>2655177</v>
      </c>
      <c r="J48" s="16">
        <v>343246</v>
      </c>
      <c r="K48" s="16">
        <v>2076319</v>
      </c>
      <c r="L48" s="16">
        <v>61858</v>
      </c>
      <c r="M48" s="16">
        <v>173754</v>
      </c>
      <c r="N48" s="16">
        <v>302893</v>
      </c>
      <c r="O48" s="16">
        <v>7959</v>
      </c>
      <c r="P48" s="16">
        <v>8779</v>
      </c>
      <c r="Q48" s="16">
        <v>63117</v>
      </c>
      <c r="R48" s="16">
        <v>93295</v>
      </c>
      <c r="S48" s="16">
        <v>4048</v>
      </c>
      <c r="T48" s="16">
        <v>24048</v>
      </c>
      <c r="U48" s="16">
        <v>10162</v>
      </c>
      <c r="V48" s="16">
        <v>43554</v>
      </c>
      <c r="W48" s="16">
        <v>13228</v>
      </c>
      <c r="X48" s="16">
        <v>34703</v>
      </c>
      <c r="Y48" s="16">
        <v>45917</v>
      </c>
      <c r="Z48" s="16">
        <v>666019</v>
      </c>
      <c r="AA48" s="22" t="s">
        <v>268</v>
      </c>
      <c r="AB48" s="16">
        <v>248161</v>
      </c>
      <c r="AC48" s="22" t="s">
        <v>268</v>
      </c>
      <c r="AD48" s="22" t="s">
        <v>268</v>
      </c>
    </row>
    <row r="49" spans="1:30">
      <c r="A49" s="21" t="s">
        <v>232</v>
      </c>
      <c r="B49" s="21" t="s">
        <v>233</v>
      </c>
      <c r="C49" s="21" t="s">
        <v>262</v>
      </c>
      <c r="D49" s="21" t="s">
        <v>215</v>
      </c>
      <c r="E49" s="21" t="s">
        <v>214</v>
      </c>
      <c r="F49" s="21" t="s">
        <v>410</v>
      </c>
      <c r="G49" s="16">
        <v>4158496</v>
      </c>
      <c r="H49" s="16">
        <v>3441837</v>
      </c>
      <c r="I49" s="16">
        <v>3085674</v>
      </c>
      <c r="J49" s="16">
        <v>360603</v>
      </c>
      <c r="K49" s="16">
        <v>2423326</v>
      </c>
      <c r="L49" s="16">
        <v>83698</v>
      </c>
      <c r="M49" s="16">
        <v>218047</v>
      </c>
      <c r="N49" s="16">
        <v>356163</v>
      </c>
      <c r="O49" s="16">
        <v>11861</v>
      </c>
      <c r="P49" s="16">
        <v>14917</v>
      </c>
      <c r="Q49" s="16">
        <v>96911</v>
      </c>
      <c r="R49" s="16">
        <v>105144</v>
      </c>
      <c r="S49" s="16">
        <v>3632</v>
      </c>
      <c r="T49" s="16">
        <v>28272</v>
      </c>
      <c r="U49" s="16">
        <v>8478</v>
      </c>
      <c r="V49" s="16">
        <v>41253</v>
      </c>
      <c r="W49" s="16">
        <v>15852</v>
      </c>
      <c r="X49" s="16">
        <v>29843</v>
      </c>
      <c r="Y49" s="16">
        <v>42319</v>
      </c>
      <c r="Z49" s="16">
        <v>674340</v>
      </c>
      <c r="AA49" s="22" t="s">
        <v>268</v>
      </c>
      <c r="AB49" s="16">
        <v>289127</v>
      </c>
      <c r="AC49" s="22" t="s">
        <v>268</v>
      </c>
      <c r="AD49" s="22" t="s">
        <v>268</v>
      </c>
    </row>
    <row r="50" spans="1:30">
      <c r="A50" s="21" t="s">
        <v>232</v>
      </c>
      <c r="B50" s="21" t="s">
        <v>233</v>
      </c>
      <c r="C50" s="21" t="s">
        <v>262</v>
      </c>
      <c r="D50" s="21" t="s">
        <v>215</v>
      </c>
      <c r="E50" s="21" t="s">
        <v>214</v>
      </c>
      <c r="F50" s="21" t="s">
        <v>411</v>
      </c>
      <c r="G50" s="16">
        <v>4822475</v>
      </c>
      <c r="H50" s="16">
        <v>3943999</v>
      </c>
      <c r="I50" s="16">
        <v>3491312</v>
      </c>
      <c r="J50" s="16">
        <v>491593</v>
      </c>
      <c r="K50" s="16">
        <v>2571036</v>
      </c>
      <c r="L50" s="16">
        <v>118280</v>
      </c>
      <c r="M50" s="16">
        <v>310403</v>
      </c>
      <c r="N50" s="16">
        <v>452687</v>
      </c>
      <c r="O50" s="16">
        <v>21259</v>
      </c>
      <c r="P50" s="16">
        <v>30545</v>
      </c>
      <c r="Q50" s="16">
        <v>120036</v>
      </c>
      <c r="R50" s="16">
        <v>142723</v>
      </c>
      <c r="S50" s="16">
        <v>4479</v>
      </c>
      <c r="T50" s="16">
        <v>32737</v>
      </c>
      <c r="U50" s="16">
        <v>9651</v>
      </c>
      <c r="V50" s="16">
        <v>34454</v>
      </c>
      <c r="W50" s="16">
        <v>24770</v>
      </c>
      <c r="X50" s="16">
        <v>32033</v>
      </c>
      <c r="Y50" s="16">
        <v>47736</v>
      </c>
      <c r="Z50" s="16">
        <v>830740</v>
      </c>
      <c r="AA50" s="22" t="s">
        <v>268</v>
      </c>
      <c r="AB50" s="16">
        <v>347728</v>
      </c>
      <c r="AC50" s="22" t="s">
        <v>268</v>
      </c>
      <c r="AD50" s="22" t="s">
        <v>268</v>
      </c>
    </row>
    <row r="51" spans="1:30">
      <c r="A51" s="21" t="s">
        <v>232</v>
      </c>
      <c r="B51" s="21" t="s">
        <v>233</v>
      </c>
      <c r="C51" s="21" t="s">
        <v>262</v>
      </c>
      <c r="D51" s="21" t="s">
        <v>215</v>
      </c>
      <c r="E51" s="21" t="s">
        <v>214</v>
      </c>
      <c r="F51" s="21" t="s">
        <v>412</v>
      </c>
      <c r="G51" s="16">
        <v>4236233</v>
      </c>
      <c r="H51" s="16">
        <v>3385070</v>
      </c>
      <c r="I51" s="16">
        <v>2916198</v>
      </c>
      <c r="J51" s="16">
        <v>594256</v>
      </c>
      <c r="K51" s="16">
        <v>1904328</v>
      </c>
      <c r="L51" s="16">
        <v>115385</v>
      </c>
      <c r="M51" s="16">
        <v>302229</v>
      </c>
      <c r="N51" s="16">
        <v>468872</v>
      </c>
      <c r="O51" s="16">
        <v>29831</v>
      </c>
      <c r="P51" s="16">
        <v>54561</v>
      </c>
      <c r="Q51" s="16">
        <v>94824</v>
      </c>
      <c r="R51" s="16">
        <v>158378</v>
      </c>
      <c r="S51" s="16">
        <v>4894</v>
      </c>
      <c r="T51" s="16">
        <v>28427</v>
      </c>
      <c r="U51" s="16">
        <v>10821</v>
      </c>
      <c r="V51" s="16">
        <v>25536</v>
      </c>
      <c r="W51" s="16">
        <v>30831</v>
      </c>
      <c r="X51" s="16">
        <v>30769</v>
      </c>
      <c r="Y51" s="16">
        <v>43725</v>
      </c>
      <c r="Z51" s="16">
        <v>807438</v>
      </c>
      <c r="AA51" s="22" t="s">
        <v>268</v>
      </c>
      <c r="AB51" s="16">
        <v>325824</v>
      </c>
      <c r="AC51" s="22" t="s">
        <v>268</v>
      </c>
      <c r="AD51" s="22" t="s">
        <v>268</v>
      </c>
    </row>
    <row r="52" spans="1:30">
      <c r="A52" s="21" t="s">
        <v>232</v>
      </c>
      <c r="B52" s="21" t="s">
        <v>233</v>
      </c>
      <c r="C52" s="21" t="s">
        <v>262</v>
      </c>
      <c r="D52" s="21" t="s">
        <v>215</v>
      </c>
      <c r="E52" s="21" t="s">
        <v>214</v>
      </c>
      <c r="F52" s="21" t="s">
        <v>413</v>
      </c>
      <c r="G52" s="16">
        <v>3823872</v>
      </c>
      <c r="H52" s="16">
        <v>3046605</v>
      </c>
      <c r="I52" s="16">
        <v>2508631</v>
      </c>
      <c r="J52" s="16">
        <v>807565</v>
      </c>
      <c r="K52" s="16">
        <v>1352662</v>
      </c>
      <c r="L52" s="16">
        <v>98077</v>
      </c>
      <c r="M52" s="16">
        <v>250327</v>
      </c>
      <c r="N52" s="16">
        <v>537974</v>
      </c>
      <c r="O52" s="16">
        <v>38770</v>
      </c>
      <c r="P52" s="16">
        <v>107979</v>
      </c>
      <c r="Q52" s="16">
        <v>70143</v>
      </c>
      <c r="R52" s="16">
        <v>178448</v>
      </c>
      <c r="S52" s="16">
        <v>6887</v>
      </c>
      <c r="T52" s="16">
        <v>28671</v>
      </c>
      <c r="U52" s="16">
        <v>13674</v>
      </c>
      <c r="V52" s="16">
        <v>27124</v>
      </c>
      <c r="W52" s="16">
        <v>36482</v>
      </c>
      <c r="X52" s="16">
        <v>29796</v>
      </c>
      <c r="Y52" s="16">
        <v>36914</v>
      </c>
      <c r="Z52" s="16">
        <v>740353</v>
      </c>
      <c r="AA52" s="22" t="s">
        <v>268</v>
      </c>
      <c r="AB52" s="16">
        <v>324753</v>
      </c>
      <c r="AC52" s="22" t="s">
        <v>268</v>
      </c>
      <c r="AD52" s="22" t="s">
        <v>268</v>
      </c>
    </row>
    <row r="53" spans="1:30">
      <c r="A53" s="21" t="s">
        <v>232</v>
      </c>
      <c r="B53" s="21" t="s">
        <v>233</v>
      </c>
      <c r="C53" s="21" t="s">
        <v>262</v>
      </c>
      <c r="D53" s="21" t="s">
        <v>215</v>
      </c>
      <c r="E53" s="21" t="s">
        <v>214</v>
      </c>
      <c r="F53" s="21" t="s">
        <v>414</v>
      </c>
      <c r="G53" s="16">
        <v>3543716</v>
      </c>
      <c r="H53" s="16">
        <v>2861317</v>
      </c>
      <c r="I53" s="16">
        <v>2290236</v>
      </c>
      <c r="J53" s="16">
        <v>1079954</v>
      </c>
      <c r="K53" s="16">
        <v>971352</v>
      </c>
      <c r="L53" s="16">
        <v>78556</v>
      </c>
      <c r="M53" s="16">
        <v>160374</v>
      </c>
      <c r="N53" s="16">
        <v>571081</v>
      </c>
      <c r="O53" s="16">
        <v>33023</v>
      </c>
      <c r="P53" s="16">
        <v>155566</v>
      </c>
      <c r="Q53" s="16">
        <v>53644</v>
      </c>
      <c r="R53" s="16">
        <v>156537</v>
      </c>
      <c r="S53" s="16">
        <v>11482</v>
      </c>
      <c r="T53" s="16">
        <v>38944</v>
      </c>
      <c r="U53" s="16">
        <v>14538</v>
      </c>
      <c r="V53" s="16">
        <v>34961</v>
      </c>
      <c r="W53" s="16">
        <v>45930</v>
      </c>
      <c r="X53" s="16">
        <v>26456</v>
      </c>
      <c r="Y53" s="16">
        <v>31392</v>
      </c>
      <c r="Z53" s="16">
        <v>651007</v>
      </c>
      <c r="AA53" s="22" t="s">
        <v>268</v>
      </c>
      <c r="AB53" s="16">
        <v>301503</v>
      </c>
      <c r="AC53" s="22" t="s">
        <v>268</v>
      </c>
      <c r="AD53" s="22" t="s">
        <v>268</v>
      </c>
    </row>
    <row r="54" spans="1:30">
      <c r="A54" s="21" t="s">
        <v>232</v>
      </c>
      <c r="B54" s="21" t="s">
        <v>233</v>
      </c>
      <c r="C54" s="21" t="s">
        <v>262</v>
      </c>
      <c r="D54" s="21" t="s">
        <v>215</v>
      </c>
      <c r="E54" s="21" t="s">
        <v>214</v>
      </c>
      <c r="F54" s="21" t="s">
        <v>415</v>
      </c>
      <c r="G54" s="16">
        <v>3840239</v>
      </c>
      <c r="H54" s="16">
        <v>3117594</v>
      </c>
      <c r="I54" s="16">
        <v>2566178</v>
      </c>
      <c r="J54" s="16">
        <v>1523864</v>
      </c>
      <c r="K54" s="16">
        <v>885362</v>
      </c>
      <c r="L54" s="16">
        <v>79276</v>
      </c>
      <c r="M54" s="16">
        <v>77676</v>
      </c>
      <c r="N54" s="16">
        <v>551416</v>
      </c>
      <c r="O54" s="16">
        <v>21571</v>
      </c>
      <c r="P54" s="16">
        <v>140708</v>
      </c>
      <c r="Q54" s="16">
        <v>73974</v>
      </c>
      <c r="R54" s="16">
        <v>102132</v>
      </c>
      <c r="S54" s="16">
        <v>19772</v>
      </c>
      <c r="T54" s="16">
        <v>63131</v>
      </c>
      <c r="U54" s="16">
        <v>11722</v>
      </c>
      <c r="V54" s="16">
        <v>39755</v>
      </c>
      <c r="W54" s="16">
        <v>54415</v>
      </c>
      <c r="X54" s="16">
        <v>24236</v>
      </c>
      <c r="Y54" s="16">
        <v>31686</v>
      </c>
      <c r="Z54" s="16">
        <v>690959</v>
      </c>
      <c r="AA54" s="22" t="s">
        <v>268</v>
      </c>
      <c r="AB54" s="16">
        <v>290581</v>
      </c>
      <c r="AC54" s="16">
        <v>1378282</v>
      </c>
      <c r="AD54" s="16">
        <v>690959</v>
      </c>
    </row>
    <row r="55" spans="1:30">
      <c r="A55" s="21" t="s">
        <v>232</v>
      </c>
      <c r="B55" s="21" t="s">
        <v>233</v>
      </c>
      <c r="C55" s="21" t="s">
        <v>262</v>
      </c>
      <c r="D55" s="21" t="s">
        <v>215</v>
      </c>
      <c r="E55" s="21" t="s">
        <v>214</v>
      </c>
      <c r="F55" s="21" t="s">
        <v>416</v>
      </c>
      <c r="G55" s="16">
        <v>4156270</v>
      </c>
      <c r="H55" s="16">
        <v>3456252</v>
      </c>
      <c r="I55" s="16">
        <v>2966718</v>
      </c>
      <c r="J55" s="16">
        <v>1957708</v>
      </c>
      <c r="K55" s="16">
        <v>889219</v>
      </c>
      <c r="L55" s="16">
        <v>94736</v>
      </c>
      <c r="M55" s="16">
        <v>25055</v>
      </c>
      <c r="N55" s="16">
        <v>489534</v>
      </c>
      <c r="O55" s="16">
        <v>19979</v>
      </c>
      <c r="P55" s="16">
        <v>78096</v>
      </c>
      <c r="Q55" s="16">
        <v>117837</v>
      </c>
      <c r="R55" s="16">
        <v>57598</v>
      </c>
      <c r="S55" s="16">
        <v>27130</v>
      </c>
      <c r="T55" s="16">
        <v>84359</v>
      </c>
      <c r="U55" s="16">
        <v>7738</v>
      </c>
      <c r="V55" s="16">
        <v>30460</v>
      </c>
      <c r="W55" s="16">
        <v>43338</v>
      </c>
      <c r="X55" s="16">
        <v>22999</v>
      </c>
      <c r="Y55" s="16">
        <v>30308</v>
      </c>
      <c r="Z55" s="16">
        <v>669710</v>
      </c>
      <c r="AA55" s="22" t="s">
        <v>268</v>
      </c>
      <c r="AB55" s="16">
        <v>299617</v>
      </c>
      <c r="AC55" s="16">
        <v>1915764</v>
      </c>
      <c r="AD55" s="16">
        <v>669710</v>
      </c>
    </row>
    <row r="56" spans="1:30">
      <c r="A56" s="21" t="s">
        <v>232</v>
      </c>
      <c r="B56" s="21" t="s">
        <v>233</v>
      </c>
      <c r="C56" s="21" t="s">
        <v>262</v>
      </c>
      <c r="D56" s="21" t="s">
        <v>215</v>
      </c>
      <c r="E56" s="21" t="s">
        <v>214</v>
      </c>
      <c r="F56" s="21" t="s">
        <v>417</v>
      </c>
      <c r="G56" s="16">
        <v>2996621</v>
      </c>
      <c r="H56" s="16">
        <v>2579429</v>
      </c>
      <c r="I56" s="16">
        <v>2252777</v>
      </c>
      <c r="J56" s="16">
        <v>1531828</v>
      </c>
      <c r="K56" s="16">
        <v>629377</v>
      </c>
      <c r="L56" s="16">
        <v>89069</v>
      </c>
      <c r="M56" s="16">
        <v>2503</v>
      </c>
      <c r="N56" s="16">
        <v>326652</v>
      </c>
      <c r="O56" s="16">
        <v>25070</v>
      </c>
      <c r="P56" s="16">
        <v>20873</v>
      </c>
      <c r="Q56" s="16">
        <v>109976</v>
      </c>
      <c r="R56" s="16">
        <v>30525</v>
      </c>
      <c r="S56" s="16">
        <v>21833</v>
      </c>
      <c r="T56" s="16">
        <v>65324</v>
      </c>
      <c r="U56" s="16">
        <v>4988</v>
      </c>
      <c r="V56" s="16">
        <v>13918</v>
      </c>
      <c r="W56" s="16">
        <v>17306</v>
      </c>
      <c r="X56" s="16">
        <v>16839</v>
      </c>
      <c r="Y56" s="16">
        <v>17956</v>
      </c>
      <c r="Z56" s="16">
        <v>399236</v>
      </c>
      <c r="AA56" s="22" t="s">
        <v>268</v>
      </c>
      <c r="AB56" s="16">
        <v>228800</v>
      </c>
      <c r="AC56" s="16">
        <v>1523073</v>
      </c>
      <c r="AD56" s="16">
        <v>399236</v>
      </c>
    </row>
    <row r="57" spans="1:30">
      <c r="A57" s="21" t="s">
        <v>232</v>
      </c>
      <c r="B57" s="21" t="s">
        <v>233</v>
      </c>
      <c r="C57" s="21" t="s">
        <v>262</v>
      </c>
      <c r="D57" s="21" t="s">
        <v>215</v>
      </c>
      <c r="E57" s="21" t="s">
        <v>214</v>
      </c>
      <c r="F57" s="21" t="s">
        <v>418</v>
      </c>
      <c r="G57" s="16">
        <v>2080505</v>
      </c>
      <c r="H57" s="16">
        <v>1799266</v>
      </c>
      <c r="I57" s="16">
        <v>1528379</v>
      </c>
      <c r="J57" s="16">
        <v>1039351</v>
      </c>
      <c r="K57" s="16">
        <v>403071</v>
      </c>
      <c r="L57" s="16">
        <v>85625</v>
      </c>
      <c r="M57" s="16">
        <v>332</v>
      </c>
      <c r="N57" s="16">
        <v>270887</v>
      </c>
      <c r="O57" s="16">
        <v>37177</v>
      </c>
      <c r="P57" s="16">
        <v>14250</v>
      </c>
      <c r="Q57" s="16">
        <v>93112</v>
      </c>
      <c r="R57" s="16">
        <v>29716</v>
      </c>
      <c r="S57" s="16">
        <v>14645</v>
      </c>
      <c r="T57" s="16">
        <v>43327</v>
      </c>
      <c r="U57" s="16">
        <v>6039</v>
      </c>
      <c r="V57" s="16">
        <v>10342</v>
      </c>
      <c r="W57" s="16">
        <v>7117</v>
      </c>
      <c r="X57" s="16">
        <v>15162</v>
      </c>
      <c r="Y57" s="16">
        <v>10404</v>
      </c>
      <c r="Z57" s="16">
        <v>270835</v>
      </c>
      <c r="AA57" s="22" t="s">
        <v>268</v>
      </c>
      <c r="AB57" s="16">
        <v>188604</v>
      </c>
      <c r="AC57" s="16">
        <v>1037380</v>
      </c>
      <c r="AD57" s="16">
        <v>270835</v>
      </c>
    </row>
    <row r="58" spans="1:30">
      <c r="A58" s="21" t="s">
        <v>232</v>
      </c>
      <c r="B58" s="21" t="s">
        <v>233</v>
      </c>
      <c r="C58" s="21" t="s">
        <v>262</v>
      </c>
      <c r="D58" s="21" t="s">
        <v>215</v>
      </c>
      <c r="E58" s="21" t="s">
        <v>214</v>
      </c>
      <c r="F58" s="21" t="s">
        <v>419</v>
      </c>
      <c r="G58" s="16">
        <v>1173754</v>
      </c>
      <c r="H58" s="16">
        <v>987892</v>
      </c>
      <c r="I58" s="16">
        <v>780471</v>
      </c>
      <c r="J58" s="16">
        <v>525915</v>
      </c>
      <c r="K58" s="16">
        <v>185753</v>
      </c>
      <c r="L58" s="16">
        <v>68724</v>
      </c>
      <c r="M58" s="16">
        <v>79</v>
      </c>
      <c r="N58" s="16">
        <v>207421</v>
      </c>
      <c r="O58" s="16">
        <v>39776</v>
      </c>
      <c r="P58" s="16">
        <v>22437</v>
      </c>
      <c r="Q58" s="16">
        <v>56662</v>
      </c>
      <c r="R58" s="16">
        <v>29966</v>
      </c>
      <c r="S58" s="16">
        <v>7048</v>
      </c>
      <c r="T58" s="16">
        <v>20965</v>
      </c>
      <c r="U58" s="16">
        <v>6563</v>
      </c>
      <c r="V58" s="16">
        <v>8986</v>
      </c>
      <c r="W58" s="16">
        <v>2572</v>
      </c>
      <c r="X58" s="16">
        <v>12446</v>
      </c>
      <c r="Y58" s="16">
        <v>5365</v>
      </c>
      <c r="Z58" s="16">
        <v>180497</v>
      </c>
      <c r="AA58" s="22" t="s">
        <v>268</v>
      </c>
      <c r="AB58" s="16">
        <v>129721</v>
      </c>
      <c r="AC58" s="16">
        <v>525491</v>
      </c>
      <c r="AD58" s="16">
        <v>180497</v>
      </c>
    </row>
    <row r="59" spans="1:30">
      <c r="A59" s="21" t="s">
        <v>232</v>
      </c>
      <c r="B59" s="21" t="s">
        <v>233</v>
      </c>
      <c r="C59" s="21" t="s">
        <v>262</v>
      </c>
      <c r="D59" s="21" t="s">
        <v>215</v>
      </c>
      <c r="E59" s="21" t="s">
        <v>214</v>
      </c>
      <c r="F59" s="21" t="s">
        <v>420</v>
      </c>
      <c r="G59" s="16">
        <v>401292</v>
      </c>
      <c r="H59" s="16">
        <v>319905</v>
      </c>
      <c r="I59" s="16">
        <v>218679</v>
      </c>
      <c r="J59" s="16">
        <v>139047</v>
      </c>
      <c r="K59" s="16">
        <v>45495</v>
      </c>
      <c r="L59" s="16">
        <v>34128</v>
      </c>
      <c r="M59" s="16">
        <v>9</v>
      </c>
      <c r="N59" s="16">
        <v>101226</v>
      </c>
      <c r="O59" s="16">
        <v>19635</v>
      </c>
      <c r="P59" s="16">
        <v>20945</v>
      </c>
      <c r="Q59" s="16">
        <v>16937</v>
      </c>
      <c r="R59" s="16">
        <v>18841</v>
      </c>
      <c r="S59" s="16">
        <v>2020</v>
      </c>
      <c r="T59" s="16">
        <v>5486</v>
      </c>
      <c r="U59" s="16">
        <v>3977</v>
      </c>
      <c r="V59" s="16">
        <v>5948</v>
      </c>
      <c r="W59" s="16">
        <v>678</v>
      </c>
      <c r="X59" s="16">
        <v>6759</v>
      </c>
      <c r="Y59" s="16">
        <v>1912</v>
      </c>
      <c r="Z59" s="16">
        <v>79475</v>
      </c>
      <c r="AA59" s="22" t="s">
        <v>268</v>
      </c>
      <c r="AB59" s="16">
        <v>55373</v>
      </c>
      <c r="AC59" s="16">
        <v>138975</v>
      </c>
      <c r="AD59" s="16">
        <v>79475</v>
      </c>
    </row>
    <row r="60" spans="1:30">
      <c r="A60" s="21" t="s">
        <v>232</v>
      </c>
      <c r="B60" s="21" t="s">
        <v>233</v>
      </c>
      <c r="C60" s="21" t="s">
        <v>262</v>
      </c>
      <c r="D60" s="21" t="s">
        <v>215</v>
      </c>
      <c r="E60" s="21" t="s">
        <v>214</v>
      </c>
      <c r="F60" s="21" t="s">
        <v>421</v>
      </c>
      <c r="G60" s="16">
        <v>65444</v>
      </c>
      <c r="H60" s="16">
        <v>49175</v>
      </c>
      <c r="I60" s="16">
        <v>27180</v>
      </c>
      <c r="J60" s="16">
        <v>14253</v>
      </c>
      <c r="K60" s="16">
        <v>4716</v>
      </c>
      <c r="L60" s="16">
        <v>8211</v>
      </c>
      <c r="M60" s="22" t="s">
        <v>268</v>
      </c>
      <c r="N60" s="16">
        <v>21995</v>
      </c>
      <c r="O60" s="16">
        <v>2774</v>
      </c>
      <c r="P60" s="16">
        <v>7293</v>
      </c>
      <c r="Q60" s="16">
        <v>1794</v>
      </c>
      <c r="R60" s="16">
        <v>4736</v>
      </c>
      <c r="S60" s="16">
        <v>237</v>
      </c>
      <c r="T60" s="16">
        <v>646</v>
      </c>
      <c r="U60" s="16">
        <v>1061</v>
      </c>
      <c r="V60" s="16">
        <v>1614</v>
      </c>
      <c r="W60" s="16">
        <v>100</v>
      </c>
      <c r="X60" s="16">
        <v>1740</v>
      </c>
      <c r="Y60" s="16">
        <v>367</v>
      </c>
      <c r="Z60" s="16">
        <v>15902</v>
      </c>
      <c r="AA60" s="22" t="s">
        <v>268</v>
      </c>
      <c r="AB60" s="16">
        <v>11042</v>
      </c>
      <c r="AC60" s="16">
        <v>14247</v>
      </c>
      <c r="AD60" s="16">
        <v>15902</v>
      </c>
    </row>
    <row r="61" spans="1:30">
      <c r="A61" s="21" t="s">
        <v>232</v>
      </c>
      <c r="B61" s="21" t="s">
        <v>233</v>
      </c>
      <c r="C61" s="21" t="s">
        <v>262</v>
      </c>
      <c r="D61" s="21" t="s">
        <v>215</v>
      </c>
      <c r="E61" s="21" t="s">
        <v>214</v>
      </c>
      <c r="F61" s="21" t="s">
        <v>422</v>
      </c>
      <c r="G61" s="16">
        <v>5862</v>
      </c>
      <c r="H61" s="16">
        <v>4250</v>
      </c>
      <c r="I61" s="16">
        <v>1911</v>
      </c>
      <c r="J61" s="16">
        <v>685</v>
      </c>
      <c r="K61" s="16">
        <v>256</v>
      </c>
      <c r="L61" s="16">
        <v>970</v>
      </c>
      <c r="M61" s="22" t="s">
        <v>268</v>
      </c>
      <c r="N61" s="16">
        <v>2339</v>
      </c>
      <c r="O61" s="16">
        <v>156</v>
      </c>
      <c r="P61" s="16">
        <v>970</v>
      </c>
      <c r="Q61" s="16">
        <v>75</v>
      </c>
      <c r="R61" s="16">
        <v>544</v>
      </c>
      <c r="S61" s="16">
        <v>19</v>
      </c>
      <c r="T61" s="16">
        <v>57</v>
      </c>
      <c r="U61" s="16">
        <v>111</v>
      </c>
      <c r="V61" s="16">
        <v>198</v>
      </c>
      <c r="W61" s="16">
        <v>10</v>
      </c>
      <c r="X61" s="16">
        <v>199</v>
      </c>
      <c r="Y61" s="16">
        <v>55</v>
      </c>
      <c r="Z61" s="16">
        <v>1557</v>
      </c>
      <c r="AA61" s="22" t="s">
        <v>268</v>
      </c>
      <c r="AB61" s="16">
        <v>1124</v>
      </c>
      <c r="AC61" s="16">
        <v>683</v>
      </c>
      <c r="AD61" s="16">
        <v>1557</v>
      </c>
    </row>
    <row r="62" spans="1:30">
      <c r="A62" s="21" t="s">
        <v>232</v>
      </c>
      <c r="B62" s="21" t="s">
        <v>233</v>
      </c>
      <c r="C62" s="21" t="s">
        <v>262</v>
      </c>
      <c r="D62" s="21" t="s">
        <v>215</v>
      </c>
      <c r="E62" s="21" t="s">
        <v>214</v>
      </c>
      <c r="F62" s="21" t="s">
        <v>423</v>
      </c>
      <c r="G62" s="16">
        <v>1566861</v>
      </c>
      <c r="H62" s="22" t="s">
        <v>268</v>
      </c>
      <c r="I62" s="22" t="s">
        <v>268</v>
      </c>
      <c r="J62" s="22" t="s">
        <v>268</v>
      </c>
      <c r="K62" s="22" t="s">
        <v>268</v>
      </c>
      <c r="L62" s="22" t="s">
        <v>268</v>
      </c>
      <c r="M62" s="22" t="s">
        <v>268</v>
      </c>
      <c r="N62" s="22" t="s">
        <v>268</v>
      </c>
      <c r="O62" s="22" t="s">
        <v>268</v>
      </c>
      <c r="P62" s="22" t="s">
        <v>268</v>
      </c>
      <c r="Q62" s="22" t="s">
        <v>268</v>
      </c>
      <c r="R62" s="22" t="s">
        <v>268</v>
      </c>
      <c r="S62" s="22" t="s">
        <v>268</v>
      </c>
      <c r="T62" s="22" t="s">
        <v>268</v>
      </c>
      <c r="U62" s="22" t="s">
        <v>268</v>
      </c>
      <c r="V62" s="22" t="s">
        <v>268</v>
      </c>
      <c r="W62" s="22" t="s">
        <v>268</v>
      </c>
      <c r="X62" s="22" t="s">
        <v>268</v>
      </c>
      <c r="Y62" s="22" t="s">
        <v>268</v>
      </c>
      <c r="Z62" s="16">
        <v>1334578</v>
      </c>
      <c r="AA62" s="16">
        <v>232283</v>
      </c>
      <c r="AB62" s="22" t="s">
        <v>268</v>
      </c>
      <c r="AC62" s="22" t="s">
        <v>268</v>
      </c>
      <c r="AD62" s="22" t="s">
        <v>268</v>
      </c>
    </row>
    <row r="63" spans="1:30">
      <c r="A63" s="21" t="s">
        <v>232</v>
      </c>
      <c r="B63" s="21" t="s">
        <v>233</v>
      </c>
      <c r="C63" s="21" t="s">
        <v>262</v>
      </c>
      <c r="D63" s="21" t="s">
        <v>215</v>
      </c>
      <c r="E63" s="21" t="s">
        <v>214</v>
      </c>
      <c r="F63" s="21" t="s">
        <v>386</v>
      </c>
      <c r="G63" s="16">
        <v>7639031</v>
      </c>
      <c r="H63" s="16">
        <v>7608794</v>
      </c>
      <c r="I63" s="16">
        <v>6705626</v>
      </c>
      <c r="J63" s="22" t="s">
        <v>268</v>
      </c>
      <c r="K63" s="16">
        <v>6038342</v>
      </c>
      <c r="L63" s="16">
        <v>53615</v>
      </c>
      <c r="M63" s="16">
        <v>613669</v>
      </c>
      <c r="N63" s="16">
        <v>903168</v>
      </c>
      <c r="O63" s="22" t="s">
        <v>268</v>
      </c>
      <c r="P63" s="22" t="s">
        <v>268</v>
      </c>
      <c r="Q63" s="16">
        <v>258390</v>
      </c>
      <c r="R63" s="16">
        <v>257306</v>
      </c>
      <c r="S63" s="16">
        <v>8570</v>
      </c>
      <c r="T63" s="16">
        <v>133659</v>
      </c>
      <c r="U63" s="16">
        <v>12910</v>
      </c>
      <c r="V63" s="16">
        <v>134311</v>
      </c>
      <c r="W63" s="16">
        <v>327</v>
      </c>
      <c r="X63" s="16">
        <v>97695</v>
      </c>
      <c r="Y63" s="16">
        <v>30143</v>
      </c>
      <c r="Z63" s="16">
        <v>94</v>
      </c>
      <c r="AA63" s="22" t="s">
        <v>268</v>
      </c>
      <c r="AB63" s="16">
        <v>875253</v>
      </c>
      <c r="AC63" s="22" t="s">
        <v>268</v>
      </c>
      <c r="AD63" s="22" t="s">
        <v>268</v>
      </c>
    </row>
    <row r="64" spans="1:30">
      <c r="A64" s="21" t="s">
        <v>232</v>
      </c>
      <c r="B64" s="21" t="s">
        <v>233</v>
      </c>
      <c r="C64" s="21" t="s">
        <v>262</v>
      </c>
      <c r="D64" s="21" t="s">
        <v>215</v>
      </c>
      <c r="E64" s="21" t="s">
        <v>214</v>
      </c>
      <c r="F64" s="21" t="s">
        <v>387</v>
      </c>
      <c r="G64" s="16">
        <v>36294663</v>
      </c>
      <c r="H64" s="16">
        <v>28519795</v>
      </c>
      <c r="I64" s="16">
        <v>24451939</v>
      </c>
      <c r="J64" s="16">
        <v>4426189</v>
      </c>
      <c r="K64" s="16">
        <v>16793161</v>
      </c>
      <c r="L64" s="16">
        <v>768677</v>
      </c>
      <c r="M64" s="16">
        <v>2463912</v>
      </c>
      <c r="N64" s="16">
        <v>4067856</v>
      </c>
      <c r="O64" s="16">
        <v>152310</v>
      </c>
      <c r="P64" s="16">
        <v>381466</v>
      </c>
      <c r="Q64" s="16">
        <v>750649</v>
      </c>
      <c r="R64" s="16">
        <v>1318284</v>
      </c>
      <c r="S64" s="16">
        <v>70924</v>
      </c>
      <c r="T64" s="16">
        <v>333630</v>
      </c>
      <c r="U64" s="16">
        <v>96807</v>
      </c>
      <c r="V64" s="16">
        <v>317771</v>
      </c>
      <c r="W64" s="16">
        <v>223021</v>
      </c>
      <c r="X64" s="16">
        <v>422994</v>
      </c>
      <c r="Y64" s="16">
        <v>481465</v>
      </c>
      <c r="Z64" s="16">
        <v>7293403</v>
      </c>
      <c r="AA64" s="22" t="s">
        <v>268</v>
      </c>
      <c r="AB64" s="16">
        <v>3021830</v>
      </c>
      <c r="AC64" s="22" t="s">
        <v>268</v>
      </c>
      <c r="AD64" s="22" t="s">
        <v>268</v>
      </c>
    </row>
    <row r="65" spans="1:30">
      <c r="A65" s="21" t="s">
        <v>232</v>
      </c>
      <c r="B65" s="21" t="s">
        <v>233</v>
      </c>
      <c r="C65" s="21" t="s">
        <v>262</v>
      </c>
      <c r="D65" s="21" t="s">
        <v>215</v>
      </c>
      <c r="E65" s="21" t="s">
        <v>214</v>
      </c>
      <c r="F65" s="21" t="s">
        <v>388</v>
      </c>
      <c r="G65" s="16">
        <v>14719987</v>
      </c>
      <c r="H65" s="16">
        <v>12313763</v>
      </c>
      <c r="I65" s="16">
        <v>10342293</v>
      </c>
      <c r="J65" s="16">
        <v>6732651</v>
      </c>
      <c r="K65" s="16">
        <v>3043249</v>
      </c>
      <c r="L65" s="16">
        <v>460739</v>
      </c>
      <c r="M65" s="16">
        <v>105654</v>
      </c>
      <c r="N65" s="16">
        <v>1971470</v>
      </c>
      <c r="O65" s="16">
        <v>166138</v>
      </c>
      <c r="P65" s="16">
        <v>305572</v>
      </c>
      <c r="Q65" s="16">
        <v>470367</v>
      </c>
      <c r="R65" s="16">
        <v>274058</v>
      </c>
      <c r="S65" s="16">
        <v>92704</v>
      </c>
      <c r="T65" s="16">
        <v>283295</v>
      </c>
      <c r="U65" s="16">
        <v>42199</v>
      </c>
      <c r="V65" s="16">
        <v>111221</v>
      </c>
      <c r="W65" s="16">
        <v>125536</v>
      </c>
      <c r="X65" s="16">
        <v>100380</v>
      </c>
      <c r="Y65" s="16">
        <v>98053</v>
      </c>
      <c r="Z65" s="16">
        <v>2308171</v>
      </c>
      <c r="AA65" s="22" t="s">
        <v>268</v>
      </c>
      <c r="AB65" s="16">
        <v>1204862</v>
      </c>
      <c r="AC65" s="16">
        <v>6533895</v>
      </c>
      <c r="AD65" s="16">
        <v>2308171</v>
      </c>
    </row>
    <row r="66" spans="1:30">
      <c r="A66" s="21" t="s">
        <v>232</v>
      </c>
      <c r="B66" s="21" t="s">
        <v>233</v>
      </c>
      <c r="C66" s="21" t="s">
        <v>262</v>
      </c>
      <c r="D66" s="21" t="s">
        <v>215</v>
      </c>
      <c r="E66" s="21" t="s">
        <v>214</v>
      </c>
      <c r="F66" s="21" t="s">
        <v>389</v>
      </c>
      <c r="G66" s="16">
        <v>6723478</v>
      </c>
      <c r="H66" s="16">
        <v>5739917</v>
      </c>
      <c r="I66" s="16">
        <v>4809397</v>
      </c>
      <c r="J66" s="16">
        <v>3251079</v>
      </c>
      <c r="K66" s="16">
        <v>1268668</v>
      </c>
      <c r="L66" s="16">
        <v>286727</v>
      </c>
      <c r="M66" s="16">
        <v>2923</v>
      </c>
      <c r="N66" s="16">
        <v>930520</v>
      </c>
      <c r="O66" s="16">
        <v>124588</v>
      </c>
      <c r="P66" s="16">
        <v>86768</v>
      </c>
      <c r="Q66" s="16">
        <v>278556</v>
      </c>
      <c r="R66" s="16">
        <v>114328</v>
      </c>
      <c r="S66" s="16">
        <v>45802</v>
      </c>
      <c r="T66" s="16">
        <v>135805</v>
      </c>
      <c r="U66" s="16">
        <v>22739</v>
      </c>
      <c r="V66" s="16">
        <v>41006</v>
      </c>
      <c r="W66" s="16">
        <v>27783</v>
      </c>
      <c r="X66" s="16">
        <v>53145</v>
      </c>
      <c r="Y66" s="16">
        <v>36059</v>
      </c>
      <c r="Z66" s="16">
        <v>947502</v>
      </c>
      <c r="AA66" s="22" t="s">
        <v>268</v>
      </c>
      <c r="AB66" s="16">
        <v>614664</v>
      </c>
      <c r="AC66" s="16">
        <v>3239849</v>
      </c>
      <c r="AD66" s="16">
        <v>947502</v>
      </c>
    </row>
    <row r="67" spans="1:30">
      <c r="A67" s="21" t="s">
        <v>232</v>
      </c>
      <c r="B67" s="21" t="s">
        <v>233</v>
      </c>
      <c r="C67" s="21" t="s">
        <v>262</v>
      </c>
      <c r="D67" s="21" t="s">
        <v>215</v>
      </c>
      <c r="E67" s="21" t="s">
        <v>214</v>
      </c>
      <c r="F67" s="21" t="s">
        <v>390</v>
      </c>
      <c r="G67" s="16">
        <v>1646352</v>
      </c>
      <c r="H67" s="16">
        <v>1361222</v>
      </c>
      <c r="I67" s="16">
        <v>1028241</v>
      </c>
      <c r="J67" s="16">
        <v>679900</v>
      </c>
      <c r="K67" s="16">
        <v>236220</v>
      </c>
      <c r="L67" s="16">
        <v>112033</v>
      </c>
      <c r="M67" s="16">
        <v>88</v>
      </c>
      <c r="N67" s="16">
        <v>332981</v>
      </c>
      <c r="O67" s="16">
        <v>62341</v>
      </c>
      <c r="P67" s="16">
        <v>51645</v>
      </c>
      <c r="Q67" s="16">
        <v>75468</v>
      </c>
      <c r="R67" s="16">
        <v>54087</v>
      </c>
      <c r="S67" s="16">
        <v>9324</v>
      </c>
      <c r="T67" s="16">
        <v>27154</v>
      </c>
      <c r="U67" s="16">
        <v>11712</v>
      </c>
      <c r="V67" s="16">
        <v>16746</v>
      </c>
      <c r="W67" s="16">
        <v>3360</v>
      </c>
      <c r="X67" s="16">
        <v>21144</v>
      </c>
      <c r="Y67" s="16">
        <v>7699</v>
      </c>
      <c r="Z67" s="16">
        <v>277431</v>
      </c>
      <c r="AA67" s="22" t="s">
        <v>268</v>
      </c>
      <c r="AB67" s="16">
        <v>197260</v>
      </c>
      <c r="AC67" s="16">
        <v>679396</v>
      </c>
      <c r="AD67" s="16">
        <v>277431</v>
      </c>
    </row>
    <row r="68" spans="1:30">
      <c r="A68" s="21" t="s">
        <v>232</v>
      </c>
      <c r="B68" s="21" t="s">
        <v>233</v>
      </c>
      <c r="C68" s="21" t="s">
        <v>262</v>
      </c>
      <c r="D68" s="21" t="s">
        <v>215</v>
      </c>
      <c r="E68" s="21" t="s">
        <v>214</v>
      </c>
      <c r="F68" s="21" t="s">
        <v>391</v>
      </c>
      <c r="G68" s="16">
        <v>37353296</v>
      </c>
      <c r="H68" s="16">
        <v>29032697</v>
      </c>
      <c r="I68" s="16">
        <v>24824881</v>
      </c>
      <c r="J68" s="16">
        <v>5949255</v>
      </c>
      <c r="K68" s="16">
        <v>15926267</v>
      </c>
      <c r="L68" s="16">
        <v>794501</v>
      </c>
      <c r="M68" s="16">
        <v>2154858</v>
      </c>
      <c r="N68" s="16">
        <v>4207816</v>
      </c>
      <c r="O68" s="16">
        <v>173802</v>
      </c>
      <c r="P68" s="16">
        <v>522117</v>
      </c>
      <c r="Q68" s="16">
        <v>720875</v>
      </c>
      <c r="R68" s="16">
        <v>1279198</v>
      </c>
      <c r="S68" s="16">
        <v>82244</v>
      </c>
      <c r="T68" s="16">
        <v>338859</v>
      </c>
      <c r="U68" s="16">
        <v>106085</v>
      </c>
      <c r="V68" s="16">
        <v>329541</v>
      </c>
      <c r="W68" s="16">
        <v>272339</v>
      </c>
      <c r="X68" s="16">
        <v>382756</v>
      </c>
      <c r="Y68" s="16">
        <v>497375</v>
      </c>
      <c r="Z68" s="16">
        <v>7823224</v>
      </c>
      <c r="AA68" s="22" t="s">
        <v>268</v>
      </c>
      <c r="AB68" s="16">
        <v>2928843</v>
      </c>
      <c r="AC68" s="16">
        <v>1378282</v>
      </c>
      <c r="AD68" s="16">
        <v>690959</v>
      </c>
    </row>
    <row r="69" spans="1:30">
      <c r="A69" s="21" t="s">
        <v>232</v>
      </c>
      <c r="B69" s="21" t="s">
        <v>233</v>
      </c>
      <c r="C69" s="21" t="s">
        <v>262</v>
      </c>
      <c r="D69" s="21" t="s">
        <v>216</v>
      </c>
      <c r="E69" s="21" t="s">
        <v>214</v>
      </c>
      <c r="F69" s="21" t="s">
        <v>401</v>
      </c>
      <c r="G69" s="16">
        <v>62942453</v>
      </c>
      <c r="H69" s="16">
        <v>51867891</v>
      </c>
      <c r="I69" s="16">
        <v>43132780</v>
      </c>
      <c r="J69" s="16">
        <v>11158840</v>
      </c>
      <c r="K69" s="16">
        <v>24766746</v>
      </c>
      <c r="L69" s="16">
        <v>386837</v>
      </c>
      <c r="M69" s="16">
        <v>6820357</v>
      </c>
      <c r="N69" s="16">
        <v>8735111</v>
      </c>
      <c r="O69" s="16">
        <v>318448</v>
      </c>
      <c r="P69" s="16">
        <v>1139401</v>
      </c>
      <c r="Q69" s="16">
        <v>1447130</v>
      </c>
      <c r="R69" s="16">
        <v>2379755</v>
      </c>
      <c r="S69" s="16">
        <v>173578</v>
      </c>
      <c r="T69" s="16">
        <v>916103</v>
      </c>
      <c r="U69" s="16">
        <v>183037</v>
      </c>
      <c r="V69" s="16">
        <v>678736</v>
      </c>
      <c r="W69" s="16">
        <v>372229</v>
      </c>
      <c r="X69" s="16">
        <v>1126694</v>
      </c>
      <c r="Y69" s="16">
        <v>622205</v>
      </c>
      <c r="Z69" s="16">
        <v>10214796</v>
      </c>
      <c r="AA69" s="16">
        <v>237561</v>
      </c>
      <c r="AB69" s="16">
        <v>6340770</v>
      </c>
      <c r="AC69" s="16">
        <v>6533895</v>
      </c>
      <c r="AD69" s="16">
        <v>4408635</v>
      </c>
    </row>
    <row r="70" spans="1:30">
      <c r="A70" s="21" t="s">
        <v>232</v>
      </c>
      <c r="B70" s="21" t="s">
        <v>233</v>
      </c>
      <c r="C70" s="21" t="s">
        <v>262</v>
      </c>
      <c r="D70" s="21" t="s">
        <v>216</v>
      </c>
      <c r="E70" s="21" t="s">
        <v>214</v>
      </c>
      <c r="F70" s="21" t="s">
        <v>402</v>
      </c>
      <c r="G70" s="16">
        <v>2202332</v>
      </c>
      <c r="H70" s="16">
        <v>2194146</v>
      </c>
      <c r="I70" s="16">
        <v>1973434</v>
      </c>
      <c r="J70" s="22" t="s">
        <v>268</v>
      </c>
      <c r="K70" s="16">
        <v>1877885</v>
      </c>
      <c r="L70" s="16">
        <v>4736</v>
      </c>
      <c r="M70" s="16">
        <v>90813</v>
      </c>
      <c r="N70" s="16">
        <v>220712</v>
      </c>
      <c r="O70" s="22" t="s">
        <v>268</v>
      </c>
      <c r="P70" s="22" t="s">
        <v>268</v>
      </c>
      <c r="Q70" s="16">
        <v>59243</v>
      </c>
      <c r="R70" s="16">
        <v>52610</v>
      </c>
      <c r="S70" s="16">
        <v>2057</v>
      </c>
      <c r="T70" s="16">
        <v>32926</v>
      </c>
      <c r="U70" s="16">
        <v>5930</v>
      </c>
      <c r="V70" s="16">
        <v>47438</v>
      </c>
      <c r="W70" s="16">
        <v>7</v>
      </c>
      <c r="X70" s="16">
        <v>20501</v>
      </c>
      <c r="Y70" s="16">
        <v>8186</v>
      </c>
      <c r="Z70" s="22" t="s">
        <v>268</v>
      </c>
      <c r="AA70" s="22" t="s">
        <v>268</v>
      </c>
      <c r="AB70" s="16">
        <v>214069</v>
      </c>
      <c r="AC70" s="22" t="s">
        <v>268</v>
      </c>
      <c r="AD70" s="22" t="s">
        <v>268</v>
      </c>
    </row>
    <row r="71" spans="1:30">
      <c r="A71" s="21" t="s">
        <v>232</v>
      </c>
      <c r="B71" s="21" t="s">
        <v>233</v>
      </c>
      <c r="C71" s="21" t="s">
        <v>262</v>
      </c>
      <c r="D71" s="21" t="s">
        <v>216</v>
      </c>
      <c r="E71" s="21" t="s">
        <v>214</v>
      </c>
      <c r="F71" s="21" t="s">
        <v>403</v>
      </c>
      <c r="G71" s="16">
        <v>2478491</v>
      </c>
      <c r="H71" s="16">
        <v>2469198</v>
      </c>
      <c r="I71" s="16">
        <v>2179085</v>
      </c>
      <c r="J71" s="22" t="s">
        <v>268</v>
      </c>
      <c r="K71" s="16">
        <v>1966773</v>
      </c>
      <c r="L71" s="16">
        <v>13893</v>
      </c>
      <c r="M71" s="16">
        <v>198419</v>
      </c>
      <c r="N71" s="16">
        <v>290113</v>
      </c>
      <c r="O71" s="22" t="s">
        <v>268</v>
      </c>
      <c r="P71" s="22" t="s">
        <v>268</v>
      </c>
      <c r="Q71" s="16">
        <v>85150</v>
      </c>
      <c r="R71" s="16">
        <v>81153</v>
      </c>
      <c r="S71" s="16">
        <v>2375</v>
      </c>
      <c r="T71" s="16">
        <v>43480</v>
      </c>
      <c r="U71" s="16">
        <v>3864</v>
      </c>
      <c r="V71" s="16">
        <v>43801</v>
      </c>
      <c r="W71" s="16">
        <v>40</v>
      </c>
      <c r="X71" s="16">
        <v>30250</v>
      </c>
      <c r="Y71" s="16">
        <v>9290</v>
      </c>
      <c r="Z71" s="16">
        <v>3</v>
      </c>
      <c r="AA71" s="22" t="s">
        <v>268</v>
      </c>
      <c r="AB71" s="16">
        <v>281561</v>
      </c>
      <c r="AC71" s="22" t="s">
        <v>268</v>
      </c>
      <c r="AD71" s="22" t="s">
        <v>268</v>
      </c>
    </row>
    <row r="72" spans="1:30">
      <c r="A72" s="21" t="s">
        <v>232</v>
      </c>
      <c r="B72" s="21" t="s">
        <v>233</v>
      </c>
      <c r="C72" s="21" t="s">
        <v>262</v>
      </c>
      <c r="D72" s="21" t="s">
        <v>216</v>
      </c>
      <c r="E72" s="21" t="s">
        <v>214</v>
      </c>
      <c r="F72" s="21" t="s">
        <v>404</v>
      </c>
      <c r="G72" s="16">
        <v>2600072</v>
      </c>
      <c r="H72" s="16">
        <v>2588706</v>
      </c>
      <c r="I72" s="16">
        <v>2236438</v>
      </c>
      <c r="J72" s="22" t="s">
        <v>268</v>
      </c>
      <c r="K72" s="16">
        <v>1906370</v>
      </c>
      <c r="L72" s="16">
        <v>27561</v>
      </c>
      <c r="M72" s="16">
        <v>302507</v>
      </c>
      <c r="N72" s="16">
        <v>352268</v>
      </c>
      <c r="O72" s="22" t="s">
        <v>268</v>
      </c>
      <c r="P72" s="22" t="s">
        <v>268</v>
      </c>
      <c r="Q72" s="16">
        <v>102742</v>
      </c>
      <c r="R72" s="16">
        <v>112152</v>
      </c>
      <c r="S72" s="16">
        <v>3856</v>
      </c>
      <c r="T72" s="16">
        <v>51487</v>
      </c>
      <c r="U72" s="16">
        <v>2307</v>
      </c>
      <c r="V72" s="16">
        <v>36193</v>
      </c>
      <c r="W72" s="16">
        <v>251</v>
      </c>
      <c r="X72" s="16">
        <v>43280</v>
      </c>
      <c r="Y72" s="16">
        <v>11335</v>
      </c>
      <c r="Z72" s="16">
        <v>31</v>
      </c>
      <c r="AA72" s="22" t="s">
        <v>268</v>
      </c>
      <c r="AB72" s="16">
        <v>340115</v>
      </c>
      <c r="AC72" s="22" t="s">
        <v>268</v>
      </c>
      <c r="AD72" s="22" t="s">
        <v>268</v>
      </c>
    </row>
    <row r="73" spans="1:30">
      <c r="A73" s="21" t="s">
        <v>232</v>
      </c>
      <c r="B73" s="21" t="s">
        <v>233</v>
      </c>
      <c r="C73" s="21" t="s">
        <v>262</v>
      </c>
      <c r="D73" s="21" t="s">
        <v>216</v>
      </c>
      <c r="E73" s="21" t="s">
        <v>214</v>
      </c>
      <c r="F73" s="21" t="s">
        <v>405</v>
      </c>
      <c r="G73" s="16">
        <v>2686488</v>
      </c>
      <c r="H73" s="16">
        <v>2543923</v>
      </c>
      <c r="I73" s="16">
        <v>2141876</v>
      </c>
      <c r="J73" s="16">
        <v>1985</v>
      </c>
      <c r="K73" s="16">
        <v>1704915</v>
      </c>
      <c r="L73" s="16">
        <v>45433</v>
      </c>
      <c r="M73" s="16">
        <v>389543</v>
      </c>
      <c r="N73" s="16">
        <v>402047</v>
      </c>
      <c r="O73" s="16">
        <v>110</v>
      </c>
      <c r="P73" s="16">
        <v>99</v>
      </c>
      <c r="Q73" s="16">
        <v>100338</v>
      </c>
      <c r="R73" s="16">
        <v>136740</v>
      </c>
      <c r="S73" s="16">
        <v>7951</v>
      </c>
      <c r="T73" s="16">
        <v>56206</v>
      </c>
      <c r="U73" s="16">
        <v>2540</v>
      </c>
      <c r="V73" s="16">
        <v>27718</v>
      </c>
      <c r="W73" s="16">
        <v>7522</v>
      </c>
      <c r="X73" s="16">
        <v>62823</v>
      </c>
      <c r="Y73" s="16">
        <v>16080</v>
      </c>
      <c r="Z73" s="16">
        <v>126485</v>
      </c>
      <c r="AA73" s="22" t="s">
        <v>268</v>
      </c>
      <c r="AB73" s="16">
        <v>372033</v>
      </c>
      <c r="AC73" s="22" t="s">
        <v>268</v>
      </c>
      <c r="AD73" s="22" t="s">
        <v>268</v>
      </c>
    </row>
    <row r="74" spans="1:30">
      <c r="A74" s="21" t="s">
        <v>232</v>
      </c>
      <c r="B74" s="21" t="s">
        <v>233</v>
      </c>
      <c r="C74" s="21" t="s">
        <v>262</v>
      </c>
      <c r="D74" s="21" t="s">
        <v>216</v>
      </c>
      <c r="E74" s="21" t="s">
        <v>214</v>
      </c>
      <c r="F74" s="21" t="s">
        <v>406</v>
      </c>
      <c r="G74" s="16">
        <v>2884412</v>
      </c>
      <c r="H74" s="16">
        <v>2049374</v>
      </c>
      <c r="I74" s="16">
        <v>1671954</v>
      </c>
      <c r="J74" s="16">
        <v>71433</v>
      </c>
      <c r="K74" s="16">
        <v>1235866</v>
      </c>
      <c r="L74" s="16">
        <v>47186</v>
      </c>
      <c r="M74" s="16">
        <v>317469</v>
      </c>
      <c r="N74" s="16">
        <v>377420</v>
      </c>
      <c r="O74" s="16">
        <v>1496</v>
      </c>
      <c r="P74" s="16">
        <v>1358</v>
      </c>
      <c r="Q74" s="16">
        <v>63413</v>
      </c>
      <c r="R74" s="16">
        <v>125265</v>
      </c>
      <c r="S74" s="16">
        <v>10316</v>
      </c>
      <c r="T74" s="16">
        <v>45599</v>
      </c>
      <c r="U74" s="16">
        <v>6606</v>
      </c>
      <c r="V74" s="16">
        <v>23454</v>
      </c>
      <c r="W74" s="16">
        <v>30163</v>
      </c>
      <c r="X74" s="16">
        <v>69750</v>
      </c>
      <c r="Y74" s="16">
        <v>74143</v>
      </c>
      <c r="Z74" s="16">
        <v>760895</v>
      </c>
      <c r="AA74" s="22" t="s">
        <v>268</v>
      </c>
      <c r="AB74" s="16">
        <v>312651</v>
      </c>
      <c r="AC74" s="22" t="s">
        <v>268</v>
      </c>
      <c r="AD74" s="22" t="s">
        <v>268</v>
      </c>
    </row>
    <row r="75" spans="1:30">
      <c r="A75" s="21" t="s">
        <v>232</v>
      </c>
      <c r="B75" s="21" t="s">
        <v>233</v>
      </c>
      <c r="C75" s="21" t="s">
        <v>262</v>
      </c>
      <c r="D75" s="21" t="s">
        <v>216</v>
      </c>
      <c r="E75" s="21" t="s">
        <v>214</v>
      </c>
      <c r="F75" s="21" t="s">
        <v>407</v>
      </c>
      <c r="G75" s="16">
        <v>2949069</v>
      </c>
      <c r="H75" s="16">
        <v>2113610</v>
      </c>
      <c r="I75" s="16">
        <v>1793472</v>
      </c>
      <c r="J75" s="16">
        <v>402327</v>
      </c>
      <c r="K75" s="16">
        <v>1118278</v>
      </c>
      <c r="L75" s="16">
        <v>34499</v>
      </c>
      <c r="M75" s="16">
        <v>238368</v>
      </c>
      <c r="N75" s="16">
        <v>320138</v>
      </c>
      <c r="O75" s="16">
        <v>4777</v>
      </c>
      <c r="P75" s="16">
        <v>4540</v>
      </c>
      <c r="Q75" s="16">
        <v>40253</v>
      </c>
      <c r="R75" s="16">
        <v>101071</v>
      </c>
      <c r="S75" s="16">
        <v>6958</v>
      </c>
      <c r="T75" s="16">
        <v>37949</v>
      </c>
      <c r="U75" s="16">
        <v>11265</v>
      </c>
      <c r="V75" s="16">
        <v>30660</v>
      </c>
      <c r="W75" s="16">
        <v>24235</v>
      </c>
      <c r="X75" s="16">
        <v>58430</v>
      </c>
      <c r="Y75" s="16">
        <v>103338</v>
      </c>
      <c r="Z75" s="16">
        <v>732121</v>
      </c>
      <c r="AA75" s="22" t="s">
        <v>268</v>
      </c>
      <c r="AB75" s="16">
        <v>258725</v>
      </c>
      <c r="AC75" s="22" t="s">
        <v>268</v>
      </c>
      <c r="AD75" s="22" t="s">
        <v>268</v>
      </c>
    </row>
    <row r="76" spans="1:30">
      <c r="A76" s="21" t="s">
        <v>232</v>
      </c>
      <c r="B76" s="21" t="s">
        <v>233</v>
      </c>
      <c r="C76" s="21" t="s">
        <v>262</v>
      </c>
      <c r="D76" s="21" t="s">
        <v>216</v>
      </c>
      <c r="E76" s="21" t="s">
        <v>214</v>
      </c>
      <c r="F76" s="21" t="s">
        <v>408</v>
      </c>
      <c r="G76" s="16">
        <v>3179760</v>
      </c>
      <c r="H76" s="16">
        <v>2646487</v>
      </c>
      <c r="I76" s="16">
        <v>2332910</v>
      </c>
      <c r="J76" s="16">
        <v>424348</v>
      </c>
      <c r="K76" s="16">
        <v>1637253</v>
      </c>
      <c r="L76" s="16">
        <v>27556</v>
      </c>
      <c r="M76" s="16">
        <v>243753</v>
      </c>
      <c r="N76" s="16">
        <v>313577</v>
      </c>
      <c r="O76" s="16">
        <v>7214</v>
      </c>
      <c r="P76" s="16">
        <v>7690</v>
      </c>
      <c r="Q76" s="16">
        <v>46245</v>
      </c>
      <c r="R76" s="16">
        <v>83625</v>
      </c>
      <c r="S76" s="16">
        <v>4737</v>
      </c>
      <c r="T76" s="16">
        <v>44840</v>
      </c>
      <c r="U76" s="16">
        <v>11366</v>
      </c>
      <c r="V76" s="16">
        <v>43237</v>
      </c>
      <c r="W76" s="16">
        <v>16267</v>
      </c>
      <c r="X76" s="16">
        <v>48356</v>
      </c>
      <c r="Y76" s="16">
        <v>53367</v>
      </c>
      <c r="Z76" s="16">
        <v>479906</v>
      </c>
      <c r="AA76" s="22" t="s">
        <v>268</v>
      </c>
      <c r="AB76" s="16">
        <v>259327</v>
      </c>
      <c r="AC76" s="22" t="s">
        <v>268</v>
      </c>
      <c r="AD76" s="22" t="s">
        <v>268</v>
      </c>
    </row>
    <row r="77" spans="1:30">
      <c r="A77" s="21" t="s">
        <v>232</v>
      </c>
      <c r="B77" s="21" t="s">
        <v>233</v>
      </c>
      <c r="C77" s="21" t="s">
        <v>262</v>
      </c>
      <c r="D77" s="21" t="s">
        <v>216</v>
      </c>
      <c r="E77" s="21" t="s">
        <v>214</v>
      </c>
      <c r="F77" s="21" t="s">
        <v>409</v>
      </c>
      <c r="G77" s="16">
        <v>3605421</v>
      </c>
      <c r="H77" s="16">
        <v>3197230</v>
      </c>
      <c r="I77" s="16">
        <v>2829061</v>
      </c>
      <c r="J77" s="16">
        <v>337132</v>
      </c>
      <c r="K77" s="16">
        <v>2137567</v>
      </c>
      <c r="L77" s="16">
        <v>27402</v>
      </c>
      <c r="M77" s="16">
        <v>326960</v>
      </c>
      <c r="N77" s="16">
        <v>368169</v>
      </c>
      <c r="O77" s="16">
        <v>9025</v>
      </c>
      <c r="P77" s="16">
        <v>11064</v>
      </c>
      <c r="Q77" s="16">
        <v>75508</v>
      </c>
      <c r="R77" s="16">
        <v>90453</v>
      </c>
      <c r="S77" s="16">
        <v>3409</v>
      </c>
      <c r="T77" s="16">
        <v>57830</v>
      </c>
      <c r="U77" s="16">
        <v>9282</v>
      </c>
      <c r="V77" s="16">
        <v>49367</v>
      </c>
      <c r="W77" s="16">
        <v>13741</v>
      </c>
      <c r="X77" s="16">
        <v>48490</v>
      </c>
      <c r="Y77" s="16">
        <v>38021</v>
      </c>
      <c r="Z77" s="16">
        <v>370170</v>
      </c>
      <c r="AA77" s="22" t="s">
        <v>268</v>
      </c>
      <c r="AB77" s="16">
        <v>313791</v>
      </c>
      <c r="AC77" s="22" t="s">
        <v>268</v>
      </c>
      <c r="AD77" s="22" t="s">
        <v>268</v>
      </c>
    </row>
    <row r="78" spans="1:30">
      <c r="A78" s="21" t="s">
        <v>232</v>
      </c>
      <c r="B78" s="21" t="s">
        <v>233</v>
      </c>
      <c r="C78" s="21" t="s">
        <v>262</v>
      </c>
      <c r="D78" s="21" t="s">
        <v>216</v>
      </c>
      <c r="E78" s="21" t="s">
        <v>214</v>
      </c>
      <c r="F78" s="21" t="s">
        <v>410</v>
      </c>
      <c r="G78" s="16">
        <v>4089364</v>
      </c>
      <c r="H78" s="16">
        <v>3695465</v>
      </c>
      <c r="I78" s="16">
        <v>3246620</v>
      </c>
      <c r="J78" s="16">
        <v>367298</v>
      </c>
      <c r="K78" s="16">
        <v>2396120</v>
      </c>
      <c r="L78" s="16">
        <v>32048</v>
      </c>
      <c r="M78" s="16">
        <v>451154</v>
      </c>
      <c r="N78" s="16">
        <v>448845</v>
      </c>
      <c r="O78" s="16">
        <v>12798</v>
      </c>
      <c r="P78" s="16">
        <v>18572</v>
      </c>
      <c r="Q78" s="16">
        <v>106289</v>
      </c>
      <c r="R78" s="16">
        <v>117245</v>
      </c>
      <c r="S78" s="16">
        <v>3491</v>
      </c>
      <c r="T78" s="16">
        <v>67337</v>
      </c>
      <c r="U78" s="16">
        <v>8151</v>
      </c>
      <c r="V78" s="16">
        <v>43805</v>
      </c>
      <c r="W78" s="16">
        <v>15012</v>
      </c>
      <c r="X78" s="16">
        <v>56145</v>
      </c>
      <c r="Y78" s="16">
        <v>38388</v>
      </c>
      <c r="Z78" s="16">
        <v>355511</v>
      </c>
      <c r="AA78" s="22" t="s">
        <v>268</v>
      </c>
      <c r="AB78" s="16">
        <v>379907</v>
      </c>
      <c r="AC78" s="22" t="s">
        <v>268</v>
      </c>
      <c r="AD78" s="22" t="s">
        <v>268</v>
      </c>
    </row>
    <row r="79" spans="1:30">
      <c r="A79" s="21" t="s">
        <v>232</v>
      </c>
      <c r="B79" s="21" t="s">
        <v>233</v>
      </c>
      <c r="C79" s="21" t="s">
        <v>262</v>
      </c>
      <c r="D79" s="21" t="s">
        <v>216</v>
      </c>
      <c r="E79" s="21" t="s">
        <v>214</v>
      </c>
      <c r="F79" s="21" t="s">
        <v>411</v>
      </c>
      <c r="G79" s="16">
        <v>4768900</v>
      </c>
      <c r="H79" s="16">
        <v>4271228</v>
      </c>
      <c r="I79" s="16">
        <v>3700463</v>
      </c>
      <c r="J79" s="16">
        <v>559405</v>
      </c>
      <c r="K79" s="16">
        <v>2464444</v>
      </c>
      <c r="L79" s="16">
        <v>41802</v>
      </c>
      <c r="M79" s="16">
        <v>634812</v>
      </c>
      <c r="N79" s="16">
        <v>570765</v>
      </c>
      <c r="O79" s="16">
        <v>23977</v>
      </c>
      <c r="P79" s="16">
        <v>40976</v>
      </c>
      <c r="Q79" s="16">
        <v>120876</v>
      </c>
      <c r="R79" s="16">
        <v>166131</v>
      </c>
      <c r="S79" s="16">
        <v>4703</v>
      </c>
      <c r="T79" s="16">
        <v>69740</v>
      </c>
      <c r="U79" s="16">
        <v>10718</v>
      </c>
      <c r="V79" s="16">
        <v>37067</v>
      </c>
      <c r="W79" s="16">
        <v>22003</v>
      </c>
      <c r="X79" s="16">
        <v>74574</v>
      </c>
      <c r="Y79" s="16">
        <v>49384</v>
      </c>
      <c r="Z79" s="16">
        <v>448288</v>
      </c>
      <c r="AA79" s="22" t="s">
        <v>268</v>
      </c>
      <c r="AB79" s="16">
        <v>454808</v>
      </c>
      <c r="AC79" s="22" t="s">
        <v>268</v>
      </c>
      <c r="AD79" s="22" t="s">
        <v>268</v>
      </c>
    </row>
    <row r="80" spans="1:30">
      <c r="A80" s="21" t="s">
        <v>232</v>
      </c>
      <c r="B80" s="21" t="s">
        <v>233</v>
      </c>
      <c r="C80" s="21" t="s">
        <v>262</v>
      </c>
      <c r="D80" s="21" t="s">
        <v>216</v>
      </c>
      <c r="E80" s="21" t="s">
        <v>214</v>
      </c>
      <c r="F80" s="21" t="s">
        <v>412</v>
      </c>
      <c r="G80" s="16">
        <v>4242467</v>
      </c>
      <c r="H80" s="16">
        <v>3719295</v>
      </c>
      <c r="I80" s="16">
        <v>3130384</v>
      </c>
      <c r="J80" s="16">
        <v>729318</v>
      </c>
      <c r="K80" s="16">
        <v>1772825</v>
      </c>
      <c r="L80" s="16">
        <v>36900</v>
      </c>
      <c r="M80" s="16">
        <v>591341</v>
      </c>
      <c r="N80" s="16">
        <v>588911</v>
      </c>
      <c r="O80" s="16">
        <v>35577</v>
      </c>
      <c r="P80" s="16">
        <v>78951</v>
      </c>
      <c r="Q80" s="16">
        <v>88947</v>
      </c>
      <c r="R80" s="16">
        <v>183534</v>
      </c>
      <c r="S80" s="16">
        <v>5907</v>
      </c>
      <c r="T80" s="16">
        <v>50170</v>
      </c>
      <c r="U80" s="16">
        <v>13710</v>
      </c>
      <c r="V80" s="16">
        <v>30192</v>
      </c>
      <c r="W80" s="16">
        <v>26685</v>
      </c>
      <c r="X80" s="16">
        <v>75238</v>
      </c>
      <c r="Y80" s="16">
        <v>46670</v>
      </c>
      <c r="Z80" s="16">
        <v>476502</v>
      </c>
      <c r="AA80" s="22" t="s">
        <v>268</v>
      </c>
      <c r="AB80" s="16">
        <v>415436</v>
      </c>
      <c r="AC80" s="22" t="s">
        <v>268</v>
      </c>
      <c r="AD80" s="22" t="s">
        <v>268</v>
      </c>
    </row>
    <row r="81" spans="1:30">
      <c r="A81" s="21" t="s">
        <v>232</v>
      </c>
      <c r="B81" s="21" t="s">
        <v>233</v>
      </c>
      <c r="C81" s="21" t="s">
        <v>262</v>
      </c>
      <c r="D81" s="21" t="s">
        <v>216</v>
      </c>
      <c r="E81" s="21" t="s">
        <v>214</v>
      </c>
      <c r="F81" s="21" t="s">
        <v>413</v>
      </c>
      <c r="G81" s="16">
        <v>3878674</v>
      </c>
      <c r="H81" s="16">
        <v>3346929</v>
      </c>
      <c r="I81" s="16">
        <v>2717958</v>
      </c>
      <c r="J81" s="16">
        <v>1015852</v>
      </c>
      <c r="K81" s="16">
        <v>1212523</v>
      </c>
      <c r="L81" s="16">
        <v>26145</v>
      </c>
      <c r="M81" s="16">
        <v>463438</v>
      </c>
      <c r="N81" s="16">
        <v>628971</v>
      </c>
      <c r="O81" s="16">
        <v>40554</v>
      </c>
      <c r="P81" s="16">
        <v>141629</v>
      </c>
      <c r="Q81" s="16">
        <v>61741</v>
      </c>
      <c r="R81" s="16">
        <v>183095</v>
      </c>
      <c r="S81" s="16">
        <v>8501</v>
      </c>
      <c r="T81" s="16">
        <v>42987</v>
      </c>
      <c r="U81" s="16">
        <v>17015</v>
      </c>
      <c r="V81" s="16">
        <v>35205</v>
      </c>
      <c r="W81" s="16">
        <v>29472</v>
      </c>
      <c r="X81" s="16">
        <v>68772</v>
      </c>
      <c r="Y81" s="16">
        <v>38333</v>
      </c>
      <c r="Z81" s="16">
        <v>493412</v>
      </c>
      <c r="AA81" s="22" t="s">
        <v>268</v>
      </c>
      <c r="AB81" s="16">
        <v>381548</v>
      </c>
      <c r="AC81" s="22" t="s">
        <v>268</v>
      </c>
      <c r="AD81" s="22" t="s">
        <v>268</v>
      </c>
    </row>
    <row r="82" spans="1:30">
      <c r="A82" s="21" t="s">
        <v>232</v>
      </c>
      <c r="B82" s="21" t="s">
        <v>233</v>
      </c>
      <c r="C82" s="21" t="s">
        <v>262</v>
      </c>
      <c r="D82" s="21" t="s">
        <v>216</v>
      </c>
      <c r="E82" s="21" t="s">
        <v>214</v>
      </c>
      <c r="F82" s="21" t="s">
        <v>414</v>
      </c>
      <c r="G82" s="16">
        <v>3675708</v>
      </c>
      <c r="H82" s="16">
        <v>3151245</v>
      </c>
      <c r="I82" s="16">
        <v>2539604</v>
      </c>
      <c r="J82" s="16">
        <v>1303518</v>
      </c>
      <c r="K82" s="16">
        <v>878049</v>
      </c>
      <c r="L82" s="16">
        <v>13703</v>
      </c>
      <c r="M82" s="16">
        <v>344334</v>
      </c>
      <c r="N82" s="16">
        <v>611641</v>
      </c>
      <c r="O82" s="16">
        <v>28810</v>
      </c>
      <c r="P82" s="16">
        <v>162059</v>
      </c>
      <c r="Q82" s="16">
        <v>60010</v>
      </c>
      <c r="R82" s="16">
        <v>140641</v>
      </c>
      <c r="S82" s="16">
        <v>13863</v>
      </c>
      <c r="T82" s="16">
        <v>53170</v>
      </c>
      <c r="U82" s="16">
        <v>15963</v>
      </c>
      <c r="V82" s="16">
        <v>43945</v>
      </c>
      <c r="W82" s="16">
        <v>33860</v>
      </c>
      <c r="X82" s="16">
        <v>59320</v>
      </c>
      <c r="Y82" s="16">
        <v>29651</v>
      </c>
      <c r="Z82" s="16">
        <v>494812</v>
      </c>
      <c r="AA82" s="22" t="s">
        <v>268</v>
      </c>
      <c r="AB82" s="16">
        <v>345914</v>
      </c>
      <c r="AC82" s="16">
        <v>703061</v>
      </c>
      <c r="AD82" s="22" t="s">
        <v>268</v>
      </c>
    </row>
    <row r="83" spans="1:30">
      <c r="A83" s="21" t="s">
        <v>232</v>
      </c>
      <c r="B83" s="21" t="s">
        <v>233</v>
      </c>
      <c r="C83" s="21" t="s">
        <v>262</v>
      </c>
      <c r="D83" s="21" t="s">
        <v>216</v>
      </c>
      <c r="E83" s="21" t="s">
        <v>214</v>
      </c>
      <c r="F83" s="21" t="s">
        <v>415</v>
      </c>
      <c r="G83" s="16">
        <v>4120029</v>
      </c>
      <c r="H83" s="16">
        <v>3451937</v>
      </c>
      <c r="I83" s="16">
        <v>2855244</v>
      </c>
      <c r="J83" s="16">
        <v>1695354</v>
      </c>
      <c r="K83" s="16">
        <v>814536</v>
      </c>
      <c r="L83" s="16">
        <v>5749</v>
      </c>
      <c r="M83" s="16">
        <v>339605</v>
      </c>
      <c r="N83" s="16">
        <v>596693</v>
      </c>
      <c r="O83" s="16">
        <v>19022</v>
      </c>
      <c r="P83" s="16">
        <v>115237</v>
      </c>
      <c r="Q83" s="16">
        <v>97049</v>
      </c>
      <c r="R83" s="16">
        <v>109093</v>
      </c>
      <c r="S83" s="16">
        <v>22867</v>
      </c>
      <c r="T83" s="16">
        <v>75346</v>
      </c>
      <c r="U83" s="16">
        <v>11609</v>
      </c>
      <c r="V83" s="16">
        <v>41473</v>
      </c>
      <c r="W83" s="16">
        <v>41713</v>
      </c>
      <c r="X83" s="16">
        <v>63284</v>
      </c>
      <c r="Y83" s="16">
        <v>27956</v>
      </c>
      <c r="Z83" s="16">
        <v>640136</v>
      </c>
      <c r="AA83" s="22" t="s">
        <v>268</v>
      </c>
      <c r="AB83" s="16">
        <v>368385</v>
      </c>
      <c r="AC83" s="16">
        <v>1604615</v>
      </c>
      <c r="AD83" s="16">
        <v>640136</v>
      </c>
    </row>
    <row r="84" spans="1:30">
      <c r="A84" s="21" t="s">
        <v>232</v>
      </c>
      <c r="B84" s="21" t="s">
        <v>233</v>
      </c>
      <c r="C84" s="21" t="s">
        <v>262</v>
      </c>
      <c r="D84" s="21" t="s">
        <v>216</v>
      </c>
      <c r="E84" s="21" t="s">
        <v>214</v>
      </c>
      <c r="F84" s="21" t="s">
        <v>416</v>
      </c>
      <c r="G84" s="16">
        <v>4683688</v>
      </c>
      <c r="H84" s="16">
        <v>3746876</v>
      </c>
      <c r="I84" s="16">
        <v>3140265</v>
      </c>
      <c r="J84" s="16">
        <v>1924851</v>
      </c>
      <c r="K84" s="16">
        <v>787577</v>
      </c>
      <c r="L84" s="16">
        <v>1948</v>
      </c>
      <c r="M84" s="16">
        <v>425889</v>
      </c>
      <c r="N84" s="16">
        <v>606611</v>
      </c>
      <c r="O84" s="16">
        <v>23215</v>
      </c>
      <c r="P84" s="16">
        <v>62145</v>
      </c>
      <c r="Q84" s="16">
        <v>128044</v>
      </c>
      <c r="R84" s="16">
        <v>117143</v>
      </c>
      <c r="S84" s="16">
        <v>30002</v>
      </c>
      <c r="T84" s="16">
        <v>84257</v>
      </c>
      <c r="U84" s="16">
        <v>8700</v>
      </c>
      <c r="V84" s="16">
        <v>29274</v>
      </c>
      <c r="W84" s="16">
        <v>45712</v>
      </c>
      <c r="X84" s="16">
        <v>78119</v>
      </c>
      <c r="Y84" s="16">
        <v>28519</v>
      </c>
      <c r="Z84" s="16">
        <v>908293</v>
      </c>
      <c r="AA84" s="22" t="s">
        <v>268</v>
      </c>
      <c r="AB84" s="16">
        <v>412862</v>
      </c>
      <c r="AC84" s="16">
        <v>1905279</v>
      </c>
      <c r="AD84" s="16">
        <v>908293</v>
      </c>
    </row>
    <row r="85" spans="1:30">
      <c r="A85" s="21" t="s">
        <v>232</v>
      </c>
      <c r="B85" s="21" t="s">
        <v>233</v>
      </c>
      <c r="C85" s="21" t="s">
        <v>262</v>
      </c>
      <c r="D85" s="21" t="s">
        <v>216</v>
      </c>
      <c r="E85" s="21" t="s">
        <v>214</v>
      </c>
      <c r="F85" s="21" t="s">
        <v>417</v>
      </c>
      <c r="G85" s="16">
        <v>3702406</v>
      </c>
      <c r="H85" s="16">
        <v>2767420</v>
      </c>
      <c r="I85" s="16">
        <v>2243037</v>
      </c>
      <c r="J85" s="16">
        <v>1303271</v>
      </c>
      <c r="K85" s="16">
        <v>501566</v>
      </c>
      <c r="L85" s="16">
        <v>202</v>
      </c>
      <c r="M85" s="16">
        <v>437998</v>
      </c>
      <c r="N85" s="16">
        <v>524383</v>
      </c>
      <c r="O85" s="16">
        <v>32616</v>
      </c>
      <c r="P85" s="16">
        <v>49390</v>
      </c>
      <c r="Q85" s="16">
        <v>102751</v>
      </c>
      <c r="R85" s="16">
        <v>129266</v>
      </c>
      <c r="S85" s="16">
        <v>21120</v>
      </c>
      <c r="T85" s="16">
        <v>55433</v>
      </c>
      <c r="U85" s="16">
        <v>8462</v>
      </c>
      <c r="V85" s="16">
        <v>19142</v>
      </c>
      <c r="W85" s="16">
        <v>29528</v>
      </c>
      <c r="X85" s="16">
        <v>76675</v>
      </c>
      <c r="Y85" s="16">
        <v>19807</v>
      </c>
      <c r="Z85" s="16">
        <v>915179</v>
      </c>
      <c r="AA85" s="22" t="s">
        <v>268</v>
      </c>
      <c r="AB85" s="16">
        <v>362974</v>
      </c>
      <c r="AC85" s="16">
        <v>1299474</v>
      </c>
      <c r="AD85" s="16">
        <v>915179</v>
      </c>
    </row>
    <row r="86" spans="1:30">
      <c r="A86" s="21" t="s">
        <v>232</v>
      </c>
      <c r="B86" s="21" t="s">
        <v>233</v>
      </c>
      <c r="C86" s="21" t="s">
        <v>262</v>
      </c>
      <c r="D86" s="21" t="s">
        <v>216</v>
      </c>
      <c r="E86" s="21" t="s">
        <v>214</v>
      </c>
      <c r="F86" s="21" t="s">
        <v>418</v>
      </c>
      <c r="G86" s="16">
        <v>2840243</v>
      </c>
      <c r="H86" s="16">
        <v>1937747</v>
      </c>
      <c r="I86" s="16">
        <v>1396738</v>
      </c>
      <c r="J86" s="16">
        <v>711100</v>
      </c>
      <c r="K86" s="16">
        <v>252834</v>
      </c>
      <c r="L86" s="16">
        <v>56</v>
      </c>
      <c r="M86" s="16">
        <v>432748</v>
      </c>
      <c r="N86" s="16">
        <v>541009</v>
      </c>
      <c r="O86" s="16">
        <v>39949</v>
      </c>
      <c r="P86" s="16">
        <v>96139</v>
      </c>
      <c r="Q86" s="16">
        <v>70670</v>
      </c>
      <c r="R86" s="16">
        <v>161627</v>
      </c>
      <c r="S86" s="16">
        <v>12310</v>
      </c>
      <c r="T86" s="16">
        <v>30032</v>
      </c>
      <c r="U86" s="16">
        <v>11263</v>
      </c>
      <c r="V86" s="16">
        <v>23740</v>
      </c>
      <c r="W86" s="16">
        <v>18962</v>
      </c>
      <c r="X86" s="16">
        <v>76317</v>
      </c>
      <c r="Y86" s="16">
        <v>14359</v>
      </c>
      <c r="Z86" s="16">
        <v>888137</v>
      </c>
      <c r="AA86" s="22" t="s">
        <v>268</v>
      </c>
      <c r="AB86" s="16">
        <v>347092</v>
      </c>
      <c r="AC86" s="16">
        <v>710190</v>
      </c>
      <c r="AD86" s="16">
        <v>888137</v>
      </c>
    </row>
    <row r="87" spans="1:30">
      <c r="A87" s="21" t="s">
        <v>232</v>
      </c>
      <c r="B87" s="21" t="s">
        <v>233</v>
      </c>
      <c r="C87" s="21" t="s">
        <v>262</v>
      </c>
      <c r="D87" s="21" t="s">
        <v>216</v>
      </c>
      <c r="E87" s="21" t="s">
        <v>214</v>
      </c>
      <c r="F87" s="21" t="s">
        <v>419</v>
      </c>
      <c r="G87" s="16">
        <v>1935478</v>
      </c>
      <c r="H87" s="16">
        <v>1231471</v>
      </c>
      <c r="I87" s="16">
        <v>703638</v>
      </c>
      <c r="J87" s="16">
        <v>263921</v>
      </c>
      <c r="K87" s="16">
        <v>85974</v>
      </c>
      <c r="L87" s="16">
        <v>15</v>
      </c>
      <c r="M87" s="16">
        <v>353728</v>
      </c>
      <c r="N87" s="16">
        <v>527833</v>
      </c>
      <c r="O87" s="16">
        <v>30002</v>
      </c>
      <c r="P87" s="16">
        <v>160239</v>
      </c>
      <c r="Q87" s="16">
        <v>31250</v>
      </c>
      <c r="R87" s="16">
        <v>165073</v>
      </c>
      <c r="S87" s="16">
        <v>6189</v>
      </c>
      <c r="T87" s="16">
        <v>12644</v>
      </c>
      <c r="U87" s="16">
        <v>12440</v>
      </c>
      <c r="V87" s="16">
        <v>32681</v>
      </c>
      <c r="W87" s="16">
        <v>11680</v>
      </c>
      <c r="X87" s="16">
        <v>65635</v>
      </c>
      <c r="Y87" s="16">
        <v>9753</v>
      </c>
      <c r="Z87" s="16">
        <v>694254</v>
      </c>
      <c r="AA87" s="22" t="s">
        <v>268</v>
      </c>
      <c r="AB87" s="16">
        <v>297776</v>
      </c>
      <c r="AC87" s="16">
        <v>263600</v>
      </c>
      <c r="AD87" s="16">
        <v>694254</v>
      </c>
    </row>
    <row r="88" spans="1:30">
      <c r="A88" s="21" t="s">
        <v>232</v>
      </c>
      <c r="B88" s="21" t="s">
        <v>233</v>
      </c>
      <c r="C88" s="21" t="s">
        <v>262</v>
      </c>
      <c r="D88" s="21" t="s">
        <v>216</v>
      </c>
      <c r="E88" s="21" t="s">
        <v>214</v>
      </c>
      <c r="F88" s="21" t="s">
        <v>420</v>
      </c>
      <c r="G88" s="16">
        <v>873442</v>
      </c>
      <c r="H88" s="16">
        <v>570985</v>
      </c>
      <c r="I88" s="16">
        <v>239626</v>
      </c>
      <c r="J88" s="16">
        <v>44919</v>
      </c>
      <c r="K88" s="16">
        <v>14394</v>
      </c>
      <c r="L88" s="16">
        <v>3</v>
      </c>
      <c r="M88" s="16">
        <v>180310</v>
      </c>
      <c r="N88" s="16">
        <v>331359</v>
      </c>
      <c r="O88" s="16">
        <v>8553</v>
      </c>
      <c r="P88" s="16">
        <v>135985</v>
      </c>
      <c r="Q88" s="16">
        <v>6199</v>
      </c>
      <c r="R88" s="16">
        <v>94908</v>
      </c>
      <c r="S88" s="16">
        <v>2387</v>
      </c>
      <c r="T88" s="16">
        <v>3857</v>
      </c>
      <c r="U88" s="16">
        <v>8526</v>
      </c>
      <c r="V88" s="16">
        <v>28985</v>
      </c>
      <c r="W88" s="16">
        <v>4562</v>
      </c>
      <c r="X88" s="16">
        <v>37397</v>
      </c>
      <c r="Y88" s="16">
        <v>4406</v>
      </c>
      <c r="Z88" s="16">
        <v>298051</v>
      </c>
      <c r="AA88" s="22" t="s">
        <v>268</v>
      </c>
      <c r="AB88" s="16">
        <v>167576</v>
      </c>
      <c r="AC88" s="16">
        <v>44869</v>
      </c>
      <c r="AD88" s="16">
        <v>298051</v>
      </c>
    </row>
    <row r="89" spans="1:30">
      <c r="A89" s="21" t="s">
        <v>232</v>
      </c>
      <c r="B89" s="21" t="s">
        <v>233</v>
      </c>
      <c r="C89" s="21" t="s">
        <v>262</v>
      </c>
      <c r="D89" s="21" t="s">
        <v>216</v>
      </c>
      <c r="E89" s="21" t="s">
        <v>214</v>
      </c>
      <c r="F89" s="21" t="s">
        <v>421</v>
      </c>
      <c r="G89" s="16">
        <v>211826</v>
      </c>
      <c r="H89" s="16">
        <v>152331</v>
      </c>
      <c r="I89" s="16">
        <v>53505</v>
      </c>
      <c r="J89" s="16">
        <v>2663</v>
      </c>
      <c r="K89" s="16">
        <v>944</v>
      </c>
      <c r="L89" s="22" t="s">
        <v>268</v>
      </c>
      <c r="M89" s="16">
        <v>49898</v>
      </c>
      <c r="N89" s="16">
        <v>98826</v>
      </c>
      <c r="O89" s="16">
        <v>729</v>
      </c>
      <c r="P89" s="16">
        <v>46195</v>
      </c>
      <c r="Q89" s="16">
        <v>398</v>
      </c>
      <c r="R89" s="16">
        <v>25504</v>
      </c>
      <c r="S89" s="16">
        <v>491</v>
      </c>
      <c r="T89" s="16">
        <v>696</v>
      </c>
      <c r="U89" s="16">
        <v>2789</v>
      </c>
      <c r="V89" s="16">
        <v>9795</v>
      </c>
      <c r="W89" s="16">
        <v>757</v>
      </c>
      <c r="X89" s="16">
        <v>11472</v>
      </c>
      <c r="Y89" s="16">
        <v>1056</v>
      </c>
      <c r="Z89" s="16">
        <v>58439</v>
      </c>
      <c r="AA89" s="22" t="s">
        <v>268</v>
      </c>
      <c r="AB89" s="16">
        <v>47224</v>
      </c>
      <c r="AC89" s="16">
        <v>2662</v>
      </c>
      <c r="AD89" s="16">
        <v>58439</v>
      </c>
    </row>
    <row r="90" spans="1:30">
      <c r="A90" s="21" t="s">
        <v>232</v>
      </c>
      <c r="B90" s="21" t="s">
        <v>233</v>
      </c>
      <c r="C90" s="21" t="s">
        <v>262</v>
      </c>
      <c r="D90" s="21" t="s">
        <v>216</v>
      </c>
      <c r="E90" s="21" t="s">
        <v>214</v>
      </c>
      <c r="F90" s="21" t="s">
        <v>422</v>
      </c>
      <c r="G90" s="16">
        <v>28597</v>
      </c>
      <c r="H90" s="16">
        <v>22288</v>
      </c>
      <c r="I90" s="16">
        <v>7468</v>
      </c>
      <c r="J90" s="16">
        <v>145</v>
      </c>
      <c r="K90" s="16">
        <v>53</v>
      </c>
      <c r="L90" s="22" t="s">
        <v>268</v>
      </c>
      <c r="M90" s="16">
        <v>7270</v>
      </c>
      <c r="N90" s="16">
        <v>14820</v>
      </c>
      <c r="O90" s="16">
        <v>24</v>
      </c>
      <c r="P90" s="16">
        <v>7133</v>
      </c>
      <c r="Q90" s="16">
        <v>14</v>
      </c>
      <c r="R90" s="16">
        <v>3426</v>
      </c>
      <c r="S90" s="16">
        <v>88</v>
      </c>
      <c r="T90" s="16">
        <v>117</v>
      </c>
      <c r="U90" s="16">
        <v>531</v>
      </c>
      <c r="V90" s="16">
        <v>1564</v>
      </c>
      <c r="W90" s="16">
        <v>57</v>
      </c>
      <c r="X90" s="16">
        <v>1866</v>
      </c>
      <c r="Y90" s="16">
        <v>163</v>
      </c>
      <c r="Z90" s="16">
        <v>6146</v>
      </c>
      <c r="AA90" s="22" t="s">
        <v>268</v>
      </c>
      <c r="AB90" s="16">
        <v>6996</v>
      </c>
      <c r="AC90" s="16">
        <v>145</v>
      </c>
      <c r="AD90" s="16">
        <v>6146</v>
      </c>
    </row>
    <row r="91" spans="1:30">
      <c r="A91" s="21" t="s">
        <v>232</v>
      </c>
      <c r="B91" s="21" t="s">
        <v>233</v>
      </c>
      <c r="C91" s="21" t="s">
        <v>262</v>
      </c>
      <c r="D91" s="21" t="s">
        <v>216</v>
      </c>
      <c r="E91" s="21" t="s">
        <v>214</v>
      </c>
      <c r="F91" s="21" t="s">
        <v>423</v>
      </c>
      <c r="G91" s="16">
        <v>1305586</v>
      </c>
      <c r="H91" s="22" t="s">
        <v>268</v>
      </c>
      <c r="I91" s="22" t="s">
        <v>268</v>
      </c>
      <c r="J91" s="22" t="s">
        <v>268</v>
      </c>
      <c r="K91" s="22" t="s">
        <v>268</v>
      </c>
      <c r="L91" s="22" t="s">
        <v>268</v>
      </c>
      <c r="M91" s="22" t="s">
        <v>268</v>
      </c>
      <c r="N91" s="22" t="s">
        <v>268</v>
      </c>
      <c r="O91" s="22" t="s">
        <v>268</v>
      </c>
      <c r="P91" s="22" t="s">
        <v>268</v>
      </c>
      <c r="Q91" s="22" t="s">
        <v>268</v>
      </c>
      <c r="R91" s="22" t="s">
        <v>268</v>
      </c>
      <c r="S91" s="22" t="s">
        <v>268</v>
      </c>
      <c r="T91" s="22" t="s">
        <v>268</v>
      </c>
      <c r="U91" s="22" t="s">
        <v>268</v>
      </c>
      <c r="V91" s="22" t="s">
        <v>268</v>
      </c>
      <c r="W91" s="22" t="s">
        <v>268</v>
      </c>
      <c r="X91" s="22" t="s">
        <v>268</v>
      </c>
      <c r="Y91" s="22" t="s">
        <v>268</v>
      </c>
      <c r="Z91" s="16">
        <v>1068025</v>
      </c>
      <c r="AA91" s="16">
        <v>237561</v>
      </c>
      <c r="AB91" s="22" t="s">
        <v>268</v>
      </c>
      <c r="AC91" s="22" t="s">
        <v>268</v>
      </c>
      <c r="AD91" s="22" t="s">
        <v>268</v>
      </c>
    </row>
    <row r="92" spans="1:30">
      <c r="A92" s="21" t="s">
        <v>232</v>
      </c>
      <c r="B92" s="21" t="s">
        <v>233</v>
      </c>
      <c r="C92" s="21" t="s">
        <v>262</v>
      </c>
      <c r="D92" s="21" t="s">
        <v>216</v>
      </c>
      <c r="E92" s="21" t="s">
        <v>214</v>
      </c>
      <c r="F92" s="21" t="s">
        <v>386</v>
      </c>
      <c r="G92" s="16">
        <v>7280895</v>
      </c>
      <c r="H92" s="16">
        <v>7252050</v>
      </c>
      <c r="I92" s="16">
        <v>6388957</v>
      </c>
      <c r="J92" s="22" t="s">
        <v>268</v>
      </c>
      <c r="K92" s="16">
        <v>5751028</v>
      </c>
      <c r="L92" s="16">
        <v>46190</v>
      </c>
      <c r="M92" s="16">
        <v>591739</v>
      </c>
      <c r="N92" s="16">
        <v>863093</v>
      </c>
      <c r="O92" s="22" t="s">
        <v>268</v>
      </c>
      <c r="P92" s="22" t="s">
        <v>268</v>
      </c>
      <c r="Q92" s="16">
        <v>247135</v>
      </c>
      <c r="R92" s="16">
        <v>245915</v>
      </c>
      <c r="S92" s="16">
        <v>8288</v>
      </c>
      <c r="T92" s="16">
        <v>127893</v>
      </c>
      <c r="U92" s="16">
        <v>12101</v>
      </c>
      <c r="V92" s="16">
        <v>127432</v>
      </c>
      <c r="W92" s="16">
        <v>298</v>
      </c>
      <c r="X92" s="16">
        <v>94031</v>
      </c>
      <c r="Y92" s="16">
        <v>28811</v>
      </c>
      <c r="Z92" s="16">
        <v>34</v>
      </c>
      <c r="AA92" s="22" t="s">
        <v>268</v>
      </c>
      <c r="AB92" s="16">
        <v>835745</v>
      </c>
      <c r="AC92" s="22" t="s">
        <v>268</v>
      </c>
      <c r="AD92" s="22" t="s">
        <v>268</v>
      </c>
    </row>
    <row r="93" spans="1:30">
      <c r="A93" s="21" t="s">
        <v>232</v>
      </c>
      <c r="B93" s="21" t="s">
        <v>233</v>
      </c>
      <c r="C93" s="21" t="s">
        <v>262</v>
      </c>
      <c r="D93" s="21" t="s">
        <v>216</v>
      </c>
      <c r="E93" s="21" t="s">
        <v>214</v>
      </c>
      <c r="F93" s="21" t="s">
        <v>387</v>
      </c>
      <c r="G93" s="16">
        <v>35960263</v>
      </c>
      <c r="H93" s="16">
        <v>30734786</v>
      </c>
      <c r="I93" s="16">
        <v>26104302</v>
      </c>
      <c r="J93" s="16">
        <v>5212616</v>
      </c>
      <c r="K93" s="16">
        <v>16557840</v>
      </c>
      <c r="L93" s="16">
        <v>332674</v>
      </c>
      <c r="M93" s="16">
        <v>4001172</v>
      </c>
      <c r="N93" s="16">
        <v>4630484</v>
      </c>
      <c r="O93" s="16">
        <v>164338</v>
      </c>
      <c r="P93" s="16">
        <v>466938</v>
      </c>
      <c r="Q93" s="16">
        <v>763620</v>
      </c>
      <c r="R93" s="16">
        <v>1327800</v>
      </c>
      <c r="S93" s="16">
        <v>69836</v>
      </c>
      <c r="T93" s="16">
        <v>525828</v>
      </c>
      <c r="U93" s="16">
        <v>106616</v>
      </c>
      <c r="V93" s="16">
        <v>364650</v>
      </c>
      <c r="W93" s="16">
        <v>218960</v>
      </c>
      <c r="X93" s="16">
        <v>621898</v>
      </c>
      <c r="Y93" s="16">
        <v>487375</v>
      </c>
      <c r="Z93" s="16">
        <v>4738102</v>
      </c>
      <c r="AA93" s="22" t="s">
        <v>268</v>
      </c>
      <c r="AB93" s="16">
        <v>3494140</v>
      </c>
      <c r="AC93" s="16">
        <v>703061</v>
      </c>
      <c r="AD93" s="22" t="s">
        <v>268</v>
      </c>
    </row>
    <row r="94" spans="1:30">
      <c r="A94" s="21" t="s">
        <v>232</v>
      </c>
      <c r="B94" s="21" t="s">
        <v>233</v>
      </c>
      <c r="C94" s="21" t="s">
        <v>262</v>
      </c>
      <c r="D94" s="21" t="s">
        <v>216</v>
      </c>
      <c r="E94" s="21" t="s">
        <v>214</v>
      </c>
      <c r="F94" s="21" t="s">
        <v>388</v>
      </c>
      <c r="G94" s="16">
        <v>18395709</v>
      </c>
      <c r="H94" s="16">
        <v>13881055</v>
      </c>
      <c r="I94" s="16">
        <v>10639521</v>
      </c>
      <c r="J94" s="16">
        <v>5946224</v>
      </c>
      <c r="K94" s="16">
        <v>2457878</v>
      </c>
      <c r="L94" s="16">
        <v>7973</v>
      </c>
      <c r="M94" s="16">
        <v>2227446</v>
      </c>
      <c r="N94" s="16">
        <v>3241534</v>
      </c>
      <c r="O94" s="16">
        <v>154110</v>
      </c>
      <c r="P94" s="16">
        <v>672463</v>
      </c>
      <c r="Q94" s="16">
        <v>436375</v>
      </c>
      <c r="R94" s="16">
        <v>806040</v>
      </c>
      <c r="S94" s="16">
        <v>95454</v>
      </c>
      <c r="T94" s="16">
        <v>262382</v>
      </c>
      <c r="U94" s="16">
        <v>64320</v>
      </c>
      <c r="V94" s="16">
        <v>186654</v>
      </c>
      <c r="W94" s="16">
        <v>152971</v>
      </c>
      <c r="X94" s="16">
        <v>410765</v>
      </c>
      <c r="Y94" s="16">
        <v>106019</v>
      </c>
      <c r="Z94" s="16">
        <v>4408635</v>
      </c>
      <c r="AA94" s="22" t="s">
        <v>268</v>
      </c>
      <c r="AB94" s="16">
        <v>2010885</v>
      </c>
      <c r="AC94" s="16">
        <v>5830834</v>
      </c>
      <c r="AD94" s="16">
        <v>4408635</v>
      </c>
    </row>
    <row r="95" spans="1:30">
      <c r="A95" s="21" t="s">
        <v>232</v>
      </c>
      <c r="B95" s="21" t="s">
        <v>233</v>
      </c>
      <c r="C95" s="21" t="s">
        <v>262</v>
      </c>
      <c r="D95" s="21" t="s">
        <v>216</v>
      </c>
      <c r="E95" s="21" t="s">
        <v>214</v>
      </c>
      <c r="F95" s="21" t="s">
        <v>389</v>
      </c>
      <c r="G95" s="16">
        <v>9591992</v>
      </c>
      <c r="H95" s="16">
        <v>6682242</v>
      </c>
      <c r="I95" s="16">
        <v>4644012</v>
      </c>
      <c r="J95" s="16">
        <v>2326019</v>
      </c>
      <c r="K95" s="16">
        <v>855765</v>
      </c>
      <c r="L95" s="16">
        <v>276</v>
      </c>
      <c r="M95" s="16">
        <v>1461952</v>
      </c>
      <c r="N95" s="16">
        <v>2038230</v>
      </c>
      <c r="O95" s="16">
        <v>111873</v>
      </c>
      <c r="P95" s="16">
        <v>495081</v>
      </c>
      <c r="Q95" s="16">
        <v>211282</v>
      </c>
      <c r="R95" s="16">
        <v>579804</v>
      </c>
      <c r="S95" s="16">
        <v>42585</v>
      </c>
      <c r="T95" s="16">
        <v>102779</v>
      </c>
      <c r="U95" s="16">
        <v>44011</v>
      </c>
      <c r="V95" s="16">
        <v>115907</v>
      </c>
      <c r="W95" s="16">
        <v>65546</v>
      </c>
      <c r="X95" s="16">
        <v>269362</v>
      </c>
      <c r="Y95" s="16">
        <v>49544</v>
      </c>
      <c r="Z95" s="16">
        <v>2860206</v>
      </c>
      <c r="AA95" s="22" t="s">
        <v>268</v>
      </c>
      <c r="AB95" s="16">
        <v>1229638</v>
      </c>
      <c r="AC95" s="16">
        <v>2320940</v>
      </c>
      <c r="AD95" s="16">
        <v>2860206</v>
      </c>
    </row>
    <row r="96" spans="1:30">
      <c r="A96" s="21" t="s">
        <v>232</v>
      </c>
      <c r="B96" s="21" t="s">
        <v>233</v>
      </c>
      <c r="C96" s="21" t="s">
        <v>262</v>
      </c>
      <c r="D96" s="21" t="s">
        <v>216</v>
      </c>
      <c r="E96" s="21" t="s">
        <v>214</v>
      </c>
      <c r="F96" s="21" t="s">
        <v>390</v>
      </c>
      <c r="G96" s="16">
        <v>3049343</v>
      </c>
      <c r="H96" s="16">
        <v>1977075</v>
      </c>
      <c r="I96" s="16">
        <v>1004237</v>
      </c>
      <c r="J96" s="16">
        <v>311648</v>
      </c>
      <c r="K96" s="16">
        <v>101365</v>
      </c>
      <c r="L96" s="16">
        <v>18</v>
      </c>
      <c r="M96" s="16">
        <v>591206</v>
      </c>
      <c r="N96" s="16">
        <v>972838</v>
      </c>
      <c r="O96" s="16">
        <v>39308</v>
      </c>
      <c r="P96" s="16">
        <v>349552</v>
      </c>
      <c r="Q96" s="16">
        <v>37861</v>
      </c>
      <c r="R96" s="16">
        <v>288911</v>
      </c>
      <c r="S96" s="16">
        <v>9155</v>
      </c>
      <c r="T96" s="16">
        <v>17314</v>
      </c>
      <c r="U96" s="16">
        <v>24286</v>
      </c>
      <c r="V96" s="16">
        <v>73025</v>
      </c>
      <c r="W96" s="16">
        <v>17056</v>
      </c>
      <c r="X96" s="16">
        <v>116370</v>
      </c>
      <c r="Y96" s="16">
        <v>15378</v>
      </c>
      <c r="Z96" s="16">
        <v>1056890</v>
      </c>
      <c r="AA96" s="22" t="s">
        <v>268</v>
      </c>
      <c r="AB96" s="16">
        <v>519572</v>
      </c>
      <c r="AC96" s="16">
        <v>311276</v>
      </c>
      <c r="AD96" s="16">
        <v>1056890</v>
      </c>
    </row>
    <row r="97" spans="1:30">
      <c r="A97" s="21" t="s">
        <v>232</v>
      </c>
      <c r="B97" s="21" t="s">
        <v>233</v>
      </c>
      <c r="C97" s="21" t="s">
        <v>262</v>
      </c>
      <c r="D97" s="21" t="s">
        <v>216</v>
      </c>
      <c r="E97" s="21" t="s">
        <v>214</v>
      </c>
      <c r="F97" s="21" t="s">
        <v>391</v>
      </c>
      <c r="G97" s="16">
        <v>37393804</v>
      </c>
      <c r="H97" s="16">
        <v>31642800</v>
      </c>
      <c r="I97" s="16">
        <v>26817670</v>
      </c>
      <c r="J97" s="16">
        <v>6905985</v>
      </c>
      <c r="K97" s="16">
        <v>15667461</v>
      </c>
      <c r="L97" s="16">
        <v>292990</v>
      </c>
      <c r="M97" s="16">
        <v>3951234</v>
      </c>
      <c r="N97" s="16">
        <v>4825130</v>
      </c>
      <c r="O97" s="16">
        <v>183250</v>
      </c>
      <c r="P97" s="16">
        <v>582076</v>
      </c>
      <c r="Q97" s="16">
        <v>760331</v>
      </c>
      <c r="R97" s="16">
        <v>1300153</v>
      </c>
      <c r="S97" s="16">
        <v>84752</v>
      </c>
      <c r="T97" s="16">
        <v>544968</v>
      </c>
      <c r="U97" s="16">
        <v>115685</v>
      </c>
      <c r="V97" s="16">
        <v>378405</v>
      </c>
      <c r="W97" s="16">
        <v>253151</v>
      </c>
      <c r="X97" s="16">
        <v>622359</v>
      </c>
      <c r="Y97" s="16">
        <v>499251</v>
      </c>
      <c r="Z97" s="16">
        <v>5251753</v>
      </c>
      <c r="AA97" s="22" t="s">
        <v>268</v>
      </c>
      <c r="AB97" s="16">
        <v>3490492</v>
      </c>
      <c r="AC97" s="16">
        <v>2307676</v>
      </c>
      <c r="AD97" s="16">
        <v>640136</v>
      </c>
    </row>
    <row r="98" spans="1:30">
      <c r="A98" s="21" t="s">
        <v>232</v>
      </c>
      <c r="B98" s="21" t="s">
        <v>237</v>
      </c>
      <c r="C98" s="21" t="s">
        <v>264</v>
      </c>
      <c r="D98" s="21" t="s">
        <v>214</v>
      </c>
      <c r="E98" s="21" t="s">
        <v>214</v>
      </c>
      <c r="F98" s="21" t="s">
        <v>401</v>
      </c>
      <c r="G98" s="16">
        <v>1678793</v>
      </c>
      <c r="H98" s="16">
        <v>1417970</v>
      </c>
      <c r="I98" s="16">
        <v>1115416</v>
      </c>
      <c r="J98" s="16">
        <v>298656</v>
      </c>
      <c r="K98" s="16">
        <v>648373</v>
      </c>
      <c r="L98" s="16">
        <v>22314</v>
      </c>
      <c r="M98" s="16">
        <v>146073</v>
      </c>
      <c r="N98" s="16">
        <v>302554</v>
      </c>
      <c r="O98" s="16">
        <v>14296</v>
      </c>
      <c r="P98" s="16">
        <v>35688</v>
      </c>
      <c r="Q98" s="16">
        <v>58699</v>
      </c>
      <c r="R98" s="16">
        <v>69255</v>
      </c>
      <c r="S98" s="16">
        <v>7107</v>
      </c>
      <c r="T98" s="16">
        <v>34228</v>
      </c>
      <c r="U98" s="16">
        <v>8546</v>
      </c>
      <c r="V98" s="16">
        <v>30945</v>
      </c>
      <c r="W98" s="16">
        <v>11246</v>
      </c>
      <c r="X98" s="16">
        <v>32544</v>
      </c>
      <c r="Y98" s="16">
        <v>14249</v>
      </c>
      <c r="Z98" s="16">
        <v>242940</v>
      </c>
      <c r="AA98" s="16">
        <v>3634</v>
      </c>
      <c r="AB98" s="16">
        <v>220757</v>
      </c>
      <c r="AC98" s="16">
        <v>188350</v>
      </c>
      <c r="AD98" s="16">
        <v>92410</v>
      </c>
    </row>
    <row r="99" spans="1:30">
      <c r="A99" s="21" t="s">
        <v>232</v>
      </c>
      <c r="B99" s="21" t="s">
        <v>237</v>
      </c>
      <c r="C99" s="21" t="s">
        <v>264</v>
      </c>
      <c r="D99" s="21" t="s">
        <v>214</v>
      </c>
      <c r="E99" s="21" t="s">
        <v>214</v>
      </c>
      <c r="F99" s="21" t="s">
        <v>402</v>
      </c>
      <c r="G99" s="16">
        <v>68937</v>
      </c>
      <c r="H99" s="16">
        <v>68710</v>
      </c>
      <c r="I99" s="16">
        <v>58303</v>
      </c>
      <c r="J99" s="22" t="s">
        <v>268</v>
      </c>
      <c r="K99" s="16">
        <v>54812</v>
      </c>
      <c r="L99" s="16">
        <v>130</v>
      </c>
      <c r="M99" s="16">
        <v>3361</v>
      </c>
      <c r="N99" s="16">
        <v>10407</v>
      </c>
      <c r="O99" s="22" t="s">
        <v>268</v>
      </c>
      <c r="P99" s="22" t="s">
        <v>268</v>
      </c>
      <c r="Q99" s="16">
        <v>2736</v>
      </c>
      <c r="R99" s="16">
        <v>2065</v>
      </c>
      <c r="S99" s="16">
        <v>128</v>
      </c>
      <c r="T99" s="16">
        <v>1428</v>
      </c>
      <c r="U99" s="16">
        <v>439</v>
      </c>
      <c r="V99" s="16">
        <v>2724</v>
      </c>
      <c r="W99" s="22" t="s">
        <v>268</v>
      </c>
      <c r="X99" s="16">
        <v>887</v>
      </c>
      <c r="Y99" s="16">
        <v>227</v>
      </c>
      <c r="Z99" s="22" t="s">
        <v>268</v>
      </c>
      <c r="AA99" s="22" t="s">
        <v>268</v>
      </c>
      <c r="AB99" s="16">
        <v>10147</v>
      </c>
      <c r="AC99" s="22" t="s">
        <v>268</v>
      </c>
      <c r="AD99" s="22" t="s">
        <v>268</v>
      </c>
    </row>
    <row r="100" spans="1:30">
      <c r="A100" s="21" t="s">
        <v>232</v>
      </c>
      <c r="B100" s="21" t="s">
        <v>237</v>
      </c>
      <c r="C100" s="21" t="s">
        <v>264</v>
      </c>
      <c r="D100" s="21" t="s">
        <v>214</v>
      </c>
      <c r="E100" s="21" t="s">
        <v>214</v>
      </c>
      <c r="F100" s="21" t="s">
        <v>403</v>
      </c>
      <c r="G100" s="16">
        <v>78341</v>
      </c>
      <c r="H100" s="16">
        <v>78067</v>
      </c>
      <c r="I100" s="16">
        <v>64999</v>
      </c>
      <c r="J100" s="22" t="s">
        <v>268</v>
      </c>
      <c r="K100" s="16">
        <v>57308</v>
      </c>
      <c r="L100" s="16">
        <v>491</v>
      </c>
      <c r="M100" s="16">
        <v>7200</v>
      </c>
      <c r="N100" s="16">
        <v>13068</v>
      </c>
      <c r="O100" s="22" t="s">
        <v>268</v>
      </c>
      <c r="P100" s="22" t="s">
        <v>268</v>
      </c>
      <c r="Q100" s="16">
        <v>3866</v>
      </c>
      <c r="R100" s="16">
        <v>3067</v>
      </c>
      <c r="S100" s="16">
        <v>119</v>
      </c>
      <c r="T100" s="16">
        <v>1956</v>
      </c>
      <c r="U100" s="16">
        <v>271</v>
      </c>
      <c r="V100" s="16">
        <v>2452</v>
      </c>
      <c r="W100" s="22" t="s">
        <v>268</v>
      </c>
      <c r="X100" s="16">
        <v>1337</v>
      </c>
      <c r="Y100" s="16">
        <v>274</v>
      </c>
      <c r="Z100" s="22" t="s">
        <v>268</v>
      </c>
      <c r="AA100" s="22" t="s">
        <v>268</v>
      </c>
      <c r="AB100" s="16">
        <v>12781</v>
      </c>
      <c r="AC100" s="22" t="s">
        <v>268</v>
      </c>
      <c r="AD100" s="22" t="s">
        <v>268</v>
      </c>
    </row>
    <row r="101" spans="1:30">
      <c r="A101" s="21" t="s">
        <v>232</v>
      </c>
      <c r="B101" s="21" t="s">
        <v>237</v>
      </c>
      <c r="C101" s="21" t="s">
        <v>264</v>
      </c>
      <c r="D101" s="21" t="s">
        <v>214</v>
      </c>
      <c r="E101" s="21" t="s">
        <v>214</v>
      </c>
      <c r="F101" s="21" t="s">
        <v>404</v>
      </c>
      <c r="G101" s="16">
        <v>80276</v>
      </c>
      <c r="H101" s="16">
        <v>79937</v>
      </c>
      <c r="I101" s="16">
        <v>64854</v>
      </c>
      <c r="J101" s="22" t="s">
        <v>268</v>
      </c>
      <c r="K101" s="16">
        <v>53668</v>
      </c>
      <c r="L101" s="16">
        <v>910</v>
      </c>
      <c r="M101" s="16">
        <v>10276</v>
      </c>
      <c r="N101" s="16">
        <v>15083</v>
      </c>
      <c r="O101" s="22" t="s">
        <v>268</v>
      </c>
      <c r="P101" s="22" t="s">
        <v>268</v>
      </c>
      <c r="Q101" s="16">
        <v>4571</v>
      </c>
      <c r="R101" s="16">
        <v>4091</v>
      </c>
      <c r="S101" s="16">
        <v>155</v>
      </c>
      <c r="T101" s="16">
        <v>2342</v>
      </c>
      <c r="U101" s="16">
        <v>177</v>
      </c>
      <c r="V101" s="16">
        <v>1917</v>
      </c>
      <c r="W101" s="16">
        <v>7</v>
      </c>
      <c r="X101" s="16">
        <v>1823</v>
      </c>
      <c r="Y101" s="16">
        <v>335</v>
      </c>
      <c r="Z101" s="16">
        <v>4</v>
      </c>
      <c r="AA101" s="22" t="s">
        <v>268</v>
      </c>
      <c r="AB101" s="16">
        <v>14644</v>
      </c>
      <c r="AC101" s="22" t="s">
        <v>268</v>
      </c>
      <c r="AD101" s="22" t="s">
        <v>268</v>
      </c>
    </row>
    <row r="102" spans="1:30">
      <c r="A102" s="21" t="s">
        <v>232</v>
      </c>
      <c r="B102" s="21" t="s">
        <v>237</v>
      </c>
      <c r="C102" s="21" t="s">
        <v>264</v>
      </c>
      <c r="D102" s="21" t="s">
        <v>214</v>
      </c>
      <c r="E102" s="21" t="s">
        <v>214</v>
      </c>
      <c r="F102" s="21" t="s">
        <v>405</v>
      </c>
      <c r="G102" s="16">
        <v>74932</v>
      </c>
      <c r="H102" s="16">
        <v>70601</v>
      </c>
      <c r="I102" s="16">
        <v>55491</v>
      </c>
      <c r="J102" s="16">
        <v>45</v>
      </c>
      <c r="K102" s="16">
        <v>42504</v>
      </c>
      <c r="L102" s="16">
        <v>1237</v>
      </c>
      <c r="M102" s="16">
        <v>11705</v>
      </c>
      <c r="N102" s="16">
        <v>15110</v>
      </c>
      <c r="O102" s="16">
        <v>2</v>
      </c>
      <c r="P102" s="16">
        <v>4</v>
      </c>
      <c r="Q102" s="16">
        <v>4016</v>
      </c>
      <c r="R102" s="16">
        <v>4332</v>
      </c>
      <c r="S102" s="16">
        <v>328</v>
      </c>
      <c r="T102" s="16">
        <v>2358</v>
      </c>
      <c r="U102" s="16">
        <v>128</v>
      </c>
      <c r="V102" s="16">
        <v>1315</v>
      </c>
      <c r="W102" s="16">
        <v>243</v>
      </c>
      <c r="X102" s="16">
        <v>2384</v>
      </c>
      <c r="Y102" s="16">
        <v>359</v>
      </c>
      <c r="Z102" s="16">
        <v>3972</v>
      </c>
      <c r="AA102" s="22" t="s">
        <v>268</v>
      </c>
      <c r="AB102" s="16">
        <v>14029</v>
      </c>
      <c r="AC102" s="22" t="s">
        <v>268</v>
      </c>
      <c r="AD102" s="22" t="s">
        <v>268</v>
      </c>
    </row>
    <row r="103" spans="1:30">
      <c r="A103" s="21" t="s">
        <v>232</v>
      </c>
      <c r="B103" s="21" t="s">
        <v>237</v>
      </c>
      <c r="C103" s="21" t="s">
        <v>264</v>
      </c>
      <c r="D103" s="21" t="s">
        <v>214</v>
      </c>
      <c r="E103" s="21" t="s">
        <v>214</v>
      </c>
      <c r="F103" s="21" t="s">
        <v>406</v>
      </c>
      <c r="G103" s="16">
        <v>68335</v>
      </c>
      <c r="H103" s="16">
        <v>47685</v>
      </c>
      <c r="I103" s="16">
        <v>35359</v>
      </c>
      <c r="J103" s="16">
        <v>1378</v>
      </c>
      <c r="K103" s="16">
        <v>25401</v>
      </c>
      <c r="L103" s="16">
        <v>1106</v>
      </c>
      <c r="M103" s="16">
        <v>7474</v>
      </c>
      <c r="N103" s="16">
        <v>12326</v>
      </c>
      <c r="O103" s="16">
        <v>54</v>
      </c>
      <c r="P103" s="16">
        <v>27</v>
      </c>
      <c r="Q103" s="16">
        <v>2319</v>
      </c>
      <c r="R103" s="16">
        <v>3648</v>
      </c>
      <c r="S103" s="16">
        <v>374</v>
      </c>
      <c r="T103" s="16">
        <v>1565</v>
      </c>
      <c r="U103" s="16">
        <v>298</v>
      </c>
      <c r="V103" s="16">
        <v>1096</v>
      </c>
      <c r="W103" s="16">
        <v>653</v>
      </c>
      <c r="X103" s="16">
        <v>2292</v>
      </c>
      <c r="Y103" s="16">
        <v>1476</v>
      </c>
      <c r="Z103" s="16">
        <v>19174</v>
      </c>
      <c r="AA103" s="22" t="s">
        <v>268</v>
      </c>
      <c r="AB103" s="16">
        <v>10606</v>
      </c>
      <c r="AC103" s="22" t="s">
        <v>268</v>
      </c>
      <c r="AD103" s="22" t="s">
        <v>268</v>
      </c>
    </row>
    <row r="104" spans="1:30">
      <c r="A104" s="21" t="s">
        <v>232</v>
      </c>
      <c r="B104" s="21" t="s">
        <v>237</v>
      </c>
      <c r="C104" s="21" t="s">
        <v>264</v>
      </c>
      <c r="D104" s="21" t="s">
        <v>214</v>
      </c>
      <c r="E104" s="21" t="s">
        <v>214</v>
      </c>
      <c r="F104" s="21" t="s">
        <v>407</v>
      </c>
      <c r="G104" s="16">
        <v>71058</v>
      </c>
      <c r="H104" s="16">
        <v>52517</v>
      </c>
      <c r="I104" s="16">
        <v>41315</v>
      </c>
      <c r="J104" s="16">
        <v>6926</v>
      </c>
      <c r="K104" s="16">
        <v>27811</v>
      </c>
      <c r="L104" s="16">
        <v>979</v>
      </c>
      <c r="M104" s="16">
        <v>5599</v>
      </c>
      <c r="N104" s="16">
        <v>11202</v>
      </c>
      <c r="O104" s="16">
        <v>107</v>
      </c>
      <c r="P104" s="16">
        <v>99</v>
      </c>
      <c r="Q104" s="16">
        <v>1681</v>
      </c>
      <c r="R104" s="16">
        <v>3394</v>
      </c>
      <c r="S104" s="16">
        <v>270</v>
      </c>
      <c r="T104" s="16">
        <v>1284</v>
      </c>
      <c r="U104" s="16">
        <v>466</v>
      </c>
      <c r="V104" s="16">
        <v>1433</v>
      </c>
      <c r="W104" s="16">
        <v>480</v>
      </c>
      <c r="X104" s="16">
        <v>1988</v>
      </c>
      <c r="Y104" s="16">
        <v>1908</v>
      </c>
      <c r="Z104" s="16">
        <v>16633</v>
      </c>
      <c r="AA104" s="22" t="s">
        <v>268</v>
      </c>
      <c r="AB104" s="16">
        <v>9617</v>
      </c>
      <c r="AC104" s="22" t="s">
        <v>268</v>
      </c>
      <c r="AD104" s="22" t="s">
        <v>268</v>
      </c>
    </row>
    <row r="105" spans="1:30">
      <c r="A105" s="21" t="s">
        <v>232</v>
      </c>
      <c r="B105" s="21" t="s">
        <v>237</v>
      </c>
      <c r="C105" s="21" t="s">
        <v>264</v>
      </c>
      <c r="D105" s="21" t="s">
        <v>214</v>
      </c>
      <c r="E105" s="21" t="s">
        <v>214</v>
      </c>
      <c r="F105" s="21" t="s">
        <v>408</v>
      </c>
      <c r="G105" s="16">
        <v>82449</v>
      </c>
      <c r="H105" s="16">
        <v>69612</v>
      </c>
      <c r="I105" s="16">
        <v>58130</v>
      </c>
      <c r="J105" s="16">
        <v>7593</v>
      </c>
      <c r="K105" s="16">
        <v>43638</v>
      </c>
      <c r="L105" s="16">
        <v>1010</v>
      </c>
      <c r="M105" s="16">
        <v>5889</v>
      </c>
      <c r="N105" s="16">
        <v>11482</v>
      </c>
      <c r="O105" s="16">
        <v>178</v>
      </c>
      <c r="P105" s="16">
        <v>170</v>
      </c>
      <c r="Q105" s="16">
        <v>1935</v>
      </c>
      <c r="R105" s="16">
        <v>3140</v>
      </c>
      <c r="S105" s="16">
        <v>194</v>
      </c>
      <c r="T105" s="16">
        <v>1409</v>
      </c>
      <c r="U105" s="16">
        <v>519</v>
      </c>
      <c r="V105" s="16">
        <v>1903</v>
      </c>
      <c r="W105" s="16">
        <v>342</v>
      </c>
      <c r="X105" s="16">
        <v>1692</v>
      </c>
      <c r="Y105" s="16">
        <v>1105</v>
      </c>
      <c r="Z105" s="16">
        <v>11732</v>
      </c>
      <c r="AA105" s="22" t="s">
        <v>268</v>
      </c>
      <c r="AB105" s="16">
        <v>9945</v>
      </c>
      <c r="AC105" s="22" t="s">
        <v>268</v>
      </c>
      <c r="AD105" s="22" t="s">
        <v>268</v>
      </c>
    </row>
    <row r="106" spans="1:30">
      <c r="A106" s="21" t="s">
        <v>232</v>
      </c>
      <c r="B106" s="21" t="s">
        <v>237</v>
      </c>
      <c r="C106" s="21" t="s">
        <v>264</v>
      </c>
      <c r="D106" s="21" t="s">
        <v>214</v>
      </c>
      <c r="E106" s="21" t="s">
        <v>214</v>
      </c>
      <c r="F106" s="21" t="s">
        <v>409</v>
      </c>
      <c r="G106" s="16">
        <v>96420</v>
      </c>
      <c r="H106" s="16">
        <v>85481</v>
      </c>
      <c r="I106" s="16">
        <v>71969</v>
      </c>
      <c r="J106" s="16">
        <v>6398</v>
      </c>
      <c r="K106" s="16">
        <v>56705</v>
      </c>
      <c r="L106" s="16">
        <v>1322</v>
      </c>
      <c r="M106" s="16">
        <v>7544</v>
      </c>
      <c r="N106" s="16">
        <v>13512</v>
      </c>
      <c r="O106" s="16">
        <v>264</v>
      </c>
      <c r="P106" s="16">
        <v>307</v>
      </c>
      <c r="Q106" s="16">
        <v>2932</v>
      </c>
      <c r="R106" s="16">
        <v>3368</v>
      </c>
      <c r="S106" s="16">
        <v>114</v>
      </c>
      <c r="T106" s="16">
        <v>1797</v>
      </c>
      <c r="U106" s="16">
        <v>443</v>
      </c>
      <c r="V106" s="16">
        <v>2259</v>
      </c>
      <c r="W106" s="16">
        <v>341</v>
      </c>
      <c r="X106" s="16">
        <v>1687</v>
      </c>
      <c r="Y106" s="16">
        <v>905</v>
      </c>
      <c r="Z106" s="16">
        <v>10034</v>
      </c>
      <c r="AA106" s="22" t="s">
        <v>268</v>
      </c>
      <c r="AB106" s="16">
        <v>11787</v>
      </c>
      <c r="AC106" s="22" t="s">
        <v>268</v>
      </c>
      <c r="AD106" s="22" t="s">
        <v>268</v>
      </c>
    </row>
    <row r="107" spans="1:30">
      <c r="A107" s="21" t="s">
        <v>232</v>
      </c>
      <c r="B107" s="21" t="s">
        <v>237</v>
      </c>
      <c r="C107" s="21" t="s">
        <v>264</v>
      </c>
      <c r="D107" s="21" t="s">
        <v>214</v>
      </c>
      <c r="E107" s="21" t="s">
        <v>214</v>
      </c>
      <c r="F107" s="21" t="s">
        <v>410</v>
      </c>
      <c r="G107" s="16">
        <v>105654</v>
      </c>
      <c r="H107" s="16">
        <v>94287</v>
      </c>
      <c r="I107" s="16">
        <v>79339</v>
      </c>
      <c r="J107" s="16">
        <v>6635</v>
      </c>
      <c r="K107" s="16">
        <v>61415</v>
      </c>
      <c r="L107" s="16">
        <v>1572</v>
      </c>
      <c r="M107" s="16">
        <v>9717</v>
      </c>
      <c r="N107" s="16">
        <v>14948</v>
      </c>
      <c r="O107" s="16">
        <v>361</v>
      </c>
      <c r="P107" s="16">
        <v>446</v>
      </c>
      <c r="Q107" s="16">
        <v>3985</v>
      </c>
      <c r="R107" s="16">
        <v>3715</v>
      </c>
      <c r="S107" s="16">
        <v>114</v>
      </c>
      <c r="T107" s="16">
        <v>1948</v>
      </c>
      <c r="U107" s="16">
        <v>357</v>
      </c>
      <c r="V107" s="16">
        <v>1921</v>
      </c>
      <c r="W107" s="16">
        <v>351</v>
      </c>
      <c r="X107" s="16">
        <v>1750</v>
      </c>
      <c r="Y107" s="16">
        <v>893</v>
      </c>
      <c r="Z107" s="16">
        <v>10474</v>
      </c>
      <c r="AA107" s="22" t="s">
        <v>268</v>
      </c>
      <c r="AB107" s="16">
        <v>12943</v>
      </c>
      <c r="AC107" s="22" t="s">
        <v>268</v>
      </c>
      <c r="AD107" s="22" t="s">
        <v>268</v>
      </c>
    </row>
    <row r="108" spans="1:30">
      <c r="A108" s="21" t="s">
        <v>232</v>
      </c>
      <c r="B108" s="21" t="s">
        <v>237</v>
      </c>
      <c r="C108" s="21" t="s">
        <v>264</v>
      </c>
      <c r="D108" s="21" t="s">
        <v>214</v>
      </c>
      <c r="E108" s="21" t="s">
        <v>214</v>
      </c>
      <c r="F108" s="21" t="s">
        <v>411</v>
      </c>
      <c r="G108" s="16">
        <v>111449</v>
      </c>
      <c r="H108" s="16">
        <v>97677</v>
      </c>
      <c r="I108" s="16">
        <v>80873</v>
      </c>
      <c r="J108" s="16">
        <v>10165</v>
      </c>
      <c r="K108" s="16">
        <v>56872</v>
      </c>
      <c r="L108" s="16">
        <v>1876</v>
      </c>
      <c r="M108" s="16">
        <v>11960</v>
      </c>
      <c r="N108" s="16">
        <v>16804</v>
      </c>
      <c r="O108" s="16">
        <v>820</v>
      </c>
      <c r="P108" s="16">
        <v>991</v>
      </c>
      <c r="Q108" s="16">
        <v>4264</v>
      </c>
      <c r="R108" s="16">
        <v>4523</v>
      </c>
      <c r="S108" s="16">
        <v>140</v>
      </c>
      <c r="T108" s="16">
        <v>1843</v>
      </c>
      <c r="U108" s="16">
        <v>454</v>
      </c>
      <c r="V108" s="16">
        <v>1514</v>
      </c>
      <c r="W108" s="16">
        <v>474</v>
      </c>
      <c r="X108" s="16">
        <v>1781</v>
      </c>
      <c r="Y108" s="16">
        <v>1063</v>
      </c>
      <c r="Z108" s="16">
        <v>12709</v>
      </c>
      <c r="AA108" s="22" t="s">
        <v>268</v>
      </c>
      <c r="AB108" s="16">
        <v>13597</v>
      </c>
      <c r="AC108" s="22" t="s">
        <v>268</v>
      </c>
      <c r="AD108" s="22" t="s">
        <v>268</v>
      </c>
    </row>
    <row r="109" spans="1:30">
      <c r="A109" s="21" t="s">
        <v>232</v>
      </c>
      <c r="B109" s="21" t="s">
        <v>237</v>
      </c>
      <c r="C109" s="21" t="s">
        <v>264</v>
      </c>
      <c r="D109" s="21" t="s">
        <v>214</v>
      </c>
      <c r="E109" s="21" t="s">
        <v>214</v>
      </c>
      <c r="F109" s="21" t="s">
        <v>412</v>
      </c>
      <c r="G109" s="16">
        <v>100811</v>
      </c>
      <c r="H109" s="16">
        <v>86554</v>
      </c>
      <c r="I109" s="16">
        <v>68035</v>
      </c>
      <c r="J109" s="16">
        <v>15244</v>
      </c>
      <c r="K109" s="16">
        <v>39588</v>
      </c>
      <c r="L109" s="16">
        <v>1866</v>
      </c>
      <c r="M109" s="16">
        <v>11337</v>
      </c>
      <c r="N109" s="16">
        <v>18519</v>
      </c>
      <c r="O109" s="16">
        <v>1408</v>
      </c>
      <c r="P109" s="16">
        <v>2343</v>
      </c>
      <c r="Q109" s="16">
        <v>3563</v>
      </c>
      <c r="R109" s="16">
        <v>5205</v>
      </c>
      <c r="S109" s="16">
        <v>159</v>
      </c>
      <c r="T109" s="16">
        <v>1486</v>
      </c>
      <c r="U109" s="16">
        <v>611</v>
      </c>
      <c r="V109" s="16">
        <v>1320</v>
      </c>
      <c r="W109" s="16">
        <v>686</v>
      </c>
      <c r="X109" s="16">
        <v>1738</v>
      </c>
      <c r="Y109" s="16">
        <v>979</v>
      </c>
      <c r="Z109" s="16">
        <v>13278</v>
      </c>
      <c r="AA109" s="22" t="s">
        <v>268</v>
      </c>
      <c r="AB109" s="16">
        <v>13044</v>
      </c>
      <c r="AC109" s="22" t="s">
        <v>268</v>
      </c>
      <c r="AD109" s="22" t="s">
        <v>268</v>
      </c>
    </row>
    <row r="110" spans="1:30">
      <c r="A110" s="21" t="s">
        <v>232</v>
      </c>
      <c r="B110" s="21" t="s">
        <v>237</v>
      </c>
      <c r="C110" s="21" t="s">
        <v>264</v>
      </c>
      <c r="D110" s="21" t="s">
        <v>214</v>
      </c>
      <c r="E110" s="21" t="s">
        <v>214</v>
      </c>
      <c r="F110" s="21" t="s">
        <v>413</v>
      </c>
      <c r="G110" s="16">
        <v>105340</v>
      </c>
      <c r="H110" s="16">
        <v>89610</v>
      </c>
      <c r="I110" s="16">
        <v>66633</v>
      </c>
      <c r="J110" s="16">
        <v>24685</v>
      </c>
      <c r="K110" s="16">
        <v>29907</v>
      </c>
      <c r="L110" s="16">
        <v>1641</v>
      </c>
      <c r="M110" s="16">
        <v>10400</v>
      </c>
      <c r="N110" s="16">
        <v>22977</v>
      </c>
      <c r="O110" s="16">
        <v>2088</v>
      </c>
      <c r="P110" s="16">
        <v>5112</v>
      </c>
      <c r="Q110" s="16">
        <v>2813</v>
      </c>
      <c r="R110" s="16">
        <v>5949</v>
      </c>
      <c r="S110" s="16">
        <v>262</v>
      </c>
      <c r="T110" s="16">
        <v>1476</v>
      </c>
      <c r="U110" s="16">
        <v>810</v>
      </c>
      <c r="V110" s="16">
        <v>1634</v>
      </c>
      <c r="W110" s="16">
        <v>958</v>
      </c>
      <c r="X110" s="16">
        <v>1875</v>
      </c>
      <c r="Y110" s="16">
        <v>913</v>
      </c>
      <c r="Z110" s="16">
        <v>14817</v>
      </c>
      <c r="AA110" s="22" t="s">
        <v>268</v>
      </c>
      <c r="AB110" s="16">
        <v>13478</v>
      </c>
      <c r="AC110" s="22" t="s">
        <v>268</v>
      </c>
      <c r="AD110" s="22" t="s">
        <v>268</v>
      </c>
    </row>
    <row r="111" spans="1:30">
      <c r="A111" s="21" t="s">
        <v>232</v>
      </c>
      <c r="B111" s="21" t="s">
        <v>237</v>
      </c>
      <c r="C111" s="21" t="s">
        <v>264</v>
      </c>
      <c r="D111" s="21" t="s">
        <v>214</v>
      </c>
      <c r="E111" s="21" t="s">
        <v>214</v>
      </c>
      <c r="F111" s="21" t="s">
        <v>414</v>
      </c>
      <c r="G111" s="16">
        <v>114344</v>
      </c>
      <c r="H111" s="16">
        <v>96823</v>
      </c>
      <c r="I111" s="16">
        <v>72006</v>
      </c>
      <c r="J111" s="16">
        <v>37393</v>
      </c>
      <c r="K111" s="16">
        <v>24518</v>
      </c>
      <c r="L111" s="16">
        <v>1479</v>
      </c>
      <c r="M111" s="16">
        <v>8616</v>
      </c>
      <c r="N111" s="16">
        <v>24817</v>
      </c>
      <c r="O111" s="16">
        <v>1560</v>
      </c>
      <c r="P111" s="16">
        <v>6700</v>
      </c>
      <c r="Q111" s="16">
        <v>2508</v>
      </c>
      <c r="R111" s="16">
        <v>5223</v>
      </c>
      <c r="S111" s="16">
        <v>566</v>
      </c>
      <c r="T111" s="16">
        <v>2148</v>
      </c>
      <c r="U111" s="16">
        <v>782</v>
      </c>
      <c r="V111" s="16">
        <v>2099</v>
      </c>
      <c r="W111" s="16">
        <v>1442</v>
      </c>
      <c r="X111" s="16">
        <v>1789</v>
      </c>
      <c r="Y111" s="16">
        <v>883</v>
      </c>
      <c r="Z111" s="16">
        <v>16638</v>
      </c>
      <c r="AA111" s="22" t="s">
        <v>268</v>
      </c>
      <c r="AB111" s="16">
        <v>13351</v>
      </c>
      <c r="AC111" s="16">
        <v>10804</v>
      </c>
      <c r="AD111" s="22" t="s">
        <v>268</v>
      </c>
    </row>
    <row r="112" spans="1:30">
      <c r="A112" s="21" t="s">
        <v>232</v>
      </c>
      <c r="B112" s="21" t="s">
        <v>237</v>
      </c>
      <c r="C112" s="21" t="s">
        <v>264</v>
      </c>
      <c r="D112" s="21" t="s">
        <v>214</v>
      </c>
      <c r="E112" s="21" t="s">
        <v>214</v>
      </c>
      <c r="F112" s="21" t="s">
        <v>415</v>
      </c>
      <c r="G112" s="16">
        <v>127166</v>
      </c>
      <c r="H112" s="16">
        <v>106393</v>
      </c>
      <c r="I112" s="16">
        <v>82199</v>
      </c>
      <c r="J112" s="16">
        <v>50788</v>
      </c>
      <c r="K112" s="16">
        <v>23473</v>
      </c>
      <c r="L112" s="16">
        <v>1347</v>
      </c>
      <c r="M112" s="16">
        <v>6591</v>
      </c>
      <c r="N112" s="16">
        <v>24194</v>
      </c>
      <c r="O112" s="16">
        <v>904</v>
      </c>
      <c r="P112" s="16">
        <v>5334</v>
      </c>
      <c r="Q112" s="16">
        <v>3722</v>
      </c>
      <c r="R112" s="16">
        <v>3667</v>
      </c>
      <c r="S112" s="16">
        <v>1038</v>
      </c>
      <c r="T112" s="16">
        <v>3181</v>
      </c>
      <c r="U112" s="16">
        <v>583</v>
      </c>
      <c r="V112" s="16">
        <v>2037</v>
      </c>
      <c r="W112" s="16">
        <v>1884</v>
      </c>
      <c r="X112" s="16">
        <v>1844</v>
      </c>
      <c r="Y112" s="16">
        <v>882</v>
      </c>
      <c r="Z112" s="16">
        <v>19891</v>
      </c>
      <c r="AA112" s="22" t="s">
        <v>268</v>
      </c>
      <c r="AB112" s="16">
        <v>13771</v>
      </c>
      <c r="AC112" s="16">
        <v>47106</v>
      </c>
      <c r="AD112" s="16">
        <v>19891</v>
      </c>
    </row>
    <row r="113" spans="1:30">
      <c r="A113" s="21" t="s">
        <v>232</v>
      </c>
      <c r="B113" s="21" t="s">
        <v>237</v>
      </c>
      <c r="C113" s="21" t="s">
        <v>264</v>
      </c>
      <c r="D113" s="21" t="s">
        <v>214</v>
      </c>
      <c r="E113" s="21" t="s">
        <v>214</v>
      </c>
      <c r="F113" s="21" t="s">
        <v>416</v>
      </c>
      <c r="G113" s="16">
        <v>125001</v>
      </c>
      <c r="H113" s="16">
        <v>103443</v>
      </c>
      <c r="I113" s="16">
        <v>82866</v>
      </c>
      <c r="J113" s="16">
        <v>54082</v>
      </c>
      <c r="K113" s="16">
        <v>21333</v>
      </c>
      <c r="L113" s="16">
        <v>1307</v>
      </c>
      <c r="M113" s="16">
        <v>6144</v>
      </c>
      <c r="N113" s="16">
        <v>20577</v>
      </c>
      <c r="O113" s="16">
        <v>787</v>
      </c>
      <c r="P113" s="16">
        <v>2561</v>
      </c>
      <c r="Q113" s="16">
        <v>4615</v>
      </c>
      <c r="R113" s="16">
        <v>2760</v>
      </c>
      <c r="S113" s="16">
        <v>1246</v>
      </c>
      <c r="T113" s="16">
        <v>3413</v>
      </c>
      <c r="U113" s="16">
        <v>421</v>
      </c>
      <c r="V113" s="16">
        <v>1353</v>
      </c>
      <c r="W113" s="16">
        <v>1574</v>
      </c>
      <c r="X113" s="16">
        <v>1847</v>
      </c>
      <c r="Y113" s="16">
        <v>843</v>
      </c>
      <c r="Z113" s="16">
        <v>20715</v>
      </c>
      <c r="AA113" s="22" t="s">
        <v>268</v>
      </c>
      <c r="AB113" s="16">
        <v>13305</v>
      </c>
      <c r="AC113" s="16">
        <v>53310</v>
      </c>
      <c r="AD113" s="16">
        <v>20715</v>
      </c>
    </row>
    <row r="114" spans="1:30">
      <c r="A114" s="21" t="s">
        <v>232</v>
      </c>
      <c r="B114" s="21" t="s">
        <v>237</v>
      </c>
      <c r="C114" s="21" t="s">
        <v>264</v>
      </c>
      <c r="D114" s="21" t="s">
        <v>214</v>
      </c>
      <c r="E114" s="21" t="s">
        <v>214</v>
      </c>
      <c r="F114" s="21" t="s">
        <v>417</v>
      </c>
      <c r="G114" s="16">
        <v>88604</v>
      </c>
      <c r="H114" s="16">
        <v>71646</v>
      </c>
      <c r="I114" s="16">
        <v>56784</v>
      </c>
      <c r="J114" s="16">
        <v>36603</v>
      </c>
      <c r="K114" s="16">
        <v>13907</v>
      </c>
      <c r="L114" s="16">
        <v>1003</v>
      </c>
      <c r="M114" s="16">
        <v>5271</v>
      </c>
      <c r="N114" s="16">
        <v>14862</v>
      </c>
      <c r="O114" s="16">
        <v>1157</v>
      </c>
      <c r="P114" s="16">
        <v>1154</v>
      </c>
      <c r="Q114" s="16">
        <v>3680</v>
      </c>
      <c r="R114" s="16">
        <v>2367</v>
      </c>
      <c r="S114" s="16">
        <v>876</v>
      </c>
      <c r="T114" s="16">
        <v>2178</v>
      </c>
      <c r="U114" s="16">
        <v>331</v>
      </c>
      <c r="V114" s="16">
        <v>754</v>
      </c>
      <c r="W114" s="16">
        <v>868</v>
      </c>
      <c r="X114" s="16">
        <v>1497</v>
      </c>
      <c r="Y114" s="16">
        <v>500</v>
      </c>
      <c r="Z114" s="16">
        <v>16458</v>
      </c>
      <c r="AA114" s="22" t="s">
        <v>268</v>
      </c>
      <c r="AB114" s="16">
        <v>10002</v>
      </c>
      <c r="AC114" s="16">
        <v>36455</v>
      </c>
      <c r="AD114" s="16">
        <v>16458</v>
      </c>
    </row>
    <row r="115" spans="1:30">
      <c r="A115" s="21" t="s">
        <v>232</v>
      </c>
      <c r="B115" s="21" t="s">
        <v>237</v>
      </c>
      <c r="C115" s="21" t="s">
        <v>264</v>
      </c>
      <c r="D115" s="21" t="s">
        <v>214</v>
      </c>
      <c r="E115" s="21" t="s">
        <v>214</v>
      </c>
      <c r="F115" s="21" t="s">
        <v>418</v>
      </c>
      <c r="G115" s="16">
        <v>74079</v>
      </c>
      <c r="H115" s="16">
        <v>57886</v>
      </c>
      <c r="I115" s="16">
        <v>41948</v>
      </c>
      <c r="J115" s="16">
        <v>25116</v>
      </c>
      <c r="K115" s="16">
        <v>9457</v>
      </c>
      <c r="L115" s="16">
        <v>1128</v>
      </c>
      <c r="M115" s="16">
        <v>6247</v>
      </c>
      <c r="N115" s="16">
        <v>15938</v>
      </c>
      <c r="O115" s="16">
        <v>1909</v>
      </c>
      <c r="P115" s="16">
        <v>2278</v>
      </c>
      <c r="Q115" s="16">
        <v>3193</v>
      </c>
      <c r="R115" s="16">
        <v>3015</v>
      </c>
      <c r="S115" s="16">
        <v>579</v>
      </c>
      <c r="T115" s="16">
        <v>1466</v>
      </c>
      <c r="U115" s="16">
        <v>476</v>
      </c>
      <c r="V115" s="16">
        <v>900</v>
      </c>
      <c r="W115" s="16">
        <v>511</v>
      </c>
      <c r="X115" s="16">
        <v>1611</v>
      </c>
      <c r="Y115" s="16">
        <v>364</v>
      </c>
      <c r="Z115" s="16">
        <v>15829</v>
      </c>
      <c r="AA115" s="22" t="s">
        <v>268</v>
      </c>
      <c r="AB115" s="16">
        <v>9892</v>
      </c>
      <c r="AC115" s="16">
        <v>25079</v>
      </c>
      <c r="AD115" s="16">
        <v>15829</v>
      </c>
    </row>
    <row r="116" spans="1:30">
      <c r="A116" s="21" t="s">
        <v>232</v>
      </c>
      <c r="B116" s="21" t="s">
        <v>237</v>
      </c>
      <c r="C116" s="21" t="s">
        <v>264</v>
      </c>
      <c r="D116" s="21" t="s">
        <v>214</v>
      </c>
      <c r="E116" s="21" t="s">
        <v>214</v>
      </c>
      <c r="F116" s="21" t="s">
        <v>419</v>
      </c>
      <c r="G116" s="16">
        <v>52102</v>
      </c>
      <c r="H116" s="16">
        <v>39239</v>
      </c>
      <c r="I116" s="16">
        <v>24251</v>
      </c>
      <c r="J116" s="16">
        <v>12222</v>
      </c>
      <c r="K116" s="16">
        <v>4772</v>
      </c>
      <c r="L116" s="16">
        <v>1099</v>
      </c>
      <c r="M116" s="16">
        <v>6158</v>
      </c>
      <c r="N116" s="16">
        <v>14988</v>
      </c>
      <c r="O116" s="16">
        <v>1830</v>
      </c>
      <c r="P116" s="16">
        <v>3714</v>
      </c>
      <c r="Q116" s="16">
        <v>1787</v>
      </c>
      <c r="R116" s="16">
        <v>3236</v>
      </c>
      <c r="S116" s="16">
        <v>298</v>
      </c>
      <c r="T116" s="16">
        <v>691</v>
      </c>
      <c r="U116" s="16">
        <v>524</v>
      </c>
      <c r="V116" s="16">
        <v>1105</v>
      </c>
      <c r="W116" s="16">
        <v>292</v>
      </c>
      <c r="X116" s="16">
        <v>1511</v>
      </c>
      <c r="Y116" s="16">
        <v>237</v>
      </c>
      <c r="Z116" s="16">
        <v>12626</v>
      </c>
      <c r="AA116" s="22" t="s">
        <v>268</v>
      </c>
      <c r="AB116" s="16">
        <v>8177</v>
      </c>
      <c r="AC116" s="16">
        <v>12214</v>
      </c>
      <c r="AD116" s="16">
        <v>12626</v>
      </c>
    </row>
    <row r="117" spans="1:30">
      <c r="A117" s="21" t="s">
        <v>232</v>
      </c>
      <c r="B117" s="21" t="s">
        <v>237</v>
      </c>
      <c r="C117" s="21" t="s">
        <v>264</v>
      </c>
      <c r="D117" s="21" t="s">
        <v>214</v>
      </c>
      <c r="E117" s="21" t="s">
        <v>214</v>
      </c>
      <c r="F117" s="21" t="s">
        <v>420</v>
      </c>
      <c r="G117" s="16">
        <v>22980</v>
      </c>
      <c r="H117" s="16">
        <v>17233</v>
      </c>
      <c r="I117" s="16">
        <v>8302</v>
      </c>
      <c r="J117" s="16">
        <v>3088</v>
      </c>
      <c r="K117" s="16">
        <v>1152</v>
      </c>
      <c r="L117" s="16">
        <v>629</v>
      </c>
      <c r="M117" s="16">
        <v>3433</v>
      </c>
      <c r="N117" s="16">
        <v>8931</v>
      </c>
      <c r="O117" s="16">
        <v>768</v>
      </c>
      <c r="P117" s="16">
        <v>3212</v>
      </c>
      <c r="Q117" s="16">
        <v>463</v>
      </c>
      <c r="R117" s="16">
        <v>1900</v>
      </c>
      <c r="S117" s="16">
        <v>118</v>
      </c>
      <c r="T117" s="16">
        <v>220</v>
      </c>
      <c r="U117" s="16">
        <v>341</v>
      </c>
      <c r="V117" s="16">
        <v>913</v>
      </c>
      <c r="W117" s="16">
        <v>115</v>
      </c>
      <c r="X117" s="16">
        <v>881</v>
      </c>
      <c r="Y117" s="16">
        <v>84</v>
      </c>
      <c r="Z117" s="16">
        <v>5663</v>
      </c>
      <c r="AA117" s="22" t="s">
        <v>268</v>
      </c>
      <c r="AB117" s="16">
        <v>4349</v>
      </c>
      <c r="AC117" s="16">
        <v>3087</v>
      </c>
      <c r="AD117" s="16">
        <v>5663</v>
      </c>
    </row>
    <row r="118" spans="1:30">
      <c r="A118" s="21" t="s">
        <v>232</v>
      </c>
      <c r="B118" s="21" t="s">
        <v>237</v>
      </c>
      <c r="C118" s="21" t="s">
        <v>264</v>
      </c>
      <c r="D118" s="21" t="s">
        <v>214</v>
      </c>
      <c r="E118" s="21" t="s">
        <v>214</v>
      </c>
      <c r="F118" s="21" t="s">
        <v>421</v>
      </c>
      <c r="G118" s="16">
        <v>5194</v>
      </c>
      <c r="H118" s="16">
        <v>4044</v>
      </c>
      <c r="I118" s="16">
        <v>1581</v>
      </c>
      <c r="J118" s="16">
        <v>276</v>
      </c>
      <c r="K118" s="16">
        <v>127</v>
      </c>
      <c r="L118" s="16">
        <v>168</v>
      </c>
      <c r="M118" s="16">
        <v>1010</v>
      </c>
      <c r="N118" s="16">
        <v>2463</v>
      </c>
      <c r="O118" s="16">
        <v>91</v>
      </c>
      <c r="P118" s="16">
        <v>1067</v>
      </c>
      <c r="Q118" s="16">
        <v>49</v>
      </c>
      <c r="R118" s="16">
        <v>532</v>
      </c>
      <c r="S118" s="16">
        <v>21</v>
      </c>
      <c r="T118" s="16">
        <v>33</v>
      </c>
      <c r="U118" s="16">
        <v>94</v>
      </c>
      <c r="V118" s="16">
        <v>262</v>
      </c>
      <c r="W118" s="16">
        <v>24</v>
      </c>
      <c r="X118" s="16">
        <v>290</v>
      </c>
      <c r="Y118" s="16">
        <v>18</v>
      </c>
      <c r="Z118" s="16">
        <v>1132</v>
      </c>
      <c r="AA118" s="22" t="s">
        <v>268</v>
      </c>
      <c r="AB118" s="16">
        <v>1143</v>
      </c>
      <c r="AC118" s="16">
        <v>276</v>
      </c>
      <c r="AD118" s="16">
        <v>1132</v>
      </c>
    </row>
    <row r="119" spans="1:30">
      <c r="A119" s="21" t="s">
        <v>232</v>
      </c>
      <c r="B119" s="21" t="s">
        <v>237</v>
      </c>
      <c r="C119" s="21" t="s">
        <v>264</v>
      </c>
      <c r="D119" s="21" t="s">
        <v>214</v>
      </c>
      <c r="E119" s="21" t="s">
        <v>214</v>
      </c>
      <c r="F119" s="21" t="s">
        <v>422</v>
      </c>
      <c r="G119" s="16">
        <v>622</v>
      </c>
      <c r="H119" s="16">
        <v>525</v>
      </c>
      <c r="I119" s="16">
        <v>179</v>
      </c>
      <c r="J119" s="16">
        <v>19</v>
      </c>
      <c r="K119" s="16">
        <v>5</v>
      </c>
      <c r="L119" s="16">
        <v>14</v>
      </c>
      <c r="M119" s="16">
        <v>141</v>
      </c>
      <c r="N119" s="16">
        <v>346</v>
      </c>
      <c r="O119" s="16">
        <v>8</v>
      </c>
      <c r="P119" s="16">
        <v>169</v>
      </c>
      <c r="Q119" s="16">
        <v>1</v>
      </c>
      <c r="R119" s="16">
        <v>58</v>
      </c>
      <c r="S119" s="16">
        <v>8</v>
      </c>
      <c r="T119" s="16">
        <v>6</v>
      </c>
      <c r="U119" s="16">
        <v>21</v>
      </c>
      <c r="V119" s="16">
        <v>34</v>
      </c>
      <c r="W119" s="16">
        <v>1</v>
      </c>
      <c r="X119" s="16">
        <v>40</v>
      </c>
      <c r="Y119" s="16">
        <v>1</v>
      </c>
      <c r="Z119" s="16">
        <v>96</v>
      </c>
      <c r="AA119" s="22" t="s">
        <v>268</v>
      </c>
      <c r="AB119" s="16">
        <v>149</v>
      </c>
      <c r="AC119" s="16">
        <v>19</v>
      </c>
      <c r="AD119" s="16">
        <v>96</v>
      </c>
    </row>
    <row r="120" spans="1:30">
      <c r="A120" s="21" t="s">
        <v>232</v>
      </c>
      <c r="B120" s="21" t="s">
        <v>237</v>
      </c>
      <c r="C120" s="21" t="s">
        <v>264</v>
      </c>
      <c r="D120" s="21" t="s">
        <v>214</v>
      </c>
      <c r="E120" s="21" t="s">
        <v>214</v>
      </c>
      <c r="F120" s="21" t="s">
        <v>423</v>
      </c>
      <c r="G120" s="16">
        <v>24699</v>
      </c>
      <c r="H120" s="22" t="s">
        <v>268</v>
      </c>
      <c r="I120" s="22" t="s">
        <v>268</v>
      </c>
      <c r="J120" s="22" t="s">
        <v>268</v>
      </c>
      <c r="K120" s="22" t="s">
        <v>268</v>
      </c>
      <c r="L120" s="22" t="s">
        <v>268</v>
      </c>
      <c r="M120" s="22" t="s">
        <v>268</v>
      </c>
      <c r="N120" s="22" t="s">
        <v>268</v>
      </c>
      <c r="O120" s="22" t="s">
        <v>268</v>
      </c>
      <c r="P120" s="22" t="s">
        <v>268</v>
      </c>
      <c r="Q120" s="22" t="s">
        <v>268</v>
      </c>
      <c r="R120" s="22" t="s">
        <v>268</v>
      </c>
      <c r="S120" s="22" t="s">
        <v>268</v>
      </c>
      <c r="T120" s="22" t="s">
        <v>268</v>
      </c>
      <c r="U120" s="22" t="s">
        <v>268</v>
      </c>
      <c r="V120" s="22" t="s">
        <v>268</v>
      </c>
      <c r="W120" s="22" t="s">
        <v>268</v>
      </c>
      <c r="X120" s="22" t="s">
        <v>268</v>
      </c>
      <c r="Y120" s="22" t="s">
        <v>268</v>
      </c>
      <c r="Z120" s="16">
        <v>21065</v>
      </c>
      <c r="AA120" s="16">
        <v>3634</v>
      </c>
      <c r="AB120" s="22" t="s">
        <v>268</v>
      </c>
      <c r="AC120" s="22" t="s">
        <v>268</v>
      </c>
      <c r="AD120" s="22" t="s">
        <v>268</v>
      </c>
    </row>
    <row r="121" spans="1:30">
      <c r="A121" s="21" t="s">
        <v>232</v>
      </c>
      <c r="B121" s="21" t="s">
        <v>237</v>
      </c>
      <c r="C121" s="21" t="s">
        <v>264</v>
      </c>
      <c r="D121" s="21" t="s">
        <v>214</v>
      </c>
      <c r="E121" s="21" t="s">
        <v>214</v>
      </c>
      <c r="F121" s="21" t="s">
        <v>386</v>
      </c>
      <c r="G121" s="16">
        <v>227554</v>
      </c>
      <c r="H121" s="16">
        <v>226714</v>
      </c>
      <c r="I121" s="16">
        <v>188156</v>
      </c>
      <c r="J121" s="22" t="s">
        <v>268</v>
      </c>
      <c r="K121" s="16">
        <v>165788</v>
      </c>
      <c r="L121" s="16">
        <v>1531</v>
      </c>
      <c r="M121" s="16">
        <v>20837</v>
      </c>
      <c r="N121" s="16">
        <v>38558</v>
      </c>
      <c r="O121" s="22" t="s">
        <v>268</v>
      </c>
      <c r="P121" s="22" t="s">
        <v>268</v>
      </c>
      <c r="Q121" s="16">
        <v>11173</v>
      </c>
      <c r="R121" s="16">
        <v>9223</v>
      </c>
      <c r="S121" s="16">
        <v>402</v>
      </c>
      <c r="T121" s="16">
        <v>5726</v>
      </c>
      <c r="U121" s="16">
        <v>887</v>
      </c>
      <c r="V121" s="16">
        <v>7093</v>
      </c>
      <c r="W121" s="16">
        <v>7</v>
      </c>
      <c r="X121" s="16">
        <v>4047</v>
      </c>
      <c r="Y121" s="16">
        <v>836</v>
      </c>
      <c r="Z121" s="16">
        <v>4</v>
      </c>
      <c r="AA121" s="22" t="s">
        <v>268</v>
      </c>
      <c r="AB121" s="16">
        <v>37572</v>
      </c>
      <c r="AC121" s="22" t="s">
        <v>268</v>
      </c>
      <c r="AD121" s="22" t="s">
        <v>268</v>
      </c>
    </row>
    <row r="122" spans="1:30">
      <c r="A122" s="21" t="s">
        <v>232</v>
      </c>
      <c r="B122" s="21" t="s">
        <v>237</v>
      </c>
      <c r="C122" s="21" t="s">
        <v>264</v>
      </c>
      <c r="D122" s="21" t="s">
        <v>214</v>
      </c>
      <c r="E122" s="21" t="s">
        <v>214</v>
      </c>
      <c r="F122" s="21" t="s">
        <v>387</v>
      </c>
      <c r="G122" s="16">
        <v>930792</v>
      </c>
      <c r="H122" s="16">
        <v>790847</v>
      </c>
      <c r="I122" s="16">
        <v>629150</v>
      </c>
      <c r="J122" s="16">
        <v>116462</v>
      </c>
      <c r="K122" s="16">
        <v>408359</v>
      </c>
      <c r="L122" s="16">
        <v>14088</v>
      </c>
      <c r="M122" s="16">
        <v>90241</v>
      </c>
      <c r="N122" s="16">
        <v>161697</v>
      </c>
      <c r="O122" s="16">
        <v>6842</v>
      </c>
      <c r="P122" s="16">
        <v>16199</v>
      </c>
      <c r="Q122" s="16">
        <v>30016</v>
      </c>
      <c r="R122" s="16">
        <v>42497</v>
      </c>
      <c r="S122" s="16">
        <v>2521</v>
      </c>
      <c r="T122" s="16">
        <v>17314</v>
      </c>
      <c r="U122" s="16">
        <v>4868</v>
      </c>
      <c r="V122" s="16">
        <v>16494</v>
      </c>
      <c r="W122" s="16">
        <v>5970</v>
      </c>
      <c r="X122" s="16">
        <v>18976</v>
      </c>
      <c r="Y122" s="16">
        <v>10484</v>
      </c>
      <c r="Z122" s="16">
        <v>129461</v>
      </c>
      <c r="AA122" s="22" t="s">
        <v>268</v>
      </c>
      <c r="AB122" s="16">
        <v>122397</v>
      </c>
      <c r="AC122" s="16">
        <v>10804</v>
      </c>
      <c r="AD122" s="22" t="s">
        <v>268</v>
      </c>
    </row>
    <row r="123" spans="1:30">
      <c r="A123" s="21" t="s">
        <v>232</v>
      </c>
      <c r="B123" s="21" t="s">
        <v>237</v>
      </c>
      <c r="C123" s="21" t="s">
        <v>264</v>
      </c>
      <c r="D123" s="21" t="s">
        <v>214</v>
      </c>
      <c r="E123" s="21" t="s">
        <v>214</v>
      </c>
      <c r="F123" s="21" t="s">
        <v>388</v>
      </c>
      <c r="G123" s="16">
        <v>495748</v>
      </c>
      <c r="H123" s="16">
        <v>400409</v>
      </c>
      <c r="I123" s="16">
        <v>298110</v>
      </c>
      <c r="J123" s="16">
        <v>182194</v>
      </c>
      <c r="K123" s="16">
        <v>74226</v>
      </c>
      <c r="L123" s="16">
        <v>6695</v>
      </c>
      <c r="M123" s="16">
        <v>34995</v>
      </c>
      <c r="N123" s="16">
        <v>102299</v>
      </c>
      <c r="O123" s="16">
        <v>7454</v>
      </c>
      <c r="P123" s="16">
        <v>19489</v>
      </c>
      <c r="Q123" s="16">
        <v>17510</v>
      </c>
      <c r="R123" s="16">
        <v>17535</v>
      </c>
      <c r="S123" s="16">
        <v>4184</v>
      </c>
      <c r="T123" s="16">
        <v>11188</v>
      </c>
      <c r="U123" s="16">
        <v>2791</v>
      </c>
      <c r="V123" s="16">
        <v>7358</v>
      </c>
      <c r="W123" s="16">
        <v>5269</v>
      </c>
      <c r="X123" s="16">
        <v>9521</v>
      </c>
      <c r="Y123" s="16">
        <v>2929</v>
      </c>
      <c r="Z123" s="16">
        <v>92410</v>
      </c>
      <c r="AA123" s="22" t="s">
        <v>268</v>
      </c>
      <c r="AB123" s="16">
        <v>60788</v>
      </c>
      <c r="AC123" s="16">
        <v>177546</v>
      </c>
      <c r="AD123" s="16">
        <v>92410</v>
      </c>
    </row>
    <row r="124" spans="1:30">
      <c r="A124" s="21" t="s">
        <v>232</v>
      </c>
      <c r="B124" s="21" t="s">
        <v>237</v>
      </c>
      <c r="C124" s="21" t="s">
        <v>264</v>
      </c>
      <c r="D124" s="21" t="s">
        <v>214</v>
      </c>
      <c r="E124" s="21" t="s">
        <v>214</v>
      </c>
      <c r="F124" s="21" t="s">
        <v>389</v>
      </c>
      <c r="G124" s="16">
        <v>243581</v>
      </c>
      <c r="H124" s="16">
        <v>190573</v>
      </c>
      <c r="I124" s="16">
        <v>133045</v>
      </c>
      <c r="J124" s="16">
        <v>77324</v>
      </c>
      <c r="K124" s="16">
        <v>29420</v>
      </c>
      <c r="L124" s="16">
        <v>4041</v>
      </c>
      <c r="M124" s="16">
        <v>22260</v>
      </c>
      <c r="N124" s="16">
        <v>57528</v>
      </c>
      <c r="O124" s="16">
        <v>5763</v>
      </c>
      <c r="P124" s="16">
        <v>11594</v>
      </c>
      <c r="Q124" s="16">
        <v>9173</v>
      </c>
      <c r="R124" s="16">
        <v>11108</v>
      </c>
      <c r="S124" s="16">
        <v>1900</v>
      </c>
      <c r="T124" s="16">
        <v>4594</v>
      </c>
      <c r="U124" s="16">
        <v>1787</v>
      </c>
      <c r="V124" s="16">
        <v>3968</v>
      </c>
      <c r="W124" s="16">
        <v>1811</v>
      </c>
      <c r="X124" s="16">
        <v>5830</v>
      </c>
      <c r="Y124" s="16">
        <v>1204</v>
      </c>
      <c r="Z124" s="16">
        <v>51804</v>
      </c>
      <c r="AA124" s="22" t="s">
        <v>268</v>
      </c>
      <c r="AB124" s="16">
        <v>33712</v>
      </c>
      <c r="AC124" s="16">
        <v>77130</v>
      </c>
      <c r="AD124" s="16">
        <v>51804</v>
      </c>
    </row>
    <row r="125" spans="1:30">
      <c r="A125" s="21" t="s">
        <v>232</v>
      </c>
      <c r="B125" s="21" t="s">
        <v>237</v>
      </c>
      <c r="C125" s="21" t="s">
        <v>264</v>
      </c>
      <c r="D125" s="21" t="s">
        <v>214</v>
      </c>
      <c r="E125" s="21" t="s">
        <v>214</v>
      </c>
      <c r="F125" s="21" t="s">
        <v>390</v>
      </c>
      <c r="G125" s="16">
        <v>80898</v>
      </c>
      <c r="H125" s="16">
        <v>61041</v>
      </c>
      <c r="I125" s="16">
        <v>34313</v>
      </c>
      <c r="J125" s="16">
        <v>15605</v>
      </c>
      <c r="K125" s="16">
        <v>6056</v>
      </c>
      <c r="L125" s="16">
        <v>1910</v>
      </c>
      <c r="M125" s="16">
        <v>10742</v>
      </c>
      <c r="N125" s="16">
        <v>26728</v>
      </c>
      <c r="O125" s="16">
        <v>2697</v>
      </c>
      <c r="P125" s="16">
        <v>8162</v>
      </c>
      <c r="Q125" s="16">
        <v>2300</v>
      </c>
      <c r="R125" s="16">
        <v>5726</v>
      </c>
      <c r="S125" s="16">
        <v>445</v>
      </c>
      <c r="T125" s="16">
        <v>950</v>
      </c>
      <c r="U125" s="16">
        <v>980</v>
      </c>
      <c r="V125" s="16">
        <v>2314</v>
      </c>
      <c r="W125" s="16">
        <v>432</v>
      </c>
      <c r="X125" s="16">
        <v>2722</v>
      </c>
      <c r="Y125" s="16">
        <v>340</v>
      </c>
      <c r="Z125" s="16">
        <v>19517</v>
      </c>
      <c r="AA125" s="22" t="s">
        <v>268</v>
      </c>
      <c r="AB125" s="16">
        <v>13818</v>
      </c>
      <c r="AC125" s="16">
        <v>15596</v>
      </c>
      <c r="AD125" s="16">
        <v>19517</v>
      </c>
    </row>
    <row r="126" spans="1:30">
      <c r="A126" s="21" t="s">
        <v>232</v>
      </c>
      <c r="B126" s="21" t="s">
        <v>237</v>
      </c>
      <c r="C126" s="21" t="s">
        <v>264</v>
      </c>
      <c r="D126" s="21" t="s">
        <v>214</v>
      </c>
      <c r="E126" s="21" t="s">
        <v>214</v>
      </c>
      <c r="F126" s="21" t="s">
        <v>391</v>
      </c>
      <c r="G126" s="16">
        <v>983026</v>
      </c>
      <c r="H126" s="16">
        <v>826639</v>
      </c>
      <c r="I126" s="16">
        <v>655858</v>
      </c>
      <c r="J126" s="16">
        <v>167205</v>
      </c>
      <c r="K126" s="16">
        <v>389328</v>
      </c>
      <c r="L126" s="16">
        <v>14198</v>
      </c>
      <c r="M126" s="16">
        <v>85127</v>
      </c>
      <c r="N126" s="16">
        <v>170781</v>
      </c>
      <c r="O126" s="16">
        <v>7744</v>
      </c>
      <c r="P126" s="16">
        <v>21529</v>
      </c>
      <c r="Q126" s="16">
        <v>29722</v>
      </c>
      <c r="R126" s="16">
        <v>41832</v>
      </c>
      <c r="S126" s="16">
        <v>3231</v>
      </c>
      <c r="T126" s="16">
        <v>18137</v>
      </c>
      <c r="U126" s="16">
        <v>5323</v>
      </c>
      <c r="V126" s="16">
        <v>17216</v>
      </c>
      <c r="W126" s="16">
        <v>7611</v>
      </c>
      <c r="X126" s="16">
        <v>18436</v>
      </c>
      <c r="Y126" s="16">
        <v>11007</v>
      </c>
      <c r="Z126" s="16">
        <v>145380</v>
      </c>
      <c r="AA126" s="22" t="s">
        <v>268</v>
      </c>
      <c r="AB126" s="16">
        <v>122139</v>
      </c>
      <c r="AC126" s="16">
        <v>57910</v>
      </c>
      <c r="AD126" s="16">
        <v>19891</v>
      </c>
    </row>
    <row r="127" spans="1:30">
      <c r="A127" s="21" t="s">
        <v>232</v>
      </c>
      <c r="B127" s="21" t="s">
        <v>237</v>
      </c>
      <c r="C127" s="21" t="s">
        <v>264</v>
      </c>
      <c r="D127" s="21" t="s">
        <v>215</v>
      </c>
      <c r="E127" s="21" t="s">
        <v>214</v>
      </c>
      <c r="F127" s="21" t="s">
        <v>401</v>
      </c>
      <c r="G127" s="16">
        <v>800595</v>
      </c>
      <c r="H127" s="16">
        <v>677155</v>
      </c>
      <c r="I127" s="16">
        <v>543222</v>
      </c>
      <c r="J127" s="16">
        <v>149328</v>
      </c>
      <c r="K127" s="16">
        <v>330895</v>
      </c>
      <c r="L127" s="16">
        <v>17058</v>
      </c>
      <c r="M127" s="16">
        <v>45941</v>
      </c>
      <c r="N127" s="16">
        <v>133933</v>
      </c>
      <c r="O127" s="16">
        <v>7148</v>
      </c>
      <c r="P127" s="16">
        <v>13526</v>
      </c>
      <c r="Q127" s="16">
        <v>29471</v>
      </c>
      <c r="R127" s="16">
        <v>30324</v>
      </c>
      <c r="S127" s="16">
        <v>3453</v>
      </c>
      <c r="T127" s="16">
        <v>15527</v>
      </c>
      <c r="U127" s="16">
        <v>3835</v>
      </c>
      <c r="V127" s="16">
        <v>14105</v>
      </c>
      <c r="W127" s="16">
        <v>5096</v>
      </c>
      <c r="X127" s="16">
        <v>11448</v>
      </c>
      <c r="Y127" s="16">
        <v>6972</v>
      </c>
      <c r="Z127" s="16">
        <v>114719</v>
      </c>
      <c r="AA127" s="16">
        <v>1749</v>
      </c>
      <c r="AB127" s="16">
        <v>98888</v>
      </c>
      <c r="AC127" s="16">
        <v>94175</v>
      </c>
      <c r="AD127" s="16">
        <v>29745</v>
      </c>
    </row>
    <row r="128" spans="1:30">
      <c r="A128" s="21" t="s">
        <v>232</v>
      </c>
      <c r="B128" s="21" t="s">
        <v>237</v>
      </c>
      <c r="C128" s="21" t="s">
        <v>264</v>
      </c>
      <c r="D128" s="21" t="s">
        <v>215</v>
      </c>
      <c r="E128" s="21" t="s">
        <v>214</v>
      </c>
      <c r="F128" s="21" t="s">
        <v>402</v>
      </c>
      <c r="G128" s="16">
        <v>35169</v>
      </c>
      <c r="H128" s="16">
        <v>35040</v>
      </c>
      <c r="I128" s="16">
        <v>29734</v>
      </c>
      <c r="J128" s="22" t="s">
        <v>268</v>
      </c>
      <c r="K128" s="16">
        <v>27932</v>
      </c>
      <c r="L128" s="16">
        <v>66</v>
      </c>
      <c r="M128" s="16">
        <v>1736</v>
      </c>
      <c r="N128" s="16">
        <v>5306</v>
      </c>
      <c r="O128" s="22" t="s">
        <v>268</v>
      </c>
      <c r="P128" s="22" t="s">
        <v>268</v>
      </c>
      <c r="Q128" s="16">
        <v>1364</v>
      </c>
      <c r="R128" s="16">
        <v>1018</v>
      </c>
      <c r="S128" s="16">
        <v>69</v>
      </c>
      <c r="T128" s="16">
        <v>727</v>
      </c>
      <c r="U128" s="16">
        <v>226</v>
      </c>
      <c r="V128" s="16">
        <v>1440</v>
      </c>
      <c r="W128" s="22" t="s">
        <v>268</v>
      </c>
      <c r="X128" s="16">
        <v>462</v>
      </c>
      <c r="Y128" s="16">
        <v>129</v>
      </c>
      <c r="Z128" s="22" t="s">
        <v>268</v>
      </c>
      <c r="AA128" s="22" t="s">
        <v>268</v>
      </c>
      <c r="AB128" s="16">
        <v>5161</v>
      </c>
      <c r="AC128" s="22" t="s">
        <v>268</v>
      </c>
      <c r="AD128" s="22" t="s">
        <v>268</v>
      </c>
    </row>
    <row r="129" spans="1:30">
      <c r="A129" s="21" t="s">
        <v>232</v>
      </c>
      <c r="B129" s="21" t="s">
        <v>237</v>
      </c>
      <c r="C129" s="21" t="s">
        <v>264</v>
      </c>
      <c r="D129" s="21" t="s">
        <v>215</v>
      </c>
      <c r="E129" s="21" t="s">
        <v>214</v>
      </c>
      <c r="F129" s="21" t="s">
        <v>403</v>
      </c>
      <c r="G129" s="16">
        <v>40279</v>
      </c>
      <c r="H129" s="16">
        <v>40141</v>
      </c>
      <c r="I129" s="16">
        <v>33380</v>
      </c>
      <c r="J129" s="22" t="s">
        <v>268</v>
      </c>
      <c r="K129" s="16">
        <v>29445</v>
      </c>
      <c r="L129" s="16">
        <v>244</v>
      </c>
      <c r="M129" s="16">
        <v>3691</v>
      </c>
      <c r="N129" s="16">
        <v>6761</v>
      </c>
      <c r="O129" s="22" t="s">
        <v>268</v>
      </c>
      <c r="P129" s="22" t="s">
        <v>268</v>
      </c>
      <c r="Q129" s="16">
        <v>1998</v>
      </c>
      <c r="R129" s="16">
        <v>1590</v>
      </c>
      <c r="S129" s="16">
        <v>72</v>
      </c>
      <c r="T129" s="16">
        <v>1023</v>
      </c>
      <c r="U129" s="16">
        <v>156</v>
      </c>
      <c r="V129" s="16">
        <v>1260</v>
      </c>
      <c r="W129" s="22" t="s">
        <v>268</v>
      </c>
      <c r="X129" s="16">
        <v>662</v>
      </c>
      <c r="Y129" s="16">
        <v>138</v>
      </c>
      <c r="Z129" s="22" t="s">
        <v>268</v>
      </c>
      <c r="AA129" s="22" t="s">
        <v>268</v>
      </c>
      <c r="AB129" s="16">
        <v>6607</v>
      </c>
      <c r="AC129" s="22" t="s">
        <v>268</v>
      </c>
      <c r="AD129" s="22" t="s">
        <v>268</v>
      </c>
    </row>
    <row r="130" spans="1:30">
      <c r="A130" s="21" t="s">
        <v>232</v>
      </c>
      <c r="B130" s="21" t="s">
        <v>237</v>
      </c>
      <c r="C130" s="21" t="s">
        <v>264</v>
      </c>
      <c r="D130" s="21" t="s">
        <v>215</v>
      </c>
      <c r="E130" s="21" t="s">
        <v>214</v>
      </c>
      <c r="F130" s="21" t="s">
        <v>404</v>
      </c>
      <c r="G130" s="16">
        <v>40898</v>
      </c>
      <c r="H130" s="16">
        <v>40721</v>
      </c>
      <c r="I130" s="16">
        <v>33106</v>
      </c>
      <c r="J130" s="22" t="s">
        <v>268</v>
      </c>
      <c r="K130" s="16">
        <v>27414</v>
      </c>
      <c r="L130" s="16">
        <v>484</v>
      </c>
      <c r="M130" s="16">
        <v>5208</v>
      </c>
      <c r="N130" s="16">
        <v>7615</v>
      </c>
      <c r="O130" s="22" t="s">
        <v>268</v>
      </c>
      <c r="P130" s="22" t="s">
        <v>268</v>
      </c>
      <c r="Q130" s="16">
        <v>2271</v>
      </c>
      <c r="R130" s="16">
        <v>2107</v>
      </c>
      <c r="S130" s="16">
        <v>73</v>
      </c>
      <c r="T130" s="16">
        <v>1176</v>
      </c>
      <c r="U130" s="16">
        <v>90</v>
      </c>
      <c r="V130" s="16">
        <v>975</v>
      </c>
      <c r="W130" s="16">
        <v>4</v>
      </c>
      <c r="X130" s="16">
        <v>919</v>
      </c>
      <c r="Y130" s="16">
        <v>173</v>
      </c>
      <c r="Z130" s="16">
        <v>4</v>
      </c>
      <c r="AA130" s="22" t="s">
        <v>268</v>
      </c>
      <c r="AB130" s="16">
        <v>7411</v>
      </c>
      <c r="AC130" s="22" t="s">
        <v>268</v>
      </c>
      <c r="AD130" s="22" t="s">
        <v>268</v>
      </c>
    </row>
    <row r="131" spans="1:30">
      <c r="A131" s="21" t="s">
        <v>232</v>
      </c>
      <c r="B131" s="21" t="s">
        <v>237</v>
      </c>
      <c r="C131" s="21" t="s">
        <v>264</v>
      </c>
      <c r="D131" s="21" t="s">
        <v>215</v>
      </c>
      <c r="E131" s="21" t="s">
        <v>214</v>
      </c>
      <c r="F131" s="21" t="s">
        <v>405</v>
      </c>
      <c r="G131" s="16">
        <v>37946</v>
      </c>
      <c r="H131" s="16">
        <v>35548</v>
      </c>
      <c r="I131" s="16">
        <v>27941</v>
      </c>
      <c r="J131" s="16">
        <v>12</v>
      </c>
      <c r="K131" s="16">
        <v>21519</v>
      </c>
      <c r="L131" s="16">
        <v>681</v>
      </c>
      <c r="M131" s="16">
        <v>5729</v>
      </c>
      <c r="N131" s="16">
        <v>7607</v>
      </c>
      <c r="O131" s="16">
        <v>1</v>
      </c>
      <c r="P131" s="16">
        <v>1</v>
      </c>
      <c r="Q131" s="16">
        <v>1929</v>
      </c>
      <c r="R131" s="16">
        <v>2200</v>
      </c>
      <c r="S131" s="16">
        <v>190</v>
      </c>
      <c r="T131" s="16">
        <v>1234</v>
      </c>
      <c r="U131" s="16">
        <v>61</v>
      </c>
      <c r="V131" s="16">
        <v>658</v>
      </c>
      <c r="W131" s="16">
        <v>97</v>
      </c>
      <c r="X131" s="16">
        <v>1236</v>
      </c>
      <c r="Y131" s="16">
        <v>189</v>
      </c>
      <c r="Z131" s="16">
        <v>2209</v>
      </c>
      <c r="AA131" s="22" t="s">
        <v>268</v>
      </c>
      <c r="AB131" s="16">
        <v>7054</v>
      </c>
      <c r="AC131" s="22" t="s">
        <v>268</v>
      </c>
      <c r="AD131" s="22" t="s">
        <v>268</v>
      </c>
    </row>
    <row r="132" spans="1:30">
      <c r="A132" s="21" t="s">
        <v>232</v>
      </c>
      <c r="B132" s="21" t="s">
        <v>237</v>
      </c>
      <c r="C132" s="21" t="s">
        <v>264</v>
      </c>
      <c r="D132" s="21" t="s">
        <v>215</v>
      </c>
      <c r="E132" s="21" t="s">
        <v>214</v>
      </c>
      <c r="F132" s="21" t="s">
        <v>406</v>
      </c>
      <c r="G132" s="16">
        <v>33670</v>
      </c>
      <c r="H132" s="16">
        <v>22807</v>
      </c>
      <c r="I132" s="16">
        <v>16850</v>
      </c>
      <c r="J132" s="16">
        <v>578</v>
      </c>
      <c r="K132" s="16">
        <v>12189</v>
      </c>
      <c r="L132" s="16">
        <v>608</v>
      </c>
      <c r="M132" s="16">
        <v>3475</v>
      </c>
      <c r="N132" s="16">
        <v>5957</v>
      </c>
      <c r="O132" s="16">
        <v>22</v>
      </c>
      <c r="P132" s="16">
        <v>11</v>
      </c>
      <c r="Q132" s="16">
        <v>1166</v>
      </c>
      <c r="R132" s="16">
        <v>1779</v>
      </c>
      <c r="S132" s="16">
        <v>194</v>
      </c>
      <c r="T132" s="16">
        <v>773</v>
      </c>
      <c r="U132" s="16">
        <v>143</v>
      </c>
      <c r="V132" s="16">
        <v>523</v>
      </c>
      <c r="W132" s="16">
        <v>237</v>
      </c>
      <c r="X132" s="16">
        <v>1109</v>
      </c>
      <c r="Y132" s="16">
        <v>633</v>
      </c>
      <c r="Z132" s="16">
        <v>10230</v>
      </c>
      <c r="AA132" s="22" t="s">
        <v>268</v>
      </c>
      <c r="AB132" s="16">
        <v>5181</v>
      </c>
      <c r="AC132" s="22" t="s">
        <v>268</v>
      </c>
      <c r="AD132" s="22" t="s">
        <v>268</v>
      </c>
    </row>
    <row r="133" spans="1:30">
      <c r="A133" s="21" t="s">
        <v>232</v>
      </c>
      <c r="B133" s="21" t="s">
        <v>237</v>
      </c>
      <c r="C133" s="21" t="s">
        <v>264</v>
      </c>
      <c r="D133" s="21" t="s">
        <v>215</v>
      </c>
      <c r="E133" s="21" t="s">
        <v>214</v>
      </c>
      <c r="F133" s="21" t="s">
        <v>407</v>
      </c>
      <c r="G133" s="16">
        <v>34879</v>
      </c>
      <c r="H133" s="16">
        <v>24952</v>
      </c>
      <c r="I133" s="16">
        <v>19509</v>
      </c>
      <c r="J133" s="16">
        <v>3079</v>
      </c>
      <c r="K133" s="16">
        <v>13374</v>
      </c>
      <c r="L133" s="16">
        <v>588</v>
      </c>
      <c r="M133" s="16">
        <v>2468</v>
      </c>
      <c r="N133" s="16">
        <v>5443</v>
      </c>
      <c r="O133" s="16">
        <v>42</v>
      </c>
      <c r="P133" s="16">
        <v>38</v>
      </c>
      <c r="Q133" s="16">
        <v>845</v>
      </c>
      <c r="R133" s="16">
        <v>1797</v>
      </c>
      <c r="S133" s="16">
        <v>163</v>
      </c>
      <c r="T133" s="16">
        <v>533</v>
      </c>
      <c r="U133" s="16">
        <v>221</v>
      </c>
      <c r="V133" s="16">
        <v>643</v>
      </c>
      <c r="W133" s="16">
        <v>181</v>
      </c>
      <c r="X133" s="16">
        <v>980</v>
      </c>
      <c r="Y133" s="16">
        <v>928</v>
      </c>
      <c r="Z133" s="16">
        <v>8999</v>
      </c>
      <c r="AA133" s="22" t="s">
        <v>268</v>
      </c>
      <c r="AB133" s="16">
        <v>4660</v>
      </c>
      <c r="AC133" s="22" t="s">
        <v>268</v>
      </c>
      <c r="AD133" s="22" t="s">
        <v>268</v>
      </c>
    </row>
    <row r="134" spans="1:30">
      <c r="A134" s="21" t="s">
        <v>232</v>
      </c>
      <c r="B134" s="21" t="s">
        <v>237</v>
      </c>
      <c r="C134" s="21" t="s">
        <v>264</v>
      </c>
      <c r="D134" s="21" t="s">
        <v>215</v>
      </c>
      <c r="E134" s="21" t="s">
        <v>214</v>
      </c>
      <c r="F134" s="21" t="s">
        <v>408</v>
      </c>
      <c r="G134" s="16">
        <v>40408</v>
      </c>
      <c r="H134" s="16">
        <v>33056</v>
      </c>
      <c r="I134" s="16">
        <v>27632</v>
      </c>
      <c r="J134" s="16">
        <v>3696</v>
      </c>
      <c r="K134" s="16">
        <v>21103</v>
      </c>
      <c r="L134" s="16">
        <v>672</v>
      </c>
      <c r="M134" s="16">
        <v>2161</v>
      </c>
      <c r="N134" s="16">
        <v>5424</v>
      </c>
      <c r="O134" s="16">
        <v>79</v>
      </c>
      <c r="P134" s="16">
        <v>74</v>
      </c>
      <c r="Q134" s="16">
        <v>916</v>
      </c>
      <c r="R134" s="16">
        <v>1707</v>
      </c>
      <c r="S134" s="16">
        <v>114</v>
      </c>
      <c r="T134" s="16">
        <v>470</v>
      </c>
      <c r="U134" s="16">
        <v>259</v>
      </c>
      <c r="V134" s="16">
        <v>828</v>
      </c>
      <c r="W134" s="16">
        <v>155</v>
      </c>
      <c r="X134" s="16">
        <v>822</v>
      </c>
      <c r="Y134" s="16">
        <v>581</v>
      </c>
      <c r="Z134" s="16">
        <v>6771</v>
      </c>
      <c r="AA134" s="22" t="s">
        <v>268</v>
      </c>
      <c r="AB134" s="16">
        <v>4633</v>
      </c>
      <c r="AC134" s="22" t="s">
        <v>268</v>
      </c>
      <c r="AD134" s="22" t="s">
        <v>268</v>
      </c>
    </row>
    <row r="135" spans="1:30">
      <c r="A135" s="21" t="s">
        <v>232</v>
      </c>
      <c r="B135" s="21" t="s">
        <v>237</v>
      </c>
      <c r="C135" s="21" t="s">
        <v>264</v>
      </c>
      <c r="D135" s="21" t="s">
        <v>215</v>
      </c>
      <c r="E135" s="21" t="s">
        <v>214</v>
      </c>
      <c r="F135" s="21" t="s">
        <v>409</v>
      </c>
      <c r="G135" s="16">
        <v>47438</v>
      </c>
      <c r="H135" s="16">
        <v>40822</v>
      </c>
      <c r="I135" s="16">
        <v>34725</v>
      </c>
      <c r="J135" s="16">
        <v>3236</v>
      </c>
      <c r="K135" s="16">
        <v>28158</v>
      </c>
      <c r="L135" s="16">
        <v>967</v>
      </c>
      <c r="M135" s="16">
        <v>2364</v>
      </c>
      <c r="N135" s="16">
        <v>6097</v>
      </c>
      <c r="O135" s="16">
        <v>123</v>
      </c>
      <c r="P135" s="16">
        <v>138</v>
      </c>
      <c r="Q135" s="16">
        <v>1380</v>
      </c>
      <c r="R135" s="16">
        <v>1716</v>
      </c>
      <c r="S135" s="16">
        <v>53</v>
      </c>
      <c r="T135" s="16">
        <v>550</v>
      </c>
      <c r="U135" s="16">
        <v>217</v>
      </c>
      <c r="V135" s="16">
        <v>1071</v>
      </c>
      <c r="W135" s="16">
        <v>159</v>
      </c>
      <c r="X135" s="16">
        <v>690</v>
      </c>
      <c r="Y135" s="16">
        <v>475</v>
      </c>
      <c r="Z135" s="16">
        <v>6141</v>
      </c>
      <c r="AA135" s="22" t="s">
        <v>268</v>
      </c>
      <c r="AB135" s="16">
        <v>5234</v>
      </c>
      <c r="AC135" s="22" t="s">
        <v>268</v>
      </c>
      <c r="AD135" s="22" t="s">
        <v>268</v>
      </c>
    </row>
    <row r="136" spans="1:30">
      <c r="A136" s="21" t="s">
        <v>232</v>
      </c>
      <c r="B136" s="21" t="s">
        <v>237</v>
      </c>
      <c r="C136" s="21" t="s">
        <v>264</v>
      </c>
      <c r="D136" s="21" t="s">
        <v>215</v>
      </c>
      <c r="E136" s="21" t="s">
        <v>214</v>
      </c>
      <c r="F136" s="21" t="s">
        <v>410</v>
      </c>
      <c r="G136" s="16">
        <v>52148</v>
      </c>
      <c r="H136" s="16">
        <v>45189</v>
      </c>
      <c r="I136" s="16">
        <v>38542</v>
      </c>
      <c r="J136" s="16">
        <v>3280</v>
      </c>
      <c r="K136" s="16">
        <v>31332</v>
      </c>
      <c r="L136" s="16">
        <v>1169</v>
      </c>
      <c r="M136" s="16">
        <v>2761</v>
      </c>
      <c r="N136" s="16">
        <v>6647</v>
      </c>
      <c r="O136" s="16">
        <v>176</v>
      </c>
      <c r="P136" s="16">
        <v>202</v>
      </c>
      <c r="Q136" s="16">
        <v>1928</v>
      </c>
      <c r="R136" s="16">
        <v>1816</v>
      </c>
      <c r="S136" s="16">
        <v>53</v>
      </c>
      <c r="T136" s="16">
        <v>593</v>
      </c>
      <c r="U136" s="16">
        <v>184</v>
      </c>
      <c r="V136" s="16">
        <v>913</v>
      </c>
      <c r="W136" s="16">
        <v>162</v>
      </c>
      <c r="X136" s="16">
        <v>620</v>
      </c>
      <c r="Y136" s="16">
        <v>467</v>
      </c>
      <c r="Z136" s="16">
        <v>6492</v>
      </c>
      <c r="AA136" s="22" t="s">
        <v>268</v>
      </c>
      <c r="AB136" s="16">
        <v>5685</v>
      </c>
      <c r="AC136" s="22" t="s">
        <v>268</v>
      </c>
      <c r="AD136" s="22" t="s">
        <v>268</v>
      </c>
    </row>
    <row r="137" spans="1:30">
      <c r="A137" s="21" t="s">
        <v>232</v>
      </c>
      <c r="B137" s="21" t="s">
        <v>237</v>
      </c>
      <c r="C137" s="21" t="s">
        <v>264</v>
      </c>
      <c r="D137" s="21" t="s">
        <v>215</v>
      </c>
      <c r="E137" s="21" t="s">
        <v>214</v>
      </c>
      <c r="F137" s="21" t="s">
        <v>411</v>
      </c>
      <c r="G137" s="16">
        <v>54517</v>
      </c>
      <c r="H137" s="16">
        <v>46308</v>
      </c>
      <c r="I137" s="16">
        <v>38956</v>
      </c>
      <c r="J137" s="16">
        <v>4737</v>
      </c>
      <c r="K137" s="16">
        <v>29306</v>
      </c>
      <c r="L137" s="16">
        <v>1364</v>
      </c>
      <c r="M137" s="16">
        <v>3549</v>
      </c>
      <c r="N137" s="16">
        <v>7352</v>
      </c>
      <c r="O137" s="16">
        <v>378</v>
      </c>
      <c r="P137" s="16">
        <v>405</v>
      </c>
      <c r="Q137" s="16">
        <v>2093</v>
      </c>
      <c r="R137" s="16">
        <v>2104</v>
      </c>
      <c r="S137" s="16">
        <v>71</v>
      </c>
      <c r="T137" s="16">
        <v>604</v>
      </c>
      <c r="U137" s="16">
        <v>228</v>
      </c>
      <c r="V137" s="16">
        <v>712</v>
      </c>
      <c r="W137" s="16">
        <v>232</v>
      </c>
      <c r="X137" s="16">
        <v>525</v>
      </c>
      <c r="Y137" s="16">
        <v>512</v>
      </c>
      <c r="Z137" s="16">
        <v>7697</v>
      </c>
      <c r="AA137" s="22" t="s">
        <v>268</v>
      </c>
      <c r="AB137" s="16">
        <v>5879</v>
      </c>
      <c r="AC137" s="22" t="s">
        <v>268</v>
      </c>
      <c r="AD137" s="22" t="s">
        <v>268</v>
      </c>
    </row>
    <row r="138" spans="1:30">
      <c r="A138" s="21" t="s">
        <v>232</v>
      </c>
      <c r="B138" s="21" t="s">
        <v>237</v>
      </c>
      <c r="C138" s="21" t="s">
        <v>264</v>
      </c>
      <c r="D138" s="21" t="s">
        <v>215</v>
      </c>
      <c r="E138" s="21" t="s">
        <v>214</v>
      </c>
      <c r="F138" s="21" t="s">
        <v>412</v>
      </c>
      <c r="G138" s="16">
        <v>47855</v>
      </c>
      <c r="H138" s="16">
        <v>39813</v>
      </c>
      <c r="I138" s="16">
        <v>31794</v>
      </c>
      <c r="J138" s="16">
        <v>6446</v>
      </c>
      <c r="K138" s="16">
        <v>20298</v>
      </c>
      <c r="L138" s="16">
        <v>1337</v>
      </c>
      <c r="M138" s="16">
        <v>3713</v>
      </c>
      <c r="N138" s="16">
        <v>8019</v>
      </c>
      <c r="O138" s="16">
        <v>619</v>
      </c>
      <c r="P138" s="16">
        <v>919</v>
      </c>
      <c r="Q138" s="16">
        <v>1790</v>
      </c>
      <c r="R138" s="16">
        <v>2340</v>
      </c>
      <c r="S138" s="16">
        <v>62</v>
      </c>
      <c r="T138" s="16">
        <v>548</v>
      </c>
      <c r="U138" s="16">
        <v>264</v>
      </c>
      <c r="V138" s="16">
        <v>596</v>
      </c>
      <c r="W138" s="16">
        <v>343</v>
      </c>
      <c r="X138" s="16">
        <v>538</v>
      </c>
      <c r="Y138" s="16">
        <v>449</v>
      </c>
      <c r="Z138" s="16">
        <v>7593</v>
      </c>
      <c r="AA138" s="22" t="s">
        <v>268</v>
      </c>
      <c r="AB138" s="16">
        <v>5683</v>
      </c>
      <c r="AC138" s="22" t="s">
        <v>268</v>
      </c>
      <c r="AD138" s="22" t="s">
        <v>268</v>
      </c>
    </row>
    <row r="139" spans="1:30">
      <c r="A139" s="21" t="s">
        <v>232</v>
      </c>
      <c r="B139" s="21" t="s">
        <v>237</v>
      </c>
      <c r="C139" s="21" t="s">
        <v>264</v>
      </c>
      <c r="D139" s="21" t="s">
        <v>215</v>
      </c>
      <c r="E139" s="21" t="s">
        <v>214</v>
      </c>
      <c r="F139" s="21" t="s">
        <v>413</v>
      </c>
      <c r="G139" s="16">
        <v>50031</v>
      </c>
      <c r="H139" s="16">
        <v>41471</v>
      </c>
      <c r="I139" s="16">
        <v>31017</v>
      </c>
      <c r="J139" s="16">
        <v>10527</v>
      </c>
      <c r="K139" s="16">
        <v>15444</v>
      </c>
      <c r="L139" s="16">
        <v>1171</v>
      </c>
      <c r="M139" s="16">
        <v>3875</v>
      </c>
      <c r="N139" s="16">
        <v>10454</v>
      </c>
      <c r="O139" s="16">
        <v>1025</v>
      </c>
      <c r="P139" s="16">
        <v>2217</v>
      </c>
      <c r="Q139" s="16">
        <v>1486</v>
      </c>
      <c r="R139" s="16">
        <v>2902</v>
      </c>
      <c r="S139" s="16">
        <v>123</v>
      </c>
      <c r="T139" s="16">
        <v>609</v>
      </c>
      <c r="U139" s="16">
        <v>355</v>
      </c>
      <c r="V139" s="16">
        <v>703</v>
      </c>
      <c r="W139" s="16">
        <v>493</v>
      </c>
      <c r="X139" s="16">
        <v>541</v>
      </c>
      <c r="Y139" s="16">
        <v>433</v>
      </c>
      <c r="Z139" s="16">
        <v>8127</v>
      </c>
      <c r="AA139" s="22" t="s">
        <v>268</v>
      </c>
      <c r="AB139" s="16">
        <v>6122</v>
      </c>
      <c r="AC139" s="22" t="s">
        <v>268</v>
      </c>
      <c r="AD139" s="22" t="s">
        <v>268</v>
      </c>
    </row>
    <row r="140" spans="1:30">
      <c r="A140" s="21" t="s">
        <v>232</v>
      </c>
      <c r="B140" s="21" t="s">
        <v>237</v>
      </c>
      <c r="C140" s="21" t="s">
        <v>264</v>
      </c>
      <c r="D140" s="21" t="s">
        <v>215</v>
      </c>
      <c r="E140" s="21" t="s">
        <v>214</v>
      </c>
      <c r="F140" s="21" t="s">
        <v>414</v>
      </c>
      <c r="G140" s="16">
        <v>54885</v>
      </c>
      <c r="H140" s="16">
        <v>45668</v>
      </c>
      <c r="I140" s="16">
        <v>33800</v>
      </c>
      <c r="J140" s="16">
        <v>16842</v>
      </c>
      <c r="K140" s="16">
        <v>12649</v>
      </c>
      <c r="L140" s="16">
        <v>1191</v>
      </c>
      <c r="M140" s="16">
        <v>3118</v>
      </c>
      <c r="N140" s="16">
        <v>11868</v>
      </c>
      <c r="O140" s="16">
        <v>840</v>
      </c>
      <c r="P140" s="16">
        <v>3285</v>
      </c>
      <c r="Q140" s="16">
        <v>1202</v>
      </c>
      <c r="R140" s="16">
        <v>2701</v>
      </c>
      <c r="S140" s="16">
        <v>231</v>
      </c>
      <c r="T140" s="16">
        <v>916</v>
      </c>
      <c r="U140" s="16">
        <v>382</v>
      </c>
      <c r="V140" s="16">
        <v>945</v>
      </c>
      <c r="W140" s="16">
        <v>825</v>
      </c>
      <c r="X140" s="16">
        <v>541</v>
      </c>
      <c r="Y140" s="16">
        <v>436</v>
      </c>
      <c r="Z140" s="16">
        <v>8781</v>
      </c>
      <c r="AA140" s="22" t="s">
        <v>268</v>
      </c>
      <c r="AB140" s="16">
        <v>6144</v>
      </c>
      <c r="AC140" s="22" t="s">
        <v>268</v>
      </c>
      <c r="AD140" s="22" t="s">
        <v>268</v>
      </c>
    </row>
    <row r="141" spans="1:30">
      <c r="A141" s="21" t="s">
        <v>232</v>
      </c>
      <c r="B141" s="21" t="s">
        <v>237</v>
      </c>
      <c r="C141" s="21" t="s">
        <v>264</v>
      </c>
      <c r="D141" s="21" t="s">
        <v>215</v>
      </c>
      <c r="E141" s="21" t="s">
        <v>214</v>
      </c>
      <c r="F141" s="21" t="s">
        <v>415</v>
      </c>
      <c r="G141" s="16">
        <v>61205</v>
      </c>
      <c r="H141" s="16">
        <v>51007</v>
      </c>
      <c r="I141" s="16">
        <v>39389</v>
      </c>
      <c r="J141" s="16">
        <v>24393</v>
      </c>
      <c r="K141" s="16">
        <v>12240</v>
      </c>
      <c r="L141" s="16">
        <v>1206</v>
      </c>
      <c r="M141" s="16">
        <v>1550</v>
      </c>
      <c r="N141" s="16">
        <v>11618</v>
      </c>
      <c r="O141" s="16">
        <v>487</v>
      </c>
      <c r="P141" s="16">
        <v>2942</v>
      </c>
      <c r="Q141" s="16">
        <v>1671</v>
      </c>
      <c r="R141" s="16">
        <v>1741</v>
      </c>
      <c r="S141" s="16">
        <v>449</v>
      </c>
      <c r="T141" s="16">
        <v>1491</v>
      </c>
      <c r="U141" s="16">
        <v>274</v>
      </c>
      <c r="V141" s="16">
        <v>1017</v>
      </c>
      <c r="W141" s="16">
        <v>1032</v>
      </c>
      <c r="X141" s="16">
        <v>514</v>
      </c>
      <c r="Y141" s="16">
        <v>467</v>
      </c>
      <c r="Z141" s="16">
        <v>9731</v>
      </c>
      <c r="AA141" s="22" t="s">
        <v>268</v>
      </c>
      <c r="AB141" s="16">
        <v>6135</v>
      </c>
      <c r="AC141" s="16">
        <v>22330</v>
      </c>
      <c r="AD141" s="16">
        <v>9731</v>
      </c>
    </row>
    <row r="142" spans="1:30">
      <c r="A142" s="21" t="s">
        <v>232</v>
      </c>
      <c r="B142" s="21" t="s">
        <v>237</v>
      </c>
      <c r="C142" s="21" t="s">
        <v>264</v>
      </c>
      <c r="D142" s="21" t="s">
        <v>215</v>
      </c>
      <c r="E142" s="21" t="s">
        <v>214</v>
      </c>
      <c r="F142" s="21" t="s">
        <v>416</v>
      </c>
      <c r="G142" s="16">
        <v>59068</v>
      </c>
      <c r="H142" s="16">
        <v>50526</v>
      </c>
      <c r="I142" s="16">
        <v>41097</v>
      </c>
      <c r="J142" s="16">
        <v>27920</v>
      </c>
      <c r="K142" s="16">
        <v>11408</v>
      </c>
      <c r="L142" s="16">
        <v>1274</v>
      </c>
      <c r="M142" s="16">
        <v>495</v>
      </c>
      <c r="N142" s="16">
        <v>9429</v>
      </c>
      <c r="O142" s="16">
        <v>352</v>
      </c>
      <c r="P142" s="16">
        <v>1464</v>
      </c>
      <c r="Q142" s="16">
        <v>2267</v>
      </c>
      <c r="R142" s="16">
        <v>979</v>
      </c>
      <c r="S142" s="16">
        <v>611</v>
      </c>
      <c r="T142" s="16">
        <v>1736</v>
      </c>
      <c r="U142" s="16">
        <v>194</v>
      </c>
      <c r="V142" s="16">
        <v>707</v>
      </c>
      <c r="W142" s="16">
        <v>700</v>
      </c>
      <c r="X142" s="16">
        <v>419</v>
      </c>
      <c r="Y142" s="16">
        <v>434</v>
      </c>
      <c r="Z142" s="16">
        <v>8108</v>
      </c>
      <c r="AA142" s="22" t="s">
        <v>268</v>
      </c>
      <c r="AB142" s="16">
        <v>5872</v>
      </c>
      <c r="AC142" s="16">
        <v>27411</v>
      </c>
      <c r="AD142" s="16">
        <v>8108</v>
      </c>
    </row>
    <row r="143" spans="1:30">
      <c r="A143" s="21" t="s">
        <v>232</v>
      </c>
      <c r="B143" s="21" t="s">
        <v>237</v>
      </c>
      <c r="C143" s="21" t="s">
        <v>264</v>
      </c>
      <c r="D143" s="21" t="s">
        <v>215</v>
      </c>
      <c r="E143" s="21" t="s">
        <v>214</v>
      </c>
      <c r="F143" s="21" t="s">
        <v>417</v>
      </c>
      <c r="G143" s="16">
        <v>38394</v>
      </c>
      <c r="H143" s="16">
        <v>33583</v>
      </c>
      <c r="I143" s="16">
        <v>27953</v>
      </c>
      <c r="J143" s="16">
        <v>19495</v>
      </c>
      <c r="K143" s="16">
        <v>7419</v>
      </c>
      <c r="L143" s="16">
        <v>999</v>
      </c>
      <c r="M143" s="16">
        <v>40</v>
      </c>
      <c r="N143" s="16">
        <v>5630</v>
      </c>
      <c r="O143" s="16">
        <v>461</v>
      </c>
      <c r="P143" s="16">
        <v>352</v>
      </c>
      <c r="Q143" s="16">
        <v>1864</v>
      </c>
      <c r="R143" s="16">
        <v>444</v>
      </c>
      <c r="S143" s="16">
        <v>423</v>
      </c>
      <c r="T143" s="16">
        <v>1133</v>
      </c>
      <c r="U143" s="16">
        <v>117</v>
      </c>
      <c r="V143" s="16">
        <v>302</v>
      </c>
      <c r="W143" s="16">
        <v>291</v>
      </c>
      <c r="X143" s="16">
        <v>243</v>
      </c>
      <c r="Y143" s="16">
        <v>260</v>
      </c>
      <c r="Z143" s="16">
        <v>4551</v>
      </c>
      <c r="AA143" s="22" t="s">
        <v>268</v>
      </c>
      <c r="AB143" s="16">
        <v>3865</v>
      </c>
      <c r="AC143" s="16">
        <v>19381</v>
      </c>
      <c r="AD143" s="16">
        <v>4551</v>
      </c>
    </row>
    <row r="144" spans="1:30">
      <c r="A144" s="21" t="s">
        <v>232</v>
      </c>
      <c r="B144" s="21" t="s">
        <v>237</v>
      </c>
      <c r="C144" s="21" t="s">
        <v>264</v>
      </c>
      <c r="D144" s="21" t="s">
        <v>215</v>
      </c>
      <c r="E144" s="21" t="s">
        <v>214</v>
      </c>
      <c r="F144" s="21" t="s">
        <v>418</v>
      </c>
      <c r="G144" s="16">
        <v>30129</v>
      </c>
      <c r="H144" s="16">
        <v>26573</v>
      </c>
      <c r="I144" s="16">
        <v>21160</v>
      </c>
      <c r="J144" s="16">
        <v>14489</v>
      </c>
      <c r="K144" s="16">
        <v>5539</v>
      </c>
      <c r="L144" s="16">
        <v>1127</v>
      </c>
      <c r="M144" s="16">
        <v>5</v>
      </c>
      <c r="N144" s="16">
        <v>5413</v>
      </c>
      <c r="O144" s="16">
        <v>895</v>
      </c>
      <c r="P144" s="16">
        <v>315</v>
      </c>
      <c r="Q144" s="16">
        <v>1770</v>
      </c>
      <c r="R144" s="16">
        <v>484</v>
      </c>
      <c r="S144" s="16">
        <v>295</v>
      </c>
      <c r="T144" s="16">
        <v>844</v>
      </c>
      <c r="U144" s="16">
        <v>162</v>
      </c>
      <c r="V144" s="16">
        <v>293</v>
      </c>
      <c r="W144" s="16">
        <v>114</v>
      </c>
      <c r="X144" s="16">
        <v>241</v>
      </c>
      <c r="Y144" s="16">
        <v>149</v>
      </c>
      <c r="Z144" s="16">
        <v>3407</v>
      </c>
      <c r="AA144" s="22" t="s">
        <v>268</v>
      </c>
      <c r="AB144" s="16">
        <v>3601</v>
      </c>
      <c r="AC144" s="16">
        <v>14459</v>
      </c>
      <c r="AD144" s="16">
        <v>3407</v>
      </c>
    </row>
    <row r="145" spans="1:30">
      <c r="A145" s="21" t="s">
        <v>232</v>
      </c>
      <c r="B145" s="21" t="s">
        <v>237</v>
      </c>
      <c r="C145" s="21" t="s">
        <v>264</v>
      </c>
      <c r="D145" s="21" t="s">
        <v>215</v>
      </c>
      <c r="E145" s="21" t="s">
        <v>214</v>
      </c>
      <c r="F145" s="21" t="s">
        <v>419</v>
      </c>
      <c r="G145" s="16">
        <v>19371</v>
      </c>
      <c r="H145" s="16">
        <v>16789</v>
      </c>
      <c r="I145" s="16">
        <v>12295</v>
      </c>
      <c r="J145" s="16">
        <v>8041</v>
      </c>
      <c r="K145" s="16">
        <v>3152</v>
      </c>
      <c r="L145" s="16">
        <v>1099</v>
      </c>
      <c r="M145" s="16">
        <v>3</v>
      </c>
      <c r="N145" s="16">
        <v>4494</v>
      </c>
      <c r="O145" s="16">
        <v>1029</v>
      </c>
      <c r="P145" s="16">
        <v>490</v>
      </c>
      <c r="Q145" s="16">
        <v>1152</v>
      </c>
      <c r="R145" s="16">
        <v>524</v>
      </c>
      <c r="S145" s="16">
        <v>154</v>
      </c>
      <c r="T145" s="16">
        <v>424</v>
      </c>
      <c r="U145" s="16">
        <v>177</v>
      </c>
      <c r="V145" s="16">
        <v>277</v>
      </c>
      <c r="W145" s="16">
        <v>50</v>
      </c>
      <c r="X145" s="16">
        <v>217</v>
      </c>
      <c r="Y145" s="16">
        <v>87</v>
      </c>
      <c r="Z145" s="16">
        <v>2495</v>
      </c>
      <c r="AA145" s="22" t="s">
        <v>268</v>
      </c>
      <c r="AB145" s="16">
        <v>2610</v>
      </c>
      <c r="AC145" s="16">
        <v>8037</v>
      </c>
      <c r="AD145" s="16">
        <v>2495</v>
      </c>
    </row>
    <row r="146" spans="1:30">
      <c r="A146" s="21" t="s">
        <v>232</v>
      </c>
      <c r="B146" s="21" t="s">
        <v>237</v>
      </c>
      <c r="C146" s="21" t="s">
        <v>264</v>
      </c>
      <c r="D146" s="21" t="s">
        <v>215</v>
      </c>
      <c r="E146" s="21" t="s">
        <v>214</v>
      </c>
      <c r="F146" s="21" t="s">
        <v>420</v>
      </c>
      <c r="G146" s="16">
        <v>7293</v>
      </c>
      <c r="H146" s="16">
        <v>6067</v>
      </c>
      <c r="I146" s="16">
        <v>3812</v>
      </c>
      <c r="J146" s="16">
        <v>2310</v>
      </c>
      <c r="K146" s="16">
        <v>873</v>
      </c>
      <c r="L146" s="16">
        <v>629</v>
      </c>
      <c r="M146" s="22" t="s">
        <v>268</v>
      </c>
      <c r="N146" s="16">
        <v>2255</v>
      </c>
      <c r="O146" s="16">
        <v>540</v>
      </c>
      <c r="P146" s="16">
        <v>477</v>
      </c>
      <c r="Q146" s="16">
        <v>341</v>
      </c>
      <c r="R146" s="16">
        <v>294</v>
      </c>
      <c r="S146" s="16">
        <v>47</v>
      </c>
      <c r="T146" s="16">
        <v>125</v>
      </c>
      <c r="U146" s="16">
        <v>100</v>
      </c>
      <c r="V146" s="16">
        <v>191</v>
      </c>
      <c r="W146" s="16">
        <v>17</v>
      </c>
      <c r="X146" s="16">
        <v>123</v>
      </c>
      <c r="Y146" s="16">
        <v>29</v>
      </c>
      <c r="Z146" s="16">
        <v>1197</v>
      </c>
      <c r="AA146" s="22" t="s">
        <v>268</v>
      </c>
      <c r="AB146" s="16">
        <v>1107</v>
      </c>
      <c r="AC146" s="16">
        <v>2310</v>
      </c>
      <c r="AD146" s="16">
        <v>1197</v>
      </c>
    </row>
    <row r="147" spans="1:30">
      <c r="A147" s="21" t="s">
        <v>232</v>
      </c>
      <c r="B147" s="21" t="s">
        <v>237</v>
      </c>
      <c r="C147" s="21" t="s">
        <v>264</v>
      </c>
      <c r="D147" s="21" t="s">
        <v>215</v>
      </c>
      <c r="E147" s="21" t="s">
        <v>214</v>
      </c>
      <c r="F147" s="21" t="s">
        <v>421</v>
      </c>
      <c r="G147" s="16">
        <v>1229</v>
      </c>
      <c r="H147" s="16">
        <v>992</v>
      </c>
      <c r="I147" s="16">
        <v>494</v>
      </c>
      <c r="J147" s="16">
        <v>229</v>
      </c>
      <c r="K147" s="16">
        <v>97</v>
      </c>
      <c r="L147" s="16">
        <v>168</v>
      </c>
      <c r="M147" s="22" t="s">
        <v>268</v>
      </c>
      <c r="N147" s="16">
        <v>498</v>
      </c>
      <c r="O147" s="16">
        <v>71</v>
      </c>
      <c r="P147" s="16">
        <v>180</v>
      </c>
      <c r="Q147" s="16">
        <v>38</v>
      </c>
      <c r="R147" s="16">
        <v>77</v>
      </c>
      <c r="S147" s="16">
        <v>6</v>
      </c>
      <c r="T147" s="16">
        <v>14</v>
      </c>
      <c r="U147" s="16">
        <v>21</v>
      </c>
      <c r="V147" s="16">
        <v>47</v>
      </c>
      <c r="W147" s="16">
        <v>3</v>
      </c>
      <c r="X147" s="16">
        <v>41</v>
      </c>
      <c r="Y147" s="16">
        <v>2</v>
      </c>
      <c r="Z147" s="16">
        <v>235</v>
      </c>
      <c r="AA147" s="22" t="s">
        <v>268</v>
      </c>
      <c r="AB147" s="16">
        <v>225</v>
      </c>
      <c r="AC147" s="16">
        <v>229</v>
      </c>
      <c r="AD147" s="16">
        <v>235</v>
      </c>
    </row>
    <row r="148" spans="1:30">
      <c r="A148" s="21" t="s">
        <v>232</v>
      </c>
      <c r="B148" s="21" t="s">
        <v>237</v>
      </c>
      <c r="C148" s="21" t="s">
        <v>264</v>
      </c>
      <c r="D148" s="21" t="s">
        <v>215</v>
      </c>
      <c r="E148" s="21" t="s">
        <v>214</v>
      </c>
      <c r="F148" s="21" t="s">
        <v>422</v>
      </c>
      <c r="G148" s="16">
        <v>104</v>
      </c>
      <c r="H148" s="16">
        <v>82</v>
      </c>
      <c r="I148" s="16">
        <v>36</v>
      </c>
      <c r="J148" s="16">
        <v>18</v>
      </c>
      <c r="K148" s="16">
        <v>4</v>
      </c>
      <c r="L148" s="16">
        <v>14</v>
      </c>
      <c r="M148" s="22" t="s">
        <v>268</v>
      </c>
      <c r="N148" s="16">
        <v>46</v>
      </c>
      <c r="O148" s="16">
        <v>8</v>
      </c>
      <c r="P148" s="16">
        <v>16</v>
      </c>
      <c r="Q148" s="22" t="s">
        <v>268</v>
      </c>
      <c r="R148" s="16">
        <v>4</v>
      </c>
      <c r="S148" s="22" t="s">
        <v>268</v>
      </c>
      <c r="T148" s="16">
        <v>4</v>
      </c>
      <c r="U148" s="16">
        <v>4</v>
      </c>
      <c r="V148" s="16">
        <v>4</v>
      </c>
      <c r="W148" s="16">
        <v>1</v>
      </c>
      <c r="X148" s="16">
        <v>5</v>
      </c>
      <c r="Y148" s="16">
        <v>1</v>
      </c>
      <c r="Z148" s="16">
        <v>21</v>
      </c>
      <c r="AA148" s="22" t="s">
        <v>268</v>
      </c>
      <c r="AB148" s="16">
        <v>19</v>
      </c>
      <c r="AC148" s="16">
        <v>18</v>
      </c>
      <c r="AD148" s="16">
        <v>21</v>
      </c>
    </row>
    <row r="149" spans="1:30">
      <c r="A149" s="21" t="s">
        <v>232</v>
      </c>
      <c r="B149" s="21" t="s">
        <v>237</v>
      </c>
      <c r="C149" s="21" t="s">
        <v>264</v>
      </c>
      <c r="D149" s="21" t="s">
        <v>215</v>
      </c>
      <c r="E149" s="21" t="s">
        <v>214</v>
      </c>
      <c r="F149" s="21" t="s">
        <v>423</v>
      </c>
      <c r="G149" s="16">
        <v>13679</v>
      </c>
      <c r="H149" s="22" t="s">
        <v>268</v>
      </c>
      <c r="I149" s="22" t="s">
        <v>268</v>
      </c>
      <c r="J149" s="22" t="s">
        <v>268</v>
      </c>
      <c r="K149" s="22" t="s">
        <v>268</v>
      </c>
      <c r="L149" s="22" t="s">
        <v>268</v>
      </c>
      <c r="M149" s="22" t="s">
        <v>268</v>
      </c>
      <c r="N149" s="22" t="s">
        <v>268</v>
      </c>
      <c r="O149" s="22" t="s">
        <v>268</v>
      </c>
      <c r="P149" s="22" t="s">
        <v>268</v>
      </c>
      <c r="Q149" s="22" t="s">
        <v>268</v>
      </c>
      <c r="R149" s="22" t="s">
        <v>268</v>
      </c>
      <c r="S149" s="22" t="s">
        <v>268</v>
      </c>
      <c r="T149" s="22" t="s">
        <v>268</v>
      </c>
      <c r="U149" s="22" t="s">
        <v>268</v>
      </c>
      <c r="V149" s="22" t="s">
        <v>268</v>
      </c>
      <c r="W149" s="22" t="s">
        <v>268</v>
      </c>
      <c r="X149" s="22" t="s">
        <v>268</v>
      </c>
      <c r="Y149" s="22" t="s">
        <v>268</v>
      </c>
      <c r="Z149" s="16">
        <v>11930</v>
      </c>
      <c r="AA149" s="16">
        <v>1749</v>
      </c>
      <c r="AB149" s="22" t="s">
        <v>268</v>
      </c>
      <c r="AC149" s="22" t="s">
        <v>268</v>
      </c>
      <c r="AD149" s="22" t="s">
        <v>268</v>
      </c>
    </row>
    <row r="150" spans="1:30">
      <c r="A150" s="21" t="s">
        <v>232</v>
      </c>
      <c r="B150" s="21" t="s">
        <v>237</v>
      </c>
      <c r="C150" s="21" t="s">
        <v>264</v>
      </c>
      <c r="D150" s="21" t="s">
        <v>215</v>
      </c>
      <c r="E150" s="21" t="s">
        <v>214</v>
      </c>
      <c r="F150" s="21" t="s">
        <v>386</v>
      </c>
      <c r="G150" s="16">
        <v>116346</v>
      </c>
      <c r="H150" s="16">
        <v>115902</v>
      </c>
      <c r="I150" s="16">
        <v>96220</v>
      </c>
      <c r="J150" s="22" t="s">
        <v>268</v>
      </c>
      <c r="K150" s="16">
        <v>84791</v>
      </c>
      <c r="L150" s="16">
        <v>794</v>
      </c>
      <c r="M150" s="16">
        <v>10635</v>
      </c>
      <c r="N150" s="16">
        <v>19682</v>
      </c>
      <c r="O150" s="22" t="s">
        <v>268</v>
      </c>
      <c r="P150" s="22" t="s">
        <v>268</v>
      </c>
      <c r="Q150" s="16">
        <v>5633</v>
      </c>
      <c r="R150" s="16">
        <v>4715</v>
      </c>
      <c r="S150" s="16">
        <v>214</v>
      </c>
      <c r="T150" s="16">
        <v>2926</v>
      </c>
      <c r="U150" s="16">
        <v>472</v>
      </c>
      <c r="V150" s="16">
        <v>3675</v>
      </c>
      <c r="W150" s="16">
        <v>4</v>
      </c>
      <c r="X150" s="16">
        <v>2043</v>
      </c>
      <c r="Y150" s="16">
        <v>440</v>
      </c>
      <c r="Z150" s="16">
        <v>4</v>
      </c>
      <c r="AA150" s="22" t="s">
        <v>268</v>
      </c>
      <c r="AB150" s="16">
        <v>19179</v>
      </c>
      <c r="AC150" s="22" t="s">
        <v>268</v>
      </c>
      <c r="AD150" s="22" t="s">
        <v>268</v>
      </c>
    </row>
    <row r="151" spans="1:30">
      <c r="A151" s="21" t="s">
        <v>232</v>
      </c>
      <c r="B151" s="21" t="s">
        <v>237</v>
      </c>
      <c r="C151" s="21" t="s">
        <v>264</v>
      </c>
      <c r="D151" s="21" t="s">
        <v>215</v>
      </c>
      <c r="E151" s="21" t="s">
        <v>214</v>
      </c>
      <c r="F151" s="21" t="s">
        <v>387</v>
      </c>
      <c r="G151" s="16">
        <v>453777</v>
      </c>
      <c r="H151" s="16">
        <v>375634</v>
      </c>
      <c r="I151" s="16">
        <v>300766</v>
      </c>
      <c r="J151" s="16">
        <v>52433</v>
      </c>
      <c r="K151" s="16">
        <v>205372</v>
      </c>
      <c r="L151" s="16">
        <v>9748</v>
      </c>
      <c r="M151" s="16">
        <v>33213</v>
      </c>
      <c r="N151" s="16">
        <v>74868</v>
      </c>
      <c r="O151" s="16">
        <v>3305</v>
      </c>
      <c r="P151" s="16">
        <v>7290</v>
      </c>
      <c r="Q151" s="16">
        <v>14735</v>
      </c>
      <c r="R151" s="16">
        <v>21062</v>
      </c>
      <c r="S151" s="16">
        <v>1254</v>
      </c>
      <c r="T151" s="16">
        <v>6830</v>
      </c>
      <c r="U151" s="16">
        <v>2314</v>
      </c>
      <c r="V151" s="16">
        <v>7592</v>
      </c>
      <c r="W151" s="16">
        <v>2884</v>
      </c>
      <c r="X151" s="16">
        <v>7602</v>
      </c>
      <c r="Y151" s="16">
        <v>5103</v>
      </c>
      <c r="Z151" s="16">
        <v>73040</v>
      </c>
      <c r="AA151" s="22" t="s">
        <v>268</v>
      </c>
      <c r="AB151" s="16">
        <v>56275</v>
      </c>
      <c r="AC151" s="22" t="s">
        <v>268</v>
      </c>
      <c r="AD151" s="22" t="s">
        <v>268</v>
      </c>
    </row>
    <row r="152" spans="1:30">
      <c r="A152" s="21" t="s">
        <v>232</v>
      </c>
      <c r="B152" s="21" t="s">
        <v>237</v>
      </c>
      <c r="C152" s="21" t="s">
        <v>264</v>
      </c>
      <c r="D152" s="21" t="s">
        <v>215</v>
      </c>
      <c r="E152" s="21" t="s">
        <v>214</v>
      </c>
      <c r="F152" s="21" t="s">
        <v>388</v>
      </c>
      <c r="G152" s="16">
        <v>216793</v>
      </c>
      <c r="H152" s="16">
        <v>185619</v>
      </c>
      <c r="I152" s="16">
        <v>146236</v>
      </c>
      <c r="J152" s="16">
        <v>96895</v>
      </c>
      <c r="K152" s="16">
        <v>40732</v>
      </c>
      <c r="L152" s="16">
        <v>6516</v>
      </c>
      <c r="M152" s="16">
        <v>2093</v>
      </c>
      <c r="N152" s="16">
        <v>39383</v>
      </c>
      <c r="O152" s="16">
        <v>3843</v>
      </c>
      <c r="P152" s="16">
        <v>6236</v>
      </c>
      <c r="Q152" s="16">
        <v>9103</v>
      </c>
      <c r="R152" s="16">
        <v>4547</v>
      </c>
      <c r="S152" s="16">
        <v>1985</v>
      </c>
      <c r="T152" s="16">
        <v>5771</v>
      </c>
      <c r="U152" s="16">
        <v>1049</v>
      </c>
      <c r="V152" s="16">
        <v>2838</v>
      </c>
      <c r="W152" s="16">
        <v>2208</v>
      </c>
      <c r="X152" s="16">
        <v>1803</v>
      </c>
      <c r="Y152" s="16">
        <v>1429</v>
      </c>
      <c r="Z152" s="16">
        <v>29745</v>
      </c>
      <c r="AA152" s="22" t="s">
        <v>268</v>
      </c>
      <c r="AB152" s="16">
        <v>23434</v>
      </c>
      <c r="AC152" s="16">
        <v>94175</v>
      </c>
      <c r="AD152" s="16">
        <v>29745</v>
      </c>
    </row>
    <row r="153" spans="1:30">
      <c r="A153" s="21" t="s">
        <v>232</v>
      </c>
      <c r="B153" s="21" t="s">
        <v>237</v>
      </c>
      <c r="C153" s="21" t="s">
        <v>264</v>
      </c>
      <c r="D153" s="21" t="s">
        <v>215</v>
      </c>
      <c r="E153" s="21" t="s">
        <v>214</v>
      </c>
      <c r="F153" s="21" t="s">
        <v>389</v>
      </c>
      <c r="G153" s="16">
        <v>96520</v>
      </c>
      <c r="H153" s="16">
        <v>84086</v>
      </c>
      <c r="I153" s="16">
        <v>65750</v>
      </c>
      <c r="J153" s="16">
        <v>44582</v>
      </c>
      <c r="K153" s="16">
        <v>17084</v>
      </c>
      <c r="L153" s="16">
        <v>4036</v>
      </c>
      <c r="M153" s="16">
        <v>48</v>
      </c>
      <c r="N153" s="16">
        <v>18336</v>
      </c>
      <c r="O153" s="16">
        <v>3004</v>
      </c>
      <c r="P153" s="16">
        <v>1830</v>
      </c>
      <c r="Q153" s="16">
        <v>5165</v>
      </c>
      <c r="R153" s="16">
        <v>1827</v>
      </c>
      <c r="S153" s="16">
        <v>925</v>
      </c>
      <c r="T153" s="16">
        <v>2544</v>
      </c>
      <c r="U153" s="16">
        <v>581</v>
      </c>
      <c r="V153" s="16">
        <v>1114</v>
      </c>
      <c r="W153" s="16">
        <v>476</v>
      </c>
      <c r="X153" s="16">
        <v>870</v>
      </c>
      <c r="Y153" s="16">
        <v>528</v>
      </c>
      <c r="Z153" s="16">
        <v>11906</v>
      </c>
      <c r="AA153" s="22" t="s">
        <v>268</v>
      </c>
      <c r="AB153" s="16">
        <v>11427</v>
      </c>
      <c r="AC153" s="16">
        <v>44434</v>
      </c>
      <c r="AD153" s="16">
        <v>11906</v>
      </c>
    </row>
    <row r="154" spans="1:30">
      <c r="A154" s="21" t="s">
        <v>232</v>
      </c>
      <c r="B154" s="21" t="s">
        <v>237</v>
      </c>
      <c r="C154" s="21" t="s">
        <v>264</v>
      </c>
      <c r="D154" s="21" t="s">
        <v>215</v>
      </c>
      <c r="E154" s="21" t="s">
        <v>214</v>
      </c>
      <c r="F154" s="21" t="s">
        <v>390</v>
      </c>
      <c r="G154" s="16">
        <v>27997</v>
      </c>
      <c r="H154" s="16">
        <v>23930</v>
      </c>
      <c r="I154" s="16">
        <v>16637</v>
      </c>
      <c r="J154" s="16">
        <v>10598</v>
      </c>
      <c r="K154" s="16">
        <v>4126</v>
      </c>
      <c r="L154" s="16">
        <v>1910</v>
      </c>
      <c r="M154" s="16">
        <v>3</v>
      </c>
      <c r="N154" s="16">
        <v>7293</v>
      </c>
      <c r="O154" s="16">
        <v>1648</v>
      </c>
      <c r="P154" s="16">
        <v>1163</v>
      </c>
      <c r="Q154" s="16">
        <v>1531</v>
      </c>
      <c r="R154" s="16">
        <v>899</v>
      </c>
      <c r="S154" s="16">
        <v>207</v>
      </c>
      <c r="T154" s="16">
        <v>567</v>
      </c>
      <c r="U154" s="16">
        <v>302</v>
      </c>
      <c r="V154" s="16">
        <v>519</v>
      </c>
      <c r="W154" s="16">
        <v>71</v>
      </c>
      <c r="X154" s="16">
        <v>386</v>
      </c>
      <c r="Y154" s="16">
        <v>119</v>
      </c>
      <c r="Z154" s="16">
        <v>3948</v>
      </c>
      <c r="AA154" s="22" t="s">
        <v>268</v>
      </c>
      <c r="AB154" s="16">
        <v>3961</v>
      </c>
      <c r="AC154" s="16">
        <v>10594</v>
      </c>
      <c r="AD154" s="16">
        <v>3948</v>
      </c>
    </row>
    <row r="155" spans="1:30">
      <c r="A155" s="21" t="s">
        <v>232</v>
      </c>
      <c r="B155" s="21" t="s">
        <v>237</v>
      </c>
      <c r="C155" s="21" t="s">
        <v>264</v>
      </c>
      <c r="D155" s="21" t="s">
        <v>215</v>
      </c>
      <c r="E155" s="21" t="s">
        <v>214</v>
      </c>
      <c r="F155" s="21" t="s">
        <v>391</v>
      </c>
      <c r="G155" s="16">
        <v>477036</v>
      </c>
      <c r="H155" s="16">
        <v>391093</v>
      </c>
      <c r="I155" s="16">
        <v>312214</v>
      </c>
      <c r="J155" s="16">
        <v>76814</v>
      </c>
      <c r="K155" s="16">
        <v>196093</v>
      </c>
      <c r="L155" s="16">
        <v>10273</v>
      </c>
      <c r="M155" s="16">
        <v>29034</v>
      </c>
      <c r="N155" s="16">
        <v>78879</v>
      </c>
      <c r="O155" s="16">
        <v>3791</v>
      </c>
      <c r="P155" s="16">
        <v>10231</v>
      </c>
      <c r="Q155" s="16">
        <v>14477</v>
      </c>
      <c r="R155" s="16">
        <v>20603</v>
      </c>
      <c r="S155" s="16">
        <v>1513</v>
      </c>
      <c r="T155" s="16">
        <v>7087</v>
      </c>
      <c r="U155" s="16">
        <v>2527</v>
      </c>
      <c r="V155" s="16">
        <v>7951</v>
      </c>
      <c r="W155" s="16">
        <v>3819</v>
      </c>
      <c r="X155" s="16">
        <v>6880</v>
      </c>
      <c r="Y155" s="16">
        <v>5381</v>
      </c>
      <c r="Z155" s="16">
        <v>80562</v>
      </c>
      <c r="AA155" s="22" t="s">
        <v>268</v>
      </c>
      <c r="AB155" s="16">
        <v>55356</v>
      </c>
      <c r="AC155" s="16">
        <v>22330</v>
      </c>
      <c r="AD155" s="16">
        <v>9731</v>
      </c>
    </row>
    <row r="156" spans="1:30">
      <c r="A156" s="21" t="s">
        <v>232</v>
      </c>
      <c r="B156" s="21" t="s">
        <v>237</v>
      </c>
      <c r="C156" s="21" t="s">
        <v>264</v>
      </c>
      <c r="D156" s="21" t="s">
        <v>216</v>
      </c>
      <c r="E156" s="21" t="s">
        <v>214</v>
      </c>
      <c r="F156" s="21" t="s">
        <v>401</v>
      </c>
      <c r="G156" s="16">
        <v>878198</v>
      </c>
      <c r="H156" s="16">
        <v>740815</v>
      </c>
      <c r="I156" s="16">
        <v>572194</v>
      </c>
      <c r="J156" s="16">
        <v>149328</v>
      </c>
      <c r="K156" s="16">
        <v>317478</v>
      </c>
      <c r="L156" s="16">
        <v>5256</v>
      </c>
      <c r="M156" s="16">
        <v>100132</v>
      </c>
      <c r="N156" s="16">
        <v>168621</v>
      </c>
      <c r="O156" s="16">
        <v>7148</v>
      </c>
      <c r="P156" s="16">
        <v>22162</v>
      </c>
      <c r="Q156" s="16">
        <v>29228</v>
      </c>
      <c r="R156" s="16">
        <v>38931</v>
      </c>
      <c r="S156" s="16">
        <v>3654</v>
      </c>
      <c r="T156" s="16">
        <v>18701</v>
      </c>
      <c r="U156" s="16">
        <v>4711</v>
      </c>
      <c r="V156" s="16">
        <v>16840</v>
      </c>
      <c r="W156" s="16">
        <v>6150</v>
      </c>
      <c r="X156" s="16">
        <v>21096</v>
      </c>
      <c r="Y156" s="16">
        <v>7277</v>
      </c>
      <c r="Z156" s="16">
        <v>128221</v>
      </c>
      <c r="AA156" s="16">
        <v>1885</v>
      </c>
      <c r="AB156" s="16">
        <v>121869</v>
      </c>
      <c r="AC156" s="16">
        <v>94175</v>
      </c>
      <c r="AD156" s="16">
        <v>62665</v>
      </c>
    </row>
    <row r="157" spans="1:30">
      <c r="A157" s="21" t="s">
        <v>232</v>
      </c>
      <c r="B157" s="21" t="s">
        <v>237</v>
      </c>
      <c r="C157" s="21" t="s">
        <v>264</v>
      </c>
      <c r="D157" s="21" t="s">
        <v>216</v>
      </c>
      <c r="E157" s="21" t="s">
        <v>214</v>
      </c>
      <c r="F157" s="21" t="s">
        <v>402</v>
      </c>
      <c r="G157" s="16">
        <v>33768</v>
      </c>
      <c r="H157" s="16">
        <v>33670</v>
      </c>
      <c r="I157" s="16">
        <v>28569</v>
      </c>
      <c r="J157" s="22" t="s">
        <v>268</v>
      </c>
      <c r="K157" s="16">
        <v>26880</v>
      </c>
      <c r="L157" s="16">
        <v>64</v>
      </c>
      <c r="M157" s="16">
        <v>1625</v>
      </c>
      <c r="N157" s="16">
        <v>5101</v>
      </c>
      <c r="O157" s="22" t="s">
        <v>268</v>
      </c>
      <c r="P157" s="22" t="s">
        <v>268</v>
      </c>
      <c r="Q157" s="16">
        <v>1372</v>
      </c>
      <c r="R157" s="16">
        <v>1047</v>
      </c>
      <c r="S157" s="16">
        <v>59</v>
      </c>
      <c r="T157" s="16">
        <v>701</v>
      </c>
      <c r="U157" s="16">
        <v>213</v>
      </c>
      <c r="V157" s="16">
        <v>1284</v>
      </c>
      <c r="W157" s="22" t="s">
        <v>268</v>
      </c>
      <c r="X157" s="16">
        <v>425</v>
      </c>
      <c r="Y157" s="16">
        <v>98</v>
      </c>
      <c r="Z157" s="22" t="s">
        <v>268</v>
      </c>
      <c r="AA157" s="22" t="s">
        <v>268</v>
      </c>
      <c r="AB157" s="16">
        <v>4986</v>
      </c>
      <c r="AC157" s="22" t="s">
        <v>268</v>
      </c>
      <c r="AD157" s="22" t="s">
        <v>268</v>
      </c>
    </row>
    <row r="158" spans="1:30">
      <c r="A158" s="21" t="s">
        <v>232</v>
      </c>
      <c r="B158" s="21" t="s">
        <v>237</v>
      </c>
      <c r="C158" s="21" t="s">
        <v>264</v>
      </c>
      <c r="D158" s="21" t="s">
        <v>216</v>
      </c>
      <c r="E158" s="21" t="s">
        <v>214</v>
      </c>
      <c r="F158" s="21" t="s">
        <v>403</v>
      </c>
      <c r="G158" s="16">
        <v>38062</v>
      </c>
      <c r="H158" s="16">
        <v>37926</v>
      </c>
      <c r="I158" s="16">
        <v>31619</v>
      </c>
      <c r="J158" s="22" t="s">
        <v>268</v>
      </c>
      <c r="K158" s="16">
        <v>27863</v>
      </c>
      <c r="L158" s="16">
        <v>247</v>
      </c>
      <c r="M158" s="16">
        <v>3509</v>
      </c>
      <c r="N158" s="16">
        <v>6307</v>
      </c>
      <c r="O158" s="22" t="s">
        <v>268</v>
      </c>
      <c r="P158" s="22" t="s">
        <v>268</v>
      </c>
      <c r="Q158" s="16">
        <v>1868</v>
      </c>
      <c r="R158" s="16">
        <v>1477</v>
      </c>
      <c r="S158" s="16">
        <v>47</v>
      </c>
      <c r="T158" s="16">
        <v>933</v>
      </c>
      <c r="U158" s="16">
        <v>115</v>
      </c>
      <c r="V158" s="16">
        <v>1192</v>
      </c>
      <c r="W158" s="22" t="s">
        <v>268</v>
      </c>
      <c r="X158" s="16">
        <v>675</v>
      </c>
      <c r="Y158" s="16">
        <v>136</v>
      </c>
      <c r="Z158" s="22" t="s">
        <v>268</v>
      </c>
      <c r="AA158" s="22" t="s">
        <v>268</v>
      </c>
      <c r="AB158" s="16">
        <v>6174</v>
      </c>
      <c r="AC158" s="22" t="s">
        <v>268</v>
      </c>
      <c r="AD158" s="22" t="s">
        <v>268</v>
      </c>
    </row>
    <row r="159" spans="1:30">
      <c r="A159" s="21" t="s">
        <v>232</v>
      </c>
      <c r="B159" s="21" t="s">
        <v>237</v>
      </c>
      <c r="C159" s="21" t="s">
        <v>264</v>
      </c>
      <c r="D159" s="21" t="s">
        <v>216</v>
      </c>
      <c r="E159" s="21" t="s">
        <v>214</v>
      </c>
      <c r="F159" s="21" t="s">
        <v>404</v>
      </c>
      <c r="G159" s="16">
        <v>39378</v>
      </c>
      <c r="H159" s="16">
        <v>39216</v>
      </c>
      <c r="I159" s="16">
        <v>31748</v>
      </c>
      <c r="J159" s="22" t="s">
        <v>268</v>
      </c>
      <c r="K159" s="16">
        <v>26254</v>
      </c>
      <c r="L159" s="16">
        <v>426</v>
      </c>
      <c r="M159" s="16">
        <v>5068</v>
      </c>
      <c r="N159" s="16">
        <v>7468</v>
      </c>
      <c r="O159" s="22" t="s">
        <v>268</v>
      </c>
      <c r="P159" s="22" t="s">
        <v>268</v>
      </c>
      <c r="Q159" s="16">
        <v>2300</v>
      </c>
      <c r="R159" s="16">
        <v>1984</v>
      </c>
      <c r="S159" s="16">
        <v>82</v>
      </c>
      <c r="T159" s="16">
        <v>1166</v>
      </c>
      <c r="U159" s="16">
        <v>87</v>
      </c>
      <c r="V159" s="16">
        <v>942</v>
      </c>
      <c r="W159" s="16">
        <v>3</v>
      </c>
      <c r="X159" s="16">
        <v>904</v>
      </c>
      <c r="Y159" s="16">
        <v>162</v>
      </c>
      <c r="Z159" s="22" t="s">
        <v>268</v>
      </c>
      <c r="AA159" s="22" t="s">
        <v>268</v>
      </c>
      <c r="AB159" s="16">
        <v>7233</v>
      </c>
      <c r="AC159" s="22" t="s">
        <v>268</v>
      </c>
      <c r="AD159" s="22" t="s">
        <v>268</v>
      </c>
    </row>
    <row r="160" spans="1:30">
      <c r="A160" s="21" t="s">
        <v>232</v>
      </c>
      <c r="B160" s="21" t="s">
        <v>237</v>
      </c>
      <c r="C160" s="21" t="s">
        <v>264</v>
      </c>
      <c r="D160" s="21" t="s">
        <v>216</v>
      </c>
      <c r="E160" s="21" t="s">
        <v>214</v>
      </c>
      <c r="F160" s="21" t="s">
        <v>405</v>
      </c>
      <c r="G160" s="16">
        <v>36986</v>
      </c>
      <c r="H160" s="16">
        <v>35053</v>
      </c>
      <c r="I160" s="16">
        <v>27550</v>
      </c>
      <c r="J160" s="16">
        <v>33</v>
      </c>
      <c r="K160" s="16">
        <v>20985</v>
      </c>
      <c r="L160" s="16">
        <v>556</v>
      </c>
      <c r="M160" s="16">
        <v>5976</v>
      </c>
      <c r="N160" s="16">
        <v>7503</v>
      </c>
      <c r="O160" s="16">
        <v>1</v>
      </c>
      <c r="P160" s="16">
        <v>3</v>
      </c>
      <c r="Q160" s="16">
        <v>2087</v>
      </c>
      <c r="R160" s="16">
        <v>2132</v>
      </c>
      <c r="S160" s="16">
        <v>138</v>
      </c>
      <c r="T160" s="16">
        <v>1124</v>
      </c>
      <c r="U160" s="16">
        <v>67</v>
      </c>
      <c r="V160" s="16">
        <v>657</v>
      </c>
      <c r="W160" s="16">
        <v>146</v>
      </c>
      <c r="X160" s="16">
        <v>1148</v>
      </c>
      <c r="Y160" s="16">
        <v>170</v>
      </c>
      <c r="Z160" s="16">
        <v>1763</v>
      </c>
      <c r="AA160" s="22" t="s">
        <v>268</v>
      </c>
      <c r="AB160" s="16">
        <v>6975</v>
      </c>
      <c r="AC160" s="22" t="s">
        <v>268</v>
      </c>
      <c r="AD160" s="22" t="s">
        <v>268</v>
      </c>
    </row>
    <row r="161" spans="1:30">
      <c r="A161" s="21" t="s">
        <v>232</v>
      </c>
      <c r="B161" s="21" t="s">
        <v>237</v>
      </c>
      <c r="C161" s="21" t="s">
        <v>264</v>
      </c>
      <c r="D161" s="21" t="s">
        <v>216</v>
      </c>
      <c r="E161" s="21" t="s">
        <v>214</v>
      </c>
      <c r="F161" s="21" t="s">
        <v>406</v>
      </c>
      <c r="G161" s="16">
        <v>34665</v>
      </c>
      <c r="H161" s="16">
        <v>24878</v>
      </c>
      <c r="I161" s="16">
        <v>18509</v>
      </c>
      <c r="J161" s="16">
        <v>800</v>
      </c>
      <c r="K161" s="16">
        <v>13212</v>
      </c>
      <c r="L161" s="16">
        <v>498</v>
      </c>
      <c r="M161" s="16">
        <v>3999</v>
      </c>
      <c r="N161" s="16">
        <v>6369</v>
      </c>
      <c r="O161" s="16">
        <v>32</v>
      </c>
      <c r="P161" s="16">
        <v>16</v>
      </c>
      <c r="Q161" s="16">
        <v>1153</v>
      </c>
      <c r="R161" s="16">
        <v>1869</v>
      </c>
      <c r="S161" s="16">
        <v>180</v>
      </c>
      <c r="T161" s="16">
        <v>792</v>
      </c>
      <c r="U161" s="16">
        <v>155</v>
      </c>
      <c r="V161" s="16">
        <v>573</v>
      </c>
      <c r="W161" s="16">
        <v>416</v>
      </c>
      <c r="X161" s="16">
        <v>1183</v>
      </c>
      <c r="Y161" s="16">
        <v>843</v>
      </c>
      <c r="Z161" s="16">
        <v>8944</v>
      </c>
      <c r="AA161" s="22" t="s">
        <v>268</v>
      </c>
      <c r="AB161" s="16">
        <v>5425</v>
      </c>
      <c r="AC161" s="22" t="s">
        <v>268</v>
      </c>
      <c r="AD161" s="22" t="s">
        <v>268</v>
      </c>
    </row>
    <row r="162" spans="1:30">
      <c r="A162" s="21" t="s">
        <v>232</v>
      </c>
      <c r="B162" s="21" t="s">
        <v>237</v>
      </c>
      <c r="C162" s="21" t="s">
        <v>264</v>
      </c>
      <c r="D162" s="21" t="s">
        <v>216</v>
      </c>
      <c r="E162" s="21" t="s">
        <v>214</v>
      </c>
      <c r="F162" s="21" t="s">
        <v>407</v>
      </c>
      <c r="G162" s="16">
        <v>36179</v>
      </c>
      <c r="H162" s="16">
        <v>27565</v>
      </c>
      <c r="I162" s="16">
        <v>21806</v>
      </c>
      <c r="J162" s="16">
        <v>3847</v>
      </c>
      <c r="K162" s="16">
        <v>14437</v>
      </c>
      <c r="L162" s="16">
        <v>391</v>
      </c>
      <c r="M162" s="16">
        <v>3131</v>
      </c>
      <c r="N162" s="16">
        <v>5759</v>
      </c>
      <c r="O162" s="16">
        <v>65</v>
      </c>
      <c r="P162" s="16">
        <v>61</v>
      </c>
      <c r="Q162" s="16">
        <v>836</v>
      </c>
      <c r="R162" s="16">
        <v>1597</v>
      </c>
      <c r="S162" s="16">
        <v>107</v>
      </c>
      <c r="T162" s="16">
        <v>751</v>
      </c>
      <c r="U162" s="16">
        <v>245</v>
      </c>
      <c r="V162" s="16">
        <v>790</v>
      </c>
      <c r="W162" s="16">
        <v>299</v>
      </c>
      <c r="X162" s="16">
        <v>1008</v>
      </c>
      <c r="Y162" s="16">
        <v>980</v>
      </c>
      <c r="Z162" s="16">
        <v>7634</v>
      </c>
      <c r="AA162" s="22" t="s">
        <v>268</v>
      </c>
      <c r="AB162" s="16">
        <v>4957</v>
      </c>
      <c r="AC162" s="22" t="s">
        <v>268</v>
      </c>
      <c r="AD162" s="22" t="s">
        <v>268</v>
      </c>
    </row>
    <row r="163" spans="1:30">
      <c r="A163" s="21" t="s">
        <v>232</v>
      </c>
      <c r="B163" s="21" t="s">
        <v>237</v>
      </c>
      <c r="C163" s="21" t="s">
        <v>264</v>
      </c>
      <c r="D163" s="21" t="s">
        <v>216</v>
      </c>
      <c r="E163" s="21" t="s">
        <v>214</v>
      </c>
      <c r="F163" s="21" t="s">
        <v>408</v>
      </c>
      <c r="G163" s="16">
        <v>42041</v>
      </c>
      <c r="H163" s="16">
        <v>36556</v>
      </c>
      <c r="I163" s="16">
        <v>30498</v>
      </c>
      <c r="J163" s="16">
        <v>3897</v>
      </c>
      <c r="K163" s="16">
        <v>22535</v>
      </c>
      <c r="L163" s="16">
        <v>338</v>
      </c>
      <c r="M163" s="16">
        <v>3728</v>
      </c>
      <c r="N163" s="16">
        <v>6058</v>
      </c>
      <c r="O163" s="16">
        <v>99</v>
      </c>
      <c r="P163" s="16">
        <v>96</v>
      </c>
      <c r="Q163" s="16">
        <v>1019</v>
      </c>
      <c r="R163" s="16">
        <v>1433</v>
      </c>
      <c r="S163" s="16">
        <v>80</v>
      </c>
      <c r="T163" s="16">
        <v>939</v>
      </c>
      <c r="U163" s="16">
        <v>260</v>
      </c>
      <c r="V163" s="16">
        <v>1075</v>
      </c>
      <c r="W163" s="16">
        <v>187</v>
      </c>
      <c r="X163" s="16">
        <v>870</v>
      </c>
      <c r="Y163" s="16">
        <v>524</v>
      </c>
      <c r="Z163" s="16">
        <v>4961</v>
      </c>
      <c r="AA163" s="22" t="s">
        <v>268</v>
      </c>
      <c r="AB163" s="16">
        <v>5312</v>
      </c>
      <c r="AC163" s="22" t="s">
        <v>268</v>
      </c>
      <c r="AD163" s="22" t="s">
        <v>268</v>
      </c>
    </row>
    <row r="164" spans="1:30">
      <c r="A164" s="21" t="s">
        <v>232</v>
      </c>
      <c r="B164" s="21" t="s">
        <v>237</v>
      </c>
      <c r="C164" s="21" t="s">
        <v>264</v>
      </c>
      <c r="D164" s="21" t="s">
        <v>216</v>
      </c>
      <c r="E164" s="21" t="s">
        <v>214</v>
      </c>
      <c r="F164" s="21" t="s">
        <v>409</v>
      </c>
      <c r="G164" s="16">
        <v>48982</v>
      </c>
      <c r="H164" s="16">
        <v>44659</v>
      </c>
      <c r="I164" s="16">
        <v>37244</v>
      </c>
      <c r="J164" s="16">
        <v>3162</v>
      </c>
      <c r="K164" s="16">
        <v>28547</v>
      </c>
      <c r="L164" s="16">
        <v>355</v>
      </c>
      <c r="M164" s="16">
        <v>5180</v>
      </c>
      <c r="N164" s="16">
        <v>7415</v>
      </c>
      <c r="O164" s="16">
        <v>141</v>
      </c>
      <c r="P164" s="16">
        <v>169</v>
      </c>
      <c r="Q164" s="16">
        <v>1552</v>
      </c>
      <c r="R164" s="16">
        <v>1652</v>
      </c>
      <c r="S164" s="16">
        <v>61</v>
      </c>
      <c r="T164" s="16">
        <v>1247</v>
      </c>
      <c r="U164" s="16">
        <v>226</v>
      </c>
      <c r="V164" s="16">
        <v>1188</v>
      </c>
      <c r="W164" s="16">
        <v>182</v>
      </c>
      <c r="X164" s="16">
        <v>997</v>
      </c>
      <c r="Y164" s="16">
        <v>430</v>
      </c>
      <c r="Z164" s="16">
        <v>3893</v>
      </c>
      <c r="AA164" s="22" t="s">
        <v>268</v>
      </c>
      <c r="AB164" s="16">
        <v>6553</v>
      </c>
      <c r="AC164" s="22" t="s">
        <v>268</v>
      </c>
      <c r="AD164" s="22" t="s">
        <v>268</v>
      </c>
    </row>
    <row r="165" spans="1:30">
      <c r="A165" s="21" t="s">
        <v>232</v>
      </c>
      <c r="B165" s="21" t="s">
        <v>237</v>
      </c>
      <c r="C165" s="21" t="s">
        <v>264</v>
      </c>
      <c r="D165" s="21" t="s">
        <v>216</v>
      </c>
      <c r="E165" s="21" t="s">
        <v>214</v>
      </c>
      <c r="F165" s="21" t="s">
        <v>410</v>
      </c>
      <c r="G165" s="16">
        <v>53506</v>
      </c>
      <c r="H165" s="16">
        <v>49098</v>
      </c>
      <c r="I165" s="16">
        <v>40797</v>
      </c>
      <c r="J165" s="16">
        <v>3355</v>
      </c>
      <c r="K165" s="16">
        <v>30083</v>
      </c>
      <c r="L165" s="16">
        <v>403</v>
      </c>
      <c r="M165" s="16">
        <v>6956</v>
      </c>
      <c r="N165" s="16">
        <v>8301</v>
      </c>
      <c r="O165" s="16">
        <v>185</v>
      </c>
      <c r="P165" s="16">
        <v>244</v>
      </c>
      <c r="Q165" s="16">
        <v>2057</v>
      </c>
      <c r="R165" s="16">
        <v>1899</v>
      </c>
      <c r="S165" s="16">
        <v>61</v>
      </c>
      <c r="T165" s="16">
        <v>1355</v>
      </c>
      <c r="U165" s="16">
        <v>173</v>
      </c>
      <c r="V165" s="16">
        <v>1008</v>
      </c>
      <c r="W165" s="16">
        <v>189</v>
      </c>
      <c r="X165" s="16">
        <v>1130</v>
      </c>
      <c r="Y165" s="16">
        <v>426</v>
      </c>
      <c r="Z165" s="16">
        <v>3982</v>
      </c>
      <c r="AA165" s="22" t="s">
        <v>268</v>
      </c>
      <c r="AB165" s="16">
        <v>7258</v>
      </c>
      <c r="AC165" s="22" t="s">
        <v>268</v>
      </c>
      <c r="AD165" s="22" t="s">
        <v>268</v>
      </c>
    </row>
    <row r="166" spans="1:30">
      <c r="A166" s="21" t="s">
        <v>232</v>
      </c>
      <c r="B166" s="21" t="s">
        <v>237</v>
      </c>
      <c r="C166" s="21" t="s">
        <v>264</v>
      </c>
      <c r="D166" s="21" t="s">
        <v>216</v>
      </c>
      <c r="E166" s="21" t="s">
        <v>214</v>
      </c>
      <c r="F166" s="21" t="s">
        <v>411</v>
      </c>
      <c r="G166" s="16">
        <v>56932</v>
      </c>
      <c r="H166" s="16">
        <v>51369</v>
      </c>
      <c r="I166" s="16">
        <v>41917</v>
      </c>
      <c r="J166" s="16">
        <v>5428</v>
      </c>
      <c r="K166" s="16">
        <v>27566</v>
      </c>
      <c r="L166" s="16">
        <v>512</v>
      </c>
      <c r="M166" s="16">
        <v>8411</v>
      </c>
      <c r="N166" s="16">
        <v>9452</v>
      </c>
      <c r="O166" s="16">
        <v>442</v>
      </c>
      <c r="P166" s="16">
        <v>586</v>
      </c>
      <c r="Q166" s="16">
        <v>2171</v>
      </c>
      <c r="R166" s="16">
        <v>2419</v>
      </c>
      <c r="S166" s="16">
        <v>69</v>
      </c>
      <c r="T166" s="16">
        <v>1239</v>
      </c>
      <c r="U166" s="16">
        <v>226</v>
      </c>
      <c r="V166" s="16">
        <v>802</v>
      </c>
      <c r="W166" s="16">
        <v>242</v>
      </c>
      <c r="X166" s="16">
        <v>1256</v>
      </c>
      <c r="Y166" s="16">
        <v>551</v>
      </c>
      <c r="Z166" s="16">
        <v>5012</v>
      </c>
      <c r="AA166" s="22" t="s">
        <v>268</v>
      </c>
      <c r="AB166" s="16">
        <v>7718</v>
      </c>
      <c r="AC166" s="22" t="s">
        <v>268</v>
      </c>
      <c r="AD166" s="22" t="s">
        <v>268</v>
      </c>
    </row>
    <row r="167" spans="1:30">
      <c r="A167" s="21" t="s">
        <v>232</v>
      </c>
      <c r="B167" s="21" t="s">
        <v>237</v>
      </c>
      <c r="C167" s="21" t="s">
        <v>264</v>
      </c>
      <c r="D167" s="21" t="s">
        <v>216</v>
      </c>
      <c r="E167" s="21" t="s">
        <v>214</v>
      </c>
      <c r="F167" s="21" t="s">
        <v>412</v>
      </c>
      <c r="G167" s="16">
        <v>52956</v>
      </c>
      <c r="H167" s="16">
        <v>46741</v>
      </c>
      <c r="I167" s="16">
        <v>36241</v>
      </c>
      <c r="J167" s="16">
        <v>8798</v>
      </c>
      <c r="K167" s="16">
        <v>19290</v>
      </c>
      <c r="L167" s="16">
        <v>529</v>
      </c>
      <c r="M167" s="16">
        <v>7624</v>
      </c>
      <c r="N167" s="16">
        <v>10500</v>
      </c>
      <c r="O167" s="16">
        <v>789</v>
      </c>
      <c r="P167" s="16">
        <v>1424</v>
      </c>
      <c r="Q167" s="16">
        <v>1773</v>
      </c>
      <c r="R167" s="16">
        <v>2865</v>
      </c>
      <c r="S167" s="16">
        <v>97</v>
      </c>
      <c r="T167" s="16">
        <v>938</v>
      </c>
      <c r="U167" s="16">
        <v>347</v>
      </c>
      <c r="V167" s="16">
        <v>724</v>
      </c>
      <c r="W167" s="16">
        <v>343</v>
      </c>
      <c r="X167" s="16">
        <v>1200</v>
      </c>
      <c r="Y167" s="16">
        <v>530</v>
      </c>
      <c r="Z167" s="16">
        <v>5685</v>
      </c>
      <c r="AA167" s="22" t="s">
        <v>268</v>
      </c>
      <c r="AB167" s="16">
        <v>7361</v>
      </c>
      <c r="AC167" s="22" t="s">
        <v>268</v>
      </c>
      <c r="AD167" s="22" t="s">
        <v>268</v>
      </c>
    </row>
    <row r="168" spans="1:30">
      <c r="A168" s="21" t="s">
        <v>232</v>
      </c>
      <c r="B168" s="21" t="s">
        <v>237</v>
      </c>
      <c r="C168" s="21" t="s">
        <v>264</v>
      </c>
      <c r="D168" s="21" t="s">
        <v>216</v>
      </c>
      <c r="E168" s="21" t="s">
        <v>214</v>
      </c>
      <c r="F168" s="21" t="s">
        <v>413</v>
      </c>
      <c r="G168" s="16">
        <v>55309</v>
      </c>
      <c r="H168" s="16">
        <v>48139</v>
      </c>
      <c r="I168" s="16">
        <v>35616</v>
      </c>
      <c r="J168" s="16">
        <v>14158</v>
      </c>
      <c r="K168" s="16">
        <v>14463</v>
      </c>
      <c r="L168" s="16">
        <v>470</v>
      </c>
      <c r="M168" s="16">
        <v>6525</v>
      </c>
      <c r="N168" s="16">
        <v>12523</v>
      </c>
      <c r="O168" s="16">
        <v>1063</v>
      </c>
      <c r="P168" s="16">
        <v>2895</v>
      </c>
      <c r="Q168" s="16">
        <v>1327</v>
      </c>
      <c r="R168" s="16">
        <v>3047</v>
      </c>
      <c r="S168" s="16">
        <v>139</v>
      </c>
      <c r="T168" s="16">
        <v>867</v>
      </c>
      <c r="U168" s="16">
        <v>455</v>
      </c>
      <c r="V168" s="16">
        <v>931</v>
      </c>
      <c r="W168" s="16">
        <v>465</v>
      </c>
      <c r="X168" s="16">
        <v>1334</v>
      </c>
      <c r="Y168" s="16">
        <v>480</v>
      </c>
      <c r="Z168" s="16">
        <v>6690</v>
      </c>
      <c r="AA168" s="22" t="s">
        <v>268</v>
      </c>
      <c r="AB168" s="16">
        <v>7356</v>
      </c>
      <c r="AC168" s="22" t="s">
        <v>268</v>
      </c>
      <c r="AD168" s="22" t="s">
        <v>268</v>
      </c>
    </row>
    <row r="169" spans="1:30">
      <c r="A169" s="21" t="s">
        <v>232</v>
      </c>
      <c r="B169" s="21" t="s">
        <v>237</v>
      </c>
      <c r="C169" s="21" t="s">
        <v>264</v>
      </c>
      <c r="D169" s="21" t="s">
        <v>216</v>
      </c>
      <c r="E169" s="21" t="s">
        <v>214</v>
      </c>
      <c r="F169" s="21" t="s">
        <v>414</v>
      </c>
      <c r="G169" s="16">
        <v>59459</v>
      </c>
      <c r="H169" s="16">
        <v>51155</v>
      </c>
      <c r="I169" s="16">
        <v>38206</v>
      </c>
      <c r="J169" s="16">
        <v>20551</v>
      </c>
      <c r="K169" s="16">
        <v>11869</v>
      </c>
      <c r="L169" s="16">
        <v>288</v>
      </c>
      <c r="M169" s="16">
        <v>5498</v>
      </c>
      <c r="N169" s="16">
        <v>12949</v>
      </c>
      <c r="O169" s="16">
        <v>720</v>
      </c>
      <c r="P169" s="16">
        <v>3415</v>
      </c>
      <c r="Q169" s="16">
        <v>1306</v>
      </c>
      <c r="R169" s="16">
        <v>2522</v>
      </c>
      <c r="S169" s="16">
        <v>335</v>
      </c>
      <c r="T169" s="16">
        <v>1232</v>
      </c>
      <c r="U169" s="16">
        <v>400</v>
      </c>
      <c r="V169" s="16">
        <v>1154</v>
      </c>
      <c r="W169" s="16">
        <v>617</v>
      </c>
      <c r="X169" s="16">
        <v>1248</v>
      </c>
      <c r="Y169" s="16">
        <v>447</v>
      </c>
      <c r="Z169" s="16">
        <v>7857</v>
      </c>
      <c r="AA169" s="22" t="s">
        <v>268</v>
      </c>
      <c r="AB169" s="16">
        <v>7207</v>
      </c>
      <c r="AC169" s="16">
        <v>10804</v>
      </c>
      <c r="AD169" s="22" t="s">
        <v>268</v>
      </c>
    </row>
    <row r="170" spans="1:30">
      <c r="A170" s="21" t="s">
        <v>232</v>
      </c>
      <c r="B170" s="21" t="s">
        <v>237</v>
      </c>
      <c r="C170" s="21" t="s">
        <v>264</v>
      </c>
      <c r="D170" s="21" t="s">
        <v>216</v>
      </c>
      <c r="E170" s="21" t="s">
        <v>214</v>
      </c>
      <c r="F170" s="21" t="s">
        <v>415</v>
      </c>
      <c r="G170" s="16">
        <v>65961</v>
      </c>
      <c r="H170" s="16">
        <v>55386</v>
      </c>
      <c r="I170" s="16">
        <v>42810</v>
      </c>
      <c r="J170" s="16">
        <v>26395</v>
      </c>
      <c r="K170" s="16">
        <v>11233</v>
      </c>
      <c r="L170" s="16">
        <v>141</v>
      </c>
      <c r="M170" s="16">
        <v>5041</v>
      </c>
      <c r="N170" s="16">
        <v>12576</v>
      </c>
      <c r="O170" s="16">
        <v>417</v>
      </c>
      <c r="P170" s="16">
        <v>2392</v>
      </c>
      <c r="Q170" s="16">
        <v>2051</v>
      </c>
      <c r="R170" s="16">
        <v>1926</v>
      </c>
      <c r="S170" s="16">
        <v>589</v>
      </c>
      <c r="T170" s="16">
        <v>1690</v>
      </c>
      <c r="U170" s="16">
        <v>309</v>
      </c>
      <c r="V170" s="16">
        <v>1020</v>
      </c>
      <c r="W170" s="16">
        <v>852</v>
      </c>
      <c r="X170" s="16">
        <v>1330</v>
      </c>
      <c r="Y170" s="16">
        <v>415</v>
      </c>
      <c r="Z170" s="16">
        <v>10160</v>
      </c>
      <c r="AA170" s="22" t="s">
        <v>268</v>
      </c>
      <c r="AB170" s="16">
        <v>7636</v>
      </c>
      <c r="AC170" s="16">
        <v>24776</v>
      </c>
      <c r="AD170" s="16">
        <v>10160</v>
      </c>
    </row>
    <row r="171" spans="1:30">
      <c r="A171" s="21" t="s">
        <v>232</v>
      </c>
      <c r="B171" s="21" t="s">
        <v>237</v>
      </c>
      <c r="C171" s="21" t="s">
        <v>264</v>
      </c>
      <c r="D171" s="21" t="s">
        <v>216</v>
      </c>
      <c r="E171" s="21" t="s">
        <v>214</v>
      </c>
      <c r="F171" s="21" t="s">
        <v>416</v>
      </c>
      <c r="G171" s="16">
        <v>65933</v>
      </c>
      <c r="H171" s="16">
        <v>52917</v>
      </c>
      <c r="I171" s="16">
        <v>41769</v>
      </c>
      <c r="J171" s="16">
        <v>26162</v>
      </c>
      <c r="K171" s="16">
        <v>9925</v>
      </c>
      <c r="L171" s="16">
        <v>33</v>
      </c>
      <c r="M171" s="16">
        <v>5649</v>
      </c>
      <c r="N171" s="16">
        <v>11148</v>
      </c>
      <c r="O171" s="16">
        <v>435</v>
      </c>
      <c r="P171" s="16">
        <v>1097</v>
      </c>
      <c r="Q171" s="16">
        <v>2348</v>
      </c>
      <c r="R171" s="16">
        <v>1781</v>
      </c>
      <c r="S171" s="16">
        <v>635</v>
      </c>
      <c r="T171" s="16">
        <v>1677</v>
      </c>
      <c r="U171" s="16">
        <v>227</v>
      </c>
      <c r="V171" s="16">
        <v>646</v>
      </c>
      <c r="W171" s="16">
        <v>874</v>
      </c>
      <c r="X171" s="16">
        <v>1428</v>
      </c>
      <c r="Y171" s="16">
        <v>409</v>
      </c>
      <c r="Z171" s="16">
        <v>12607</v>
      </c>
      <c r="AA171" s="22" t="s">
        <v>268</v>
      </c>
      <c r="AB171" s="16">
        <v>7433</v>
      </c>
      <c r="AC171" s="16">
        <v>25899</v>
      </c>
      <c r="AD171" s="16">
        <v>12607</v>
      </c>
    </row>
    <row r="172" spans="1:30">
      <c r="A172" s="21" t="s">
        <v>232</v>
      </c>
      <c r="B172" s="21" t="s">
        <v>237</v>
      </c>
      <c r="C172" s="21" t="s">
        <v>264</v>
      </c>
      <c r="D172" s="21" t="s">
        <v>216</v>
      </c>
      <c r="E172" s="21" t="s">
        <v>214</v>
      </c>
      <c r="F172" s="21" t="s">
        <v>417</v>
      </c>
      <c r="G172" s="16">
        <v>50210</v>
      </c>
      <c r="H172" s="16">
        <v>38063</v>
      </c>
      <c r="I172" s="16">
        <v>28831</v>
      </c>
      <c r="J172" s="16">
        <v>17108</v>
      </c>
      <c r="K172" s="16">
        <v>6488</v>
      </c>
      <c r="L172" s="16">
        <v>4</v>
      </c>
      <c r="M172" s="16">
        <v>5231</v>
      </c>
      <c r="N172" s="16">
        <v>9232</v>
      </c>
      <c r="O172" s="16">
        <v>696</v>
      </c>
      <c r="P172" s="16">
        <v>802</v>
      </c>
      <c r="Q172" s="16">
        <v>1816</v>
      </c>
      <c r="R172" s="16">
        <v>1923</v>
      </c>
      <c r="S172" s="16">
        <v>453</v>
      </c>
      <c r="T172" s="16">
        <v>1045</v>
      </c>
      <c r="U172" s="16">
        <v>214</v>
      </c>
      <c r="V172" s="16">
        <v>452</v>
      </c>
      <c r="W172" s="16">
        <v>577</v>
      </c>
      <c r="X172" s="16">
        <v>1254</v>
      </c>
      <c r="Y172" s="16">
        <v>240</v>
      </c>
      <c r="Z172" s="16">
        <v>11907</v>
      </c>
      <c r="AA172" s="22" t="s">
        <v>268</v>
      </c>
      <c r="AB172" s="16">
        <v>6137</v>
      </c>
      <c r="AC172" s="16">
        <v>17074</v>
      </c>
      <c r="AD172" s="16">
        <v>11907</v>
      </c>
    </row>
    <row r="173" spans="1:30">
      <c r="A173" s="21" t="s">
        <v>232</v>
      </c>
      <c r="B173" s="21" t="s">
        <v>237</v>
      </c>
      <c r="C173" s="21" t="s">
        <v>264</v>
      </c>
      <c r="D173" s="21" t="s">
        <v>216</v>
      </c>
      <c r="E173" s="21" t="s">
        <v>214</v>
      </c>
      <c r="F173" s="21" t="s">
        <v>418</v>
      </c>
      <c r="G173" s="16">
        <v>43950</v>
      </c>
      <c r="H173" s="16">
        <v>31313</v>
      </c>
      <c r="I173" s="16">
        <v>20788</v>
      </c>
      <c r="J173" s="16">
        <v>10627</v>
      </c>
      <c r="K173" s="16">
        <v>3918</v>
      </c>
      <c r="L173" s="16">
        <v>1</v>
      </c>
      <c r="M173" s="16">
        <v>6242</v>
      </c>
      <c r="N173" s="16">
        <v>10525</v>
      </c>
      <c r="O173" s="16">
        <v>1014</v>
      </c>
      <c r="P173" s="16">
        <v>1963</v>
      </c>
      <c r="Q173" s="16">
        <v>1423</v>
      </c>
      <c r="R173" s="16">
        <v>2531</v>
      </c>
      <c r="S173" s="16">
        <v>284</v>
      </c>
      <c r="T173" s="16">
        <v>622</v>
      </c>
      <c r="U173" s="16">
        <v>314</v>
      </c>
      <c r="V173" s="16">
        <v>607</v>
      </c>
      <c r="W173" s="16">
        <v>397</v>
      </c>
      <c r="X173" s="16">
        <v>1370</v>
      </c>
      <c r="Y173" s="16">
        <v>215</v>
      </c>
      <c r="Z173" s="16">
        <v>12422</v>
      </c>
      <c r="AA173" s="22" t="s">
        <v>268</v>
      </c>
      <c r="AB173" s="16">
        <v>6291</v>
      </c>
      <c r="AC173" s="16">
        <v>10620</v>
      </c>
      <c r="AD173" s="16">
        <v>12422</v>
      </c>
    </row>
    <row r="174" spans="1:30">
      <c r="A174" s="21" t="s">
        <v>232</v>
      </c>
      <c r="B174" s="21" t="s">
        <v>237</v>
      </c>
      <c r="C174" s="21" t="s">
        <v>264</v>
      </c>
      <c r="D174" s="21" t="s">
        <v>216</v>
      </c>
      <c r="E174" s="21" t="s">
        <v>214</v>
      </c>
      <c r="F174" s="21" t="s">
        <v>419</v>
      </c>
      <c r="G174" s="16">
        <v>32731</v>
      </c>
      <c r="H174" s="16">
        <v>22450</v>
      </c>
      <c r="I174" s="16">
        <v>11956</v>
      </c>
      <c r="J174" s="16">
        <v>4181</v>
      </c>
      <c r="K174" s="16">
        <v>1620</v>
      </c>
      <c r="L174" s="22" t="s">
        <v>268</v>
      </c>
      <c r="M174" s="16">
        <v>6155</v>
      </c>
      <c r="N174" s="16">
        <v>10494</v>
      </c>
      <c r="O174" s="16">
        <v>801</v>
      </c>
      <c r="P174" s="16">
        <v>3224</v>
      </c>
      <c r="Q174" s="16">
        <v>635</v>
      </c>
      <c r="R174" s="16">
        <v>2712</v>
      </c>
      <c r="S174" s="16">
        <v>144</v>
      </c>
      <c r="T174" s="16">
        <v>267</v>
      </c>
      <c r="U174" s="16">
        <v>347</v>
      </c>
      <c r="V174" s="16">
        <v>828</v>
      </c>
      <c r="W174" s="16">
        <v>242</v>
      </c>
      <c r="X174" s="16">
        <v>1294</v>
      </c>
      <c r="Y174" s="16">
        <v>150</v>
      </c>
      <c r="Z174" s="16">
        <v>10131</v>
      </c>
      <c r="AA174" s="22" t="s">
        <v>268</v>
      </c>
      <c r="AB174" s="16">
        <v>5567</v>
      </c>
      <c r="AC174" s="16">
        <v>4177</v>
      </c>
      <c r="AD174" s="16">
        <v>10131</v>
      </c>
    </row>
    <row r="175" spans="1:30">
      <c r="A175" s="21" t="s">
        <v>232</v>
      </c>
      <c r="B175" s="21" t="s">
        <v>237</v>
      </c>
      <c r="C175" s="21" t="s">
        <v>264</v>
      </c>
      <c r="D175" s="21" t="s">
        <v>216</v>
      </c>
      <c r="E175" s="21" t="s">
        <v>214</v>
      </c>
      <c r="F175" s="21" t="s">
        <v>420</v>
      </c>
      <c r="G175" s="16">
        <v>15687</v>
      </c>
      <c r="H175" s="16">
        <v>11166</v>
      </c>
      <c r="I175" s="16">
        <v>4490</v>
      </c>
      <c r="J175" s="16">
        <v>778</v>
      </c>
      <c r="K175" s="16">
        <v>279</v>
      </c>
      <c r="L175" s="22" t="s">
        <v>268</v>
      </c>
      <c r="M175" s="16">
        <v>3433</v>
      </c>
      <c r="N175" s="16">
        <v>6676</v>
      </c>
      <c r="O175" s="16">
        <v>228</v>
      </c>
      <c r="P175" s="16">
        <v>2735</v>
      </c>
      <c r="Q175" s="16">
        <v>122</v>
      </c>
      <c r="R175" s="16">
        <v>1606</v>
      </c>
      <c r="S175" s="16">
        <v>71</v>
      </c>
      <c r="T175" s="16">
        <v>95</v>
      </c>
      <c r="U175" s="16">
        <v>241</v>
      </c>
      <c r="V175" s="16">
        <v>722</v>
      </c>
      <c r="W175" s="16">
        <v>98</v>
      </c>
      <c r="X175" s="16">
        <v>758</v>
      </c>
      <c r="Y175" s="16">
        <v>55</v>
      </c>
      <c r="Z175" s="16">
        <v>4466</v>
      </c>
      <c r="AA175" s="22" t="s">
        <v>268</v>
      </c>
      <c r="AB175" s="16">
        <v>3242</v>
      </c>
      <c r="AC175" s="16">
        <v>777</v>
      </c>
      <c r="AD175" s="16">
        <v>4466</v>
      </c>
    </row>
    <row r="176" spans="1:30">
      <c r="A176" s="21" t="s">
        <v>232</v>
      </c>
      <c r="B176" s="21" t="s">
        <v>237</v>
      </c>
      <c r="C176" s="21" t="s">
        <v>264</v>
      </c>
      <c r="D176" s="21" t="s">
        <v>216</v>
      </c>
      <c r="E176" s="21" t="s">
        <v>214</v>
      </c>
      <c r="F176" s="21" t="s">
        <v>421</v>
      </c>
      <c r="G176" s="16">
        <v>3965</v>
      </c>
      <c r="H176" s="16">
        <v>3052</v>
      </c>
      <c r="I176" s="16">
        <v>1087</v>
      </c>
      <c r="J176" s="16">
        <v>47</v>
      </c>
      <c r="K176" s="16">
        <v>30</v>
      </c>
      <c r="L176" s="22" t="s">
        <v>268</v>
      </c>
      <c r="M176" s="16">
        <v>1010</v>
      </c>
      <c r="N176" s="16">
        <v>1965</v>
      </c>
      <c r="O176" s="16">
        <v>20</v>
      </c>
      <c r="P176" s="16">
        <v>887</v>
      </c>
      <c r="Q176" s="16">
        <v>11</v>
      </c>
      <c r="R176" s="16">
        <v>455</v>
      </c>
      <c r="S176" s="16">
        <v>15</v>
      </c>
      <c r="T176" s="16">
        <v>19</v>
      </c>
      <c r="U176" s="16">
        <v>73</v>
      </c>
      <c r="V176" s="16">
        <v>215</v>
      </c>
      <c r="W176" s="16">
        <v>21</v>
      </c>
      <c r="X176" s="16">
        <v>249</v>
      </c>
      <c r="Y176" s="16">
        <v>16</v>
      </c>
      <c r="Z176" s="16">
        <v>897</v>
      </c>
      <c r="AA176" s="22" t="s">
        <v>268</v>
      </c>
      <c r="AB176" s="16">
        <v>918</v>
      </c>
      <c r="AC176" s="16">
        <v>47</v>
      </c>
      <c r="AD176" s="16">
        <v>897</v>
      </c>
    </row>
    <row r="177" spans="1:30">
      <c r="A177" s="21" t="s">
        <v>232</v>
      </c>
      <c r="B177" s="21" t="s">
        <v>237</v>
      </c>
      <c r="C177" s="21" t="s">
        <v>264</v>
      </c>
      <c r="D177" s="21" t="s">
        <v>216</v>
      </c>
      <c r="E177" s="21" t="s">
        <v>214</v>
      </c>
      <c r="F177" s="21" t="s">
        <v>422</v>
      </c>
      <c r="G177" s="16">
        <v>518</v>
      </c>
      <c r="H177" s="16">
        <v>443</v>
      </c>
      <c r="I177" s="16">
        <v>143</v>
      </c>
      <c r="J177" s="16">
        <v>1</v>
      </c>
      <c r="K177" s="16">
        <v>1</v>
      </c>
      <c r="L177" s="22" t="s">
        <v>268</v>
      </c>
      <c r="M177" s="16">
        <v>141</v>
      </c>
      <c r="N177" s="16">
        <v>300</v>
      </c>
      <c r="O177" s="22" t="s">
        <v>268</v>
      </c>
      <c r="P177" s="16">
        <v>153</v>
      </c>
      <c r="Q177" s="16">
        <v>1</v>
      </c>
      <c r="R177" s="16">
        <v>54</v>
      </c>
      <c r="S177" s="16">
        <v>8</v>
      </c>
      <c r="T177" s="16">
        <v>2</v>
      </c>
      <c r="U177" s="16">
        <v>17</v>
      </c>
      <c r="V177" s="16">
        <v>30</v>
      </c>
      <c r="W177" s="22" t="s">
        <v>268</v>
      </c>
      <c r="X177" s="16">
        <v>35</v>
      </c>
      <c r="Y177" s="22" t="s">
        <v>268</v>
      </c>
      <c r="Z177" s="16">
        <v>75</v>
      </c>
      <c r="AA177" s="22" t="s">
        <v>268</v>
      </c>
      <c r="AB177" s="16">
        <v>130</v>
      </c>
      <c r="AC177" s="16">
        <v>1</v>
      </c>
      <c r="AD177" s="16">
        <v>75</v>
      </c>
    </row>
    <row r="178" spans="1:30">
      <c r="A178" s="21" t="s">
        <v>232</v>
      </c>
      <c r="B178" s="21" t="s">
        <v>237</v>
      </c>
      <c r="C178" s="21" t="s">
        <v>264</v>
      </c>
      <c r="D178" s="21" t="s">
        <v>216</v>
      </c>
      <c r="E178" s="21" t="s">
        <v>214</v>
      </c>
      <c r="F178" s="21" t="s">
        <v>423</v>
      </c>
      <c r="G178" s="16">
        <v>11020</v>
      </c>
      <c r="H178" s="22" t="s">
        <v>268</v>
      </c>
      <c r="I178" s="22" t="s">
        <v>268</v>
      </c>
      <c r="J178" s="22" t="s">
        <v>268</v>
      </c>
      <c r="K178" s="22" t="s">
        <v>268</v>
      </c>
      <c r="L178" s="22" t="s">
        <v>268</v>
      </c>
      <c r="M178" s="22" t="s">
        <v>268</v>
      </c>
      <c r="N178" s="22" t="s">
        <v>268</v>
      </c>
      <c r="O178" s="22" t="s">
        <v>268</v>
      </c>
      <c r="P178" s="22" t="s">
        <v>268</v>
      </c>
      <c r="Q178" s="22" t="s">
        <v>268</v>
      </c>
      <c r="R178" s="22" t="s">
        <v>268</v>
      </c>
      <c r="S178" s="22" t="s">
        <v>268</v>
      </c>
      <c r="T178" s="22" t="s">
        <v>268</v>
      </c>
      <c r="U178" s="22" t="s">
        <v>268</v>
      </c>
      <c r="V178" s="22" t="s">
        <v>268</v>
      </c>
      <c r="W178" s="22" t="s">
        <v>268</v>
      </c>
      <c r="X178" s="22" t="s">
        <v>268</v>
      </c>
      <c r="Y178" s="22" t="s">
        <v>268</v>
      </c>
      <c r="Z178" s="16">
        <v>9135</v>
      </c>
      <c r="AA178" s="16">
        <v>1885</v>
      </c>
      <c r="AB178" s="22" t="s">
        <v>268</v>
      </c>
      <c r="AC178" s="22" t="s">
        <v>268</v>
      </c>
      <c r="AD178" s="22" t="s">
        <v>268</v>
      </c>
    </row>
    <row r="179" spans="1:30">
      <c r="A179" s="21" t="s">
        <v>232</v>
      </c>
      <c r="B179" s="21" t="s">
        <v>237</v>
      </c>
      <c r="C179" s="21" t="s">
        <v>264</v>
      </c>
      <c r="D179" s="21" t="s">
        <v>216</v>
      </c>
      <c r="E179" s="21" t="s">
        <v>214</v>
      </c>
      <c r="F179" s="21" t="s">
        <v>386</v>
      </c>
      <c r="G179" s="16">
        <v>111208</v>
      </c>
      <c r="H179" s="16">
        <v>110812</v>
      </c>
      <c r="I179" s="16">
        <v>91936</v>
      </c>
      <c r="J179" s="22" t="s">
        <v>268</v>
      </c>
      <c r="K179" s="16">
        <v>80997</v>
      </c>
      <c r="L179" s="16">
        <v>737</v>
      </c>
      <c r="M179" s="16">
        <v>10202</v>
      </c>
      <c r="N179" s="16">
        <v>18876</v>
      </c>
      <c r="O179" s="22" t="s">
        <v>268</v>
      </c>
      <c r="P179" s="22" t="s">
        <v>268</v>
      </c>
      <c r="Q179" s="16">
        <v>5540</v>
      </c>
      <c r="R179" s="16">
        <v>4508</v>
      </c>
      <c r="S179" s="16">
        <v>188</v>
      </c>
      <c r="T179" s="16">
        <v>2800</v>
      </c>
      <c r="U179" s="16">
        <v>415</v>
      </c>
      <c r="V179" s="16">
        <v>3418</v>
      </c>
      <c r="W179" s="16">
        <v>3</v>
      </c>
      <c r="X179" s="16">
        <v>2004</v>
      </c>
      <c r="Y179" s="16">
        <v>396</v>
      </c>
      <c r="Z179" s="22" t="s">
        <v>268</v>
      </c>
      <c r="AA179" s="22" t="s">
        <v>268</v>
      </c>
      <c r="AB179" s="16">
        <v>18393</v>
      </c>
      <c r="AC179" s="22" t="s">
        <v>268</v>
      </c>
      <c r="AD179" s="22" t="s">
        <v>268</v>
      </c>
    </row>
    <row r="180" spans="1:30">
      <c r="A180" s="21" t="s">
        <v>232</v>
      </c>
      <c r="B180" s="21" t="s">
        <v>237</v>
      </c>
      <c r="C180" s="21" t="s">
        <v>264</v>
      </c>
      <c r="D180" s="21" t="s">
        <v>216</v>
      </c>
      <c r="E180" s="21" t="s">
        <v>214</v>
      </c>
      <c r="F180" s="21" t="s">
        <v>387</v>
      </c>
      <c r="G180" s="16">
        <v>477015</v>
      </c>
      <c r="H180" s="16">
        <v>415213</v>
      </c>
      <c r="I180" s="16">
        <v>328384</v>
      </c>
      <c r="J180" s="16">
        <v>64029</v>
      </c>
      <c r="K180" s="16">
        <v>202987</v>
      </c>
      <c r="L180" s="16">
        <v>4340</v>
      </c>
      <c r="M180" s="16">
        <v>57028</v>
      </c>
      <c r="N180" s="16">
        <v>86829</v>
      </c>
      <c r="O180" s="16">
        <v>3537</v>
      </c>
      <c r="P180" s="16">
        <v>8909</v>
      </c>
      <c r="Q180" s="16">
        <v>15281</v>
      </c>
      <c r="R180" s="16">
        <v>21435</v>
      </c>
      <c r="S180" s="16">
        <v>1267</v>
      </c>
      <c r="T180" s="16">
        <v>10484</v>
      </c>
      <c r="U180" s="16">
        <v>2554</v>
      </c>
      <c r="V180" s="16">
        <v>8902</v>
      </c>
      <c r="W180" s="16">
        <v>3086</v>
      </c>
      <c r="X180" s="16">
        <v>11374</v>
      </c>
      <c r="Y180" s="16">
        <v>5381</v>
      </c>
      <c r="Z180" s="16">
        <v>56421</v>
      </c>
      <c r="AA180" s="22" t="s">
        <v>268</v>
      </c>
      <c r="AB180" s="16">
        <v>66122</v>
      </c>
      <c r="AC180" s="16">
        <v>10804</v>
      </c>
      <c r="AD180" s="22" t="s">
        <v>268</v>
      </c>
    </row>
    <row r="181" spans="1:30">
      <c r="A181" s="21" t="s">
        <v>232</v>
      </c>
      <c r="B181" s="21" t="s">
        <v>237</v>
      </c>
      <c r="C181" s="21" t="s">
        <v>264</v>
      </c>
      <c r="D181" s="21" t="s">
        <v>216</v>
      </c>
      <c r="E181" s="21" t="s">
        <v>214</v>
      </c>
      <c r="F181" s="21" t="s">
        <v>388</v>
      </c>
      <c r="G181" s="16">
        <v>278955</v>
      </c>
      <c r="H181" s="16">
        <v>214790</v>
      </c>
      <c r="I181" s="16">
        <v>151874</v>
      </c>
      <c r="J181" s="16">
        <v>85299</v>
      </c>
      <c r="K181" s="16">
        <v>33494</v>
      </c>
      <c r="L181" s="16">
        <v>179</v>
      </c>
      <c r="M181" s="16">
        <v>32902</v>
      </c>
      <c r="N181" s="16">
        <v>62916</v>
      </c>
      <c r="O181" s="16">
        <v>3611</v>
      </c>
      <c r="P181" s="16">
        <v>13253</v>
      </c>
      <c r="Q181" s="16">
        <v>8407</v>
      </c>
      <c r="R181" s="16">
        <v>12988</v>
      </c>
      <c r="S181" s="16">
        <v>2199</v>
      </c>
      <c r="T181" s="16">
        <v>5417</v>
      </c>
      <c r="U181" s="16">
        <v>1742</v>
      </c>
      <c r="V181" s="16">
        <v>4520</v>
      </c>
      <c r="W181" s="16">
        <v>3061</v>
      </c>
      <c r="X181" s="16">
        <v>7718</v>
      </c>
      <c r="Y181" s="16">
        <v>1500</v>
      </c>
      <c r="Z181" s="16">
        <v>62665</v>
      </c>
      <c r="AA181" s="22" t="s">
        <v>268</v>
      </c>
      <c r="AB181" s="16">
        <v>37354</v>
      </c>
      <c r="AC181" s="16">
        <v>83371</v>
      </c>
      <c r="AD181" s="16">
        <v>62665</v>
      </c>
    </row>
    <row r="182" spans="1:30">
      <c r="A182" s="21" t="s">
        <v>232</v>
      </c>
      <c r="B182" s="21" t="s">
        <v>237</v>
      </c>
      <c r="C182" s="21" t="s">
        <v>264</v>
      </c>
      <c r="D182" s="21" t="s">
        <v>216</v>
      </c>
      <c r="E182" s="21" t="s">
        <v>214</v>
      </c>
      <c r="F182" s="21" t="s">
        <v>389</v>
      </c>
      <c r="G182" s="16">
        <v>147061</v>
      </c>
      <c r="H182" s="16">
        <v>106487</v>
      </c>
      <c r="I182" s="16">
        <v>67295</v>
      </c>
      <c r="J182" s="16">
        <v>32742</v>
      </c>
      <c r="K182" s="16">
        <v>12336</v>
      </c>
      <c r="L182" s="16">
        <v>5</v>
      </c>
      <c r="M182" s="16">
        <v>22212</v>
      </c>
      <c r="N182" s="16">
        <v>39192</v>
      </c>
      <c r="O182" s="16">
        <v>2759</v>
      </c>
      <c r="P182" s="16">
        <v>9764</v>
      </c>
      <c r="Q182" s="16">
        <v>4008</v>
      </c>
      <c r="R182" s="16">
        <v>9281</v>
      </c>
      <c r="S182" s="16">
        <v>975</v>
      </c>
      <c r="T182" s="16">
        <v>2050</v>
      </c>
      <c r="U182" s="16">
        <v>1206</v>
      </c>
      <c r="V182" s="16">
        <v>2854</v>
      </c>
      <c r="W182" s="16">
        <v>1335</v>
      </c>
      <c r="X182" s="16">
        <v>4960</v>
      </c>
      <c r="Y182" s="16">
        <v>676</v>
      </c>
      <c r="Z182" s="16">
        <v>39898</v>
      </c>
      <c r="AA182" s="22" t="s">
        <v>268</v>
      </c>
      <c r="AB182" s="16">
        <v>22285</v>
      </c>
      <c r="AC182" s="16">
        <v>32696</v>
      </c>
      <c r="AD182" s="16">
        <v>39898</v>
      </c>
    </row>
    <row r="183" spans="1:30">
      <c r="A183" s="21" t="s">
        <v>232</v>
      </c>
      <c r="B183" s="21" t="s">
        <v>237</v>
      </c>
      <c r="C183" s="21" t="s">
        <v>264</v>
      </c>
      <c r="D183" s="21" t="s">
        <v>216</v>
      </c>
      <c r="E183" s="21" t="s">
        <v>214</v>
      </c>
      <c r="F183" s="21" t="s">
        <v>390</v>
      </c>
      <c r="G183" s="16">
        <v>52901</v>
      </c>
      <c r="H183" s="16">
        <v>37111</v>
      </c>
      <c r="I183" s="16">
        <v>17676</v>
      </c>
      <c r="J183" s="16">
        <v>5007</v>
      </c>
      <c r="K183" s="16">
        <v>1930</v>
      </c>
      <c r="L183" s="22" t="s">
        <v>268</v>
      </c>
      <c r="M183" s="16">
        <v>10739</v>
      </c>
      <c r="N183" s="16">
        <v>19435</v>
      </c>
      <c r="O183" s="16">
        <v>1049</v>
      </c>
      <c r="P183" s="16">
        <v>6999</v>
      </c>
      <c r="Q183" s="16">
        <v>769</v>
      </c>
      <c r="R183" s="16">
        <v>4827</v>
      </c>
      <c r="S183" s="16">
        <v>238</v>
      </c>
      <c r="T183" s="16">
        <v>383</v>
      </c>
      <c r="U183" s="16">
        <v>678</v>
      </c>
      <c r="V183" s="16">
        <v>1795</v>
      </c>
      <c r="W183" s="16">
        <v>361</v>
      </c>
      <c r="X183" s="16">
        <v>2336</v>
      </c>
      <c r="Y183" s="16">
        <v>221</v>
      </c>
      <c r="Z183" s="16">
        <v>15569</v>
      </c>
      <c r="AA183" s="22" t="s">
        <v>268</v>
      </c>
      <c r="AB183" s="16">
        <v>9857</v>
      </c>
      <c r="AC183" s="16">
        <v>5002</v>
      </c>
      <c r="AD183" s="16">
        <v>15569</v>
      </c>
    </row>
    <row r="184" spans="1:30">
      <c r="A184" s="21" t="s">
        <v>232</v>
      </c>
      <c r="B184" s="21" t="s">
        <v>237</v>
      </c>
      <c r="C184" s="21" t="s">
        <v>264</v>
      </c>
      <c r="D184" s="21" t="s">
        <v>216</v>
      </c>
      <c r="E184" s="21" t="s">
        <v>214</v>
      </c>
      <c r="F184" s="21" t="s">
        <v>391</v>
      </c>
      <c r="G184" s="16">
        <v>505990</v>
      </c>
      <c r="H184" s="16">
        <v>435546</v>
      </c>
      <c r="I184" s="16">
        <v>343644</v>
      </c>
      <c r="J184" s="16">
        <v>90391</v>
      </c>
      <c r="K184" s="16">
        <v>193235</v>
      </c>
      <c r="L184" s="16">
        <v>3925</v>
      </c>
      <c r="M184" s="16">
        <v>56093</v>
      </c>
      <c r="N184" s="16">
        <v>91902</v>
      </c>
      <c r="O184" s="16">
        <v>3953</v>
      </c>
      <c r="P184" s="16">
        <v>11298</v>
      </c>
      <c r="Q184" s="16">
        <v>15245</v>
      </c>
      <c r="R184" s="16">
        <v>21229</v>
      </c>
      <c r="S184" s="16">
        <v>1718</v>
      </c>
      <c r="T184" s="16">
        <v>11050</v>
      </c>
      <c r="U184" s="16">
        <v>2796</v>
      </c>
      <c r="V184" s="16">
        <v>9265</v>
      </c>
      <c r="W184" s="16">
        <v>3792</v>
      </c>
      <c r="X184" s="16">
        <v>11556</v>
      </c>
      <c r="Y184" s="16">
        <v>5626</v>
      </c>
      <c r="Z184" s="16">
        <v>64818</v>
      </c>
      <c r="AA184" s="22" t="s">
        <v>268</v>
      </c>
      <c r="AB184" s="16">
        <v>66783</v>
      </c>
      <c r="AC184" s="16">
        <v>35580</v>
      </c>
      <c r="AD184" s="16">
        <v>10160</v>
      </c>
    </row>
    <row r="185" spans="1:30">
      <c r="A185" s="21" t="s">
        <v>240</v>
      </c>
      <c r="B185" s="21" t="s">
        <v>237</v>
      </c>
      <c r="C185" s="21" t="s">
        <v>265</v>
      </c>
      <c r="D185" s="21" t="s">
        <v>214</v>
      </c>
      <c r="E185" s="21" t="s">
        <v>214</v>
      </c>
      <c r="F185" s="21" t="s">
        <v>401</v>
      </c>
      <c r="G185" s="16">
        <v>117827</v>
      </c>
      <c r="H185" s="16">
        <v>100725</v>
      </c>
      <c r="I185" s="16">
        <v>72299</v>
      </c>
      <c r="J185" s="16">
        <v>20490</v>
      </c>
      <c r="K185" s="16">
        <v>39510</v>
      </c>
      <c r="L185" s="16">
        <v>1736</v>
      </c>
      <c r="M185" s="16">
        <v>10563</v>
      </c>
      <c r="N185" s="16">
        <v>28426</v>
      </c>
      <c r="O185" s="16">
        <v>1500</v>
      </c>
      <c r="P185" s="16">
        <v>3135</v>
      </c>
      <c r="Q185" s="16">
        <v>5863</v>
      </c>
      <c r="R185" s="16">
        <v>6071</v>
      </c>
      <c r="S185" s="16">
        <v>637</v>
      </c>
      <c r="T185" s="16">
        <v>3001</v>
      </c>
      <c r="U185" s="16">
        <v>1321</v>
      </c>
      <c r="V185" s="16">
        <v>3271</v>
      </c>
      <c r="W185" s="16">
        <v>786</v>
      </c>
      <c r="X185" s="16">
        <v>2841</v>
      </c>
      <c r="Y185" s="16">
        <v>1117</v>
      </c>
      <c r="Z185" s="16">
        <v>15791</v>
      </c>
      <c r="AA185" s="16">
        <v>194</v>
      </c>
      <c r="AB185" s="16">
        <v>21370</v>
      </c>
      <c r="AC185" s="16">
        <v>13476</v>
      </c>
      <c r="AD185" s="16">
        <v>6739</v>
      </c>
    </row>
    <row r="186" spans="1:30">
      <c r="A186" s="21" t="s">
        <v>240</v>
      </c>
      <c r="B186" s="21" t="s">
        <v>237</v>
      </c>
      <c r="C186" s="21" t="s">
        <v>265</v>
      </c>
      <c r="D186" s="21" t="s">
        <v>214</v>
      </c>
      <c r="E186" s="21" t="s">
        <v>214</v>
      </c>
      <c r="F186" s="21" t="s">
        <v>402</v>
      </c>
      <c r="G186" s="16">
        <v>4321</v>
      </c>
      <c r="H186" s="16">
        <v>4296</v>
      </c>
      <c r="I186" s="16">
        <v>3289</v>
      </c>
      <c r="J186" s="22" t="s">
        <v>268</v>
      </c>
      <c r="K186" s="16">
        <v>3056</v>
      </c>
      <c r="L186" s="16">
        <v>12</v>
      </c>
      <c r="M186" s="16">
        <v>221</v>
      </c>
      <c r="N186" s="16">
        <v>1007</v>
      </c>
      <c r="O186" s="22" t="s">
        <v>268</v>
      </c>
      <c r="P186" s="22" t="s">
        <v>268</v>
      </c>
      <c r="Q186" s="16">
        <v>266</v>
      </c>
      <c r="R186" s="16">
        <v>172</v>
      </c>
      <c r="S186" s="16">
        <v>17</v>
      </c>
      <c r="T186" s="16">
        <v>118</v>
      </c>
      <c r="U186" s="16">
        <v>100</v>
      </c>
      <c r="V186" s="16">
        <v>264</v>
      </c>
      <c r="W186" s="22" t="s">
        <v>268</v>
      </c>
      <c r="X186" s="16">
        <v>70</v>
      </c>
      <c r="Y186" s="16">
        <v>25</v>
      </c>
      <c r="Z186" s="22" t="s">
        <v>268</v>
      </c>
      <c r="AA186" s="22" t="s">
        <v>268</v>
      </c>
      <c r="AB186" s="16">
        <v>984</v>
      </c>
      <c r="AC186" s="22" t="s">
        <v>268</v>
      </c>
      <c r="AD186" s="22" t="s">
        <v>268</v>
      </c>
    </row>
    <row r="187" spans="1:30">
      <c r="A187" s="21" t="s">
        <v>240</v>
      </c>
      <c r="B187" s="21" t="s">
        <v>237</v>
      </c>
      <c r="C187" s="21" t="s">
        <v>265</v>
      </c>
      <c r="D187" s="21" t="s">
        <v>214</v>
      </c>
      <c r="E187" s="21" t="s">
        <v>214</v>
      </c>
      <c r="F187" s="21" t="s">
        <v>403</v>
      </c>
      <c r="G187" s="16">
        <v>5114</v>
      </c>
      <c r="H187" s="16">
        <v>5087</v>
      </c>
      <c r="I187" s="16">
        <v>3809</v>
      </c>
      <c r="J187" s="22" t="s">
        <v>268</v>
      </c>
      <c r="K187" s="16">
        <v>3272</v>
      </c>
      <c r="L187" s="16">
        <v>31</v>
      </c>
      <c r="M187" s="16">
        <v>506</v>
      </c>
      <c r="N187" s="16">
        <v>1278</v>
      </c>
      <c r="O187" s="22" t="s">
        <v>268</v>
      </c>
      <c r="P187" s="22" t="s">
        <v>268</v>
      </c>
      <c r="Q187" s="16">
        <v>375</v>
      </c>
      <c r="R187" s="16">
        <v>255</v>
      </c>
      <c r="S187" s="16">
        <v>14</v>
      </c>
      <c r="T187" s="16">
        <v>169</v>
      </c>
      <c r="U187" s="16">
        <v>74</v>
      </c>
      <c r="V187" s="16">
        <v>258</v>
      </c>
      <c r="W187" s="22" t="s">
        <v>268</v>
      </c>
      <c r="X187" s="16">
        <v>133</v>
      </c>
      <c r="Y187" s="16">
        <v>27</v>
      </c>
      <c r="Z187" s="22" t="s">
        <v>268</v>
      </c>
      <c r="AA187" s="22" t="s">
        <v>268</v>
      </c>
      <c r="AB187" s="16">
        <v>1263</v>
      </c>
      <c r="AC187" s="22" t="s">
        <v>268</v>
      </c>
      <c r="AD187" s="22" t="s">
        <v>268</v>
      </c>
    </row>
    <row r="188" spans="1:30">
      <c r="A188" s="21" t="s">
        <v>240</v>
      </c>
      <c r="B188" s="21" t="s">
        <v>237</v>
      </c>
      <c r="C188" s="21" t="s">
        <v>265</v>
      </c>
      <c r="D188" s="21" t="s">
        <v>214</v>
      </c>
      <c r="E188" s="21" t="s">
        <v>214</v>
      </c>
      <c r="F188" s="21" t="s">
        <v>404</v>
      </c>
      <c r="G188" s="16">
        <v>5210</v>
      </c>
      <c r="H188" s="16">
        <v>5186</v>
      </c>
      <c r="I188" s="16">
        <v>3761</v>
      </c>
      <c r="J188" s="22" t="s">
        <v>268</v>
      </c>
      <c r="K188" s="16">
        <v>2999</v>
      </c>
      <c r="L188" s="16">
        <v>66</v>
      </c>
      <c r="M188" s="16">
        <v>696</v>
      </c>
      <c r="N188" s="16">
        <v>1425</v>
      </c>
      <c r="O188" s="22" t="s">
        <v>268</v>
      </c>
      <c r="P188" s="22" t="s">
        <v>268</v>
      </c>
      <c r="Q188" s="16">
        <v>451</v>
      </c>
      <c r="R188" s="16">
        <v>369</v>
      </c>
      <c r="S188" s="16">
        <v>25</v>
      </c>
      <c r="T188" s="16">
        <v>200</v>
      </c>
      <c r="U188" s="16">
        <v>44</v>
      </c>
      <c r="V188" s="16">
        <v>187</v>
      </c>
      <c r="W188" s="16">
        <v>1</v>
      </c>
      <c r="X188" s="16">
        <v>148</v>
      </c>
      <c r="Y188" s="16">
        <v>24</v>
      </c>
      <c r="Z188" s="22" t="s">
        <v>268</v>
      </c>
      <c r="AA188" s="22" t="s">
        <v>268</v>
      </c>
      <c r="AB188" s="16">
        <v>1383</v>
      </c>
      <c r="AC188" s="22" t="s">
        <v>268</v>
      </c>
      <c r="AD188" s="22" t="s">
        <v>268</v>
      </c>
    </row>
    <row r="189" spans="1:30">
      <c r="A189" s="21" t="s">
        <v>240</v>
      </c>
      <c r="B189" s="21" t="s">
        <v>237</v>
      </c>
      <c r="C189" s="21" t="s">
        <v>265</v>
      </c>
      <c r="D189" s="21" t="s">
        <v>214</v>
      </c>
      <c r="E189" s="21" t="s">
        <v>214</v>
      </c>
      <c r="F189" s="21" t="s">
        <v>405</v>
      </c>
      <c r="G189" s="16">
        <v>4938</v>
      </c>
      <c r="H189" s="16">
        <v>4801</v>
      </c>
      <c r="I189" s="16">
        <v>3360</v>
      </c>
      <c r="J189" s="16">
        <v>3</v>
      </c>
      <c r="K189" s="16">
        <v>2496</v>
      </c>
      <c r="L189" s="16">
        <v>99</v>
      </c>
      <c r="M189" s="16">
        <v>762</v>
      </c>
      <c r="N189" s="16">
        <v>1441</v>
      </c>
      <c r="O189" s="22" t="s">
        <v>268</v>
      </c>
      <c r="P189" s="22" t="s">
        <v>268</v>
      </c>
      <c r="Q189" s="16">
        <v>406</v>
      </c>
      <c r="R189" s="16">
        <v>371</v>
      </c>
      <c r="S189" s="16">
        <v>24</v>
      </c>
      <c r="T189" s="16">
        <v>232</v>
      </c>
      <c r="U189" s="16">
        <v>28</v>
      </c>
      <c r="V189" s="16">
        <v>158</v>
      </c>
      <c r="W189" s="16">
        <v>5</v>
      </c>
      <c r="X189" s="16">
        <v>217</v>
      </c>
      <c r="Y189" s="16">
        <v>33</v>
      </c>
      <c r="Z189" s="16">
        <v>104</v>
      </c>
      <c r="AA189" s="22" t="s">
        <v>268</v>
      </c>
      <c r="AB189" s="16">
        <v>1371</v>
      </c>
      <c r="AC189" s="22" t="s">
        <v>268</v>
      </c>
      <c r="AD189" s="22" t="s">
        <v>268</v>
      </c>
    </row>
    <row r="190" spans="1:30">
      <c r="A190" s="21" t="s">
        <v>240</v>
      </c>
      <c r="B190" s="21" t="s">
        <v>237</v>
      </c>
      <c r="C190" s="21" t="s">
        <v>265</v>
      </c>
      <c r="D190" s="21" t="s">
        <v>214</v>
      </c>
      <c r="E190" s="21" t="s">
        <v>214</v>
      </c>
      <c r="F190" s="21" t="s">
        <v>406</v>
      </c>
      <c r="G190" s="16">
        <v>4295</v>
      </c>
      <c r="H190" s="16">
        <v>3156</v>
      </c>
      <c r="I190" s="16">
        <v>2097</v>
      </c>
      <c r="J190" s="16">
        <v>100</v>
      </c>
      <c r="K190" s="16">
        <v>1497</v>
      </c>
      <c r="L190" s="16">
        <v>63</v>
      </c>
      <c r="M190" s="16">
        <v>437</v>
      </c>
      <c r="N190" s="16">
        <v>1059</v>
      </c>
      <c r="O190" s="16">
        <v>5</v>
      </c>
      <c r="P190" s="16">
        <v>2</v>
      </c>
      <c r="Q190" s="16">
        <v>248</v>
      </c>
      <c r="R190" s="16">
        <v>300</v>
      </c>
      <c r="S190" s="16">
        <v>30</v>
      </c>
      <c r="T190" s="16">
        <v>125</v>
      </c>
      <c r="U190" s="16">
        <v>34</v>
      </c>
      <c r="V190" s="16">
        <v>116</v>
      </c>
      <c r="W190" s="16">
        <v>13</v>
      </c>
      <c r="X190" s="16">
        <v>186</v>
      </c>
      <c r="Y190" s="16">
        <v>123</v>
      </c>
      <c r="Z190" s="16">
        <v>1016</v>
      </c>
      <c r="AA190" s="22" t="s">
        <v>268</v>
      </c>
      <c r="AB190" s="16">
        <v>993</v>
      </c>
      <c r="AC190" s="22" t="s">
        <v>268</v>
      </c>
      <c r="AD190" s="22" t="s">
        <v>268</v>
      </c>
    </row>
    <row r="191" spans="1:30">
      <c r="A191" s="21" t="s">
        <v>240</v>
      </c>
      <c r="B191" s="21" t="s">
        <v>237</v>
      </c>
      <c r="C191" s="21" t="s">
        <v>265</v>
      </c>
      <c r="D191" s="21" t="s">
        <v>214</v>
      </c>
      <c r="E191" s="21" t="s">
        <v>214</v>
      </c>
      <c r="F191" s="21" t="s">
        <v>407</v>
      </c>
      <c r="G191" s="16">
        <v>4773</v>
      </c>
      <c r="H191" s="16">
        <v>3473</v>
      </c>
      <c r="I191" s="16">
        <v>2472</v>
      </c>
      <c r="J191" s="16">
        <v>318</v>
      </c>
      <c r="K191" s="16">
        <v>1692</v>
      </c>
      <c r="L191" s="16">
        <v>73</v>
      </c>
      <c r="M191" s="16">
        <v>389</v>
      </c>
      <c r="N191" s="16">
        <v>1001</v>
      </c>
      <c r="O191" s="16">
        <v>5</v>
      </c>
      <c r="P191" s="16">
        <v>6</v>
      </c>
      <c r="Q191" s="16">
        <v>162</v>
      </c>
      <c r="R191" s="16">
        <v>318</v>
      </c>
      <c r="S191" s="16">
        <v>23</v>
      </c>
      <c r="T191" s="16">
        <v>123</v>
      </c>
      <c r="U191" s="16">
        <v>56</v>
      </c>
      <c r="V191" s="16">
        <v>135</v>
      </c>
      <c r="W191" s="16">
        <v>20</v>
      </c>
      <c r="X191" s="16">
        <v>153</v>
      </c>
      <c r="Y191" s="16">
        <v>118</v>
      </c>
      <c r="Z191" s="16">
        <v>1182</v>
      </c>
      <c r="AA191" s="22" t="s">
        <v>268</v>
      </c>
      <c r="AB191" s="16">
        <v>918</v>
      </c>
      <c r="AC191" s="22" t="s">
        <v>268</v>
      </c>
      <c r="AD191" s="22" t="s">
        <v>268</v>
      </c>
    </row>
    <row r="192" spans="1:30">
      <c r="A192" s="21" t="s">
        <v>240</v>
      </c>
      <c r="B192" s="21" t="s">
        <v>237</v>
      </c>
      <c r="C192" s="21" t="s">
        <v>265</v>
      </c>
      <c r="D192" s="21" t="s">
        <v>214</v>
      </c>
      <c r="E192" s="21" t="s">
        <v>214</v>
      </c>
      <c r="F192" s="21" t="s">
        <v>408</v>
      </c>
      <c r="G192" s="16">
        <v>5495</v>
      </c>
      <c r="H192" s="16">
        <v>4601</v>
      </c>
      <c r="I192" s="16">
        <v>3505</v>
      </c>
      <c r="J192" s="16">
        <v>376</v>
      </c>
      <c r="K192" s="16">
        <v>2641</v>
      </c>
      <c r="L192" s="16">
        <v>74</v>
      </c>
      <c r="M192" s="16">
        <v>414</v>
      </c>
      <c r="N192" s="16">
        <v>1096</v>
      </c>
      <c r="O192" s="16">
        <v>11</v>
      </c>
      <c r="P192" s="16">
        <v>15</v>
      </c>
      <c r="Q192" s="16">
        <v>195</v>
      </c>
      <c r="R192" s="16">
        <v>270</v>
      </c>
      <c r="S192" s="16">
        <v>17</v>
      </c>
      <c r="T192" s="16">
        <v>126</v>
      </c>
      <c r="U192" s="16">
        <v>99</v>
      </c>
      <c r="V192" s="16">
        <v>185</v>
      </c>
      <c r="W192" s="16">
        <v>12</v>
      </c>
      <c r="X192" s="16">
        <v>166</v>
      </c>
      <c r="Y192" s="16">
        <v>87</v>
      </c>
      <c r="Z192" s="16">
        <v>807</v>
      </c>
      <c r="AA192" s="22" t="s">
        <v>268</v>
      </c>
      <c r="AB192" s="16">
        <v>993</v>
      </c>
      <c r="AC192" s="22" t="s">
        <v>268</v>
      </c>
      <c r="AD192" s="22" t="s">
        <v>268</v>
      </c>
    </row>
    <row r="193" spans="1:30">
      <c r="A193" s="21" t="s">
        <v>240</v>
      </c>
      <c r="B193" s="21" t="s">
        <v>237</v>
      </c>
      <c r="C193" s="21" t="s">
        <v>265</v>
      </c>
      <c r="D193" s="21" t="s">
        <v>214</v>
      </c>
      <c r="E193" s="21" t="s">
        <v>214</v>
      </c>
      <c r="F193" s="21" t="s">
        <v>409</v>
      </c>
      <c r="G193" s="16">
        <v>6343</v>
      </c>
      <c r="H193" s="16">
        <v>5644</v>
      </c>
      <c r="I193" s="16">
        <v>4308</v>
      </c>
      <c r="J193" s="16">
        <v>313</v>
      </c>
      <c r="K193" s="16">
        <v>3331</v>
      </c>
      <c r="L193" s="16">
        <v>96</v>
      </c>
      <c r="M193" s="16">
        <v>568</v>
      </c>
      <c r="N193" s="16">
        <v>1336</v>
      </c>
      <c r="O193" s="16">
        <v>33</v>
      </c>
      <c r="P193" s="16">
        <v>30</v>
      </c>
      <c r="Q193" s="16">
        <v>316</v>
      </c>
      <c r="R193" s="16">
        <v>299</v>
      </c>
      <c r="S193" s="16">
        <v>11</v>
      </c>
      <c r="T193" s="16">
        <v>164</v>
      </c>
      <c r="U193" s="16">
        <v>76</v>
      </c>
      <c r="V193" s="16">
        <v>244</v>
      </c>
      <c r="W193" s="16">
        <v>23</v>
      </c>
      <c r="X193" s="16">
        <v>140</v>
      </c>
      <c r="Y193" s="16">
        <v>65</v>
      </c>
      <c r="Z193" s="16">
        <v>634</v>
      </c>
      <c r="AA193" s="22" t="s">
        <v>268</v>
      </c>
      <c r="AB193" s="16">
        <v>1201</v>
      </c>
      <c r="AC193" s="22" t="s">
        <v>268</v>
      </c>
      <c r="AD193" s="22" t="s">
        <v>268</v>
      </c>
    </row>
    <row r="194" spans="1:30">
      <c r="A194" s="21" t="s">
        <v>240</v>
      </c>
      <c r="B194" s="21" t="s">
        <v>237</v>
      </c>
      <c r="C194" s="21" t="s">
        <v>265</v>
      </c>
      <c r="D194" s="21" t="s">
        <v>214</v>
      </c>
      <c r="E194" s="21" t="s">
        <v>214</v>
      </c>
      <c r="F194" s="21" t="s">
        <v>410</v>
      </c>
      <c r="G194" s="16">
        <v>6895</v>
      </c>
      <c r="H194" s="16">
        <v>6304</v>
      </c>
      <c r="I194" s="16">
        <v>4847</v>
      </c>
      <c r="J194" s="16">
        <v>375</v>
      </c>
      <c r="K194" s="16">
        <v>3667</v>
      </c>
      <c r="L194" s="16">
        <v>115</v>
      </c>
      <c r="M194" s="16">
        <v>690</v>
      </c>
      <c r="N194" s="16">
        <v>1457</v>
      </c>
      <c r="O194" s="16">
        <v>31</v>
      </c>
      <c r="P194" s="16">
        <v>43</v>
      </c>
      <c r="Q194" s="16">
        <v>383</v>
      </c>
      <c r="R194" s="16">
        <v>356</v>
      </c>
      <c r="S194" s="16">
        <v>6</v>
      </c>
      <c r="T194" s="16">
        <v>172</v>
      </c>
      <c r="U194" s="16">
        <v>57</v>
      </c>
      <c r="V194" s="16">
        <v>231</v>
      </c>
      <c r="W194" s="16">
        <v>24</v>
      </c>
      <c r="X194" s="16">
        <v>154</v>
      </c>
      <c r="Y194" s="16">
        <v>68</v>
      </c>
      <c r="Z194" s="16">
        <v>523</v>
      </c>
      <c r="AA194" s="22" t="s">
        <v>268</v>
      </c>
      <c r="AB194" s="16">
        <v>1302</v>
      </c>
      <c r="AC194" s="22" t="s">
        <v>268</v>
      </c>
      <c r="AD194" s="22" t="s">
        <v>268</v>
      </c>
    </row>
    <row r="195" spans="1:30">
      <c r="A195" s="21" t="s">
        <v>240</v>
      </c>
      <c r="B195" s="21" t="s">
        <v>237</v>
      </c>
      <c r="C195" s="21" t="s">
        <v>265</v>
      </c>
      <c r="D195" s="21" t="s">
        <v>214</v>
      </c>
      <c r="E195" s="21" t="s">
        <v>214</v>
      </c>
      <c r="F195" s="21" t="s">
        <v>411</v>
      </c>
      <c r="G195" s="16">
        <v>7565</v>
      </c>
      <c r="H195" s="16">
        <v>6711</v>
      </c>
      <c r="I195" s="16">
        <v>5080</v>
      </c>
      <c r="J195" s="16">
        <v>665</v>
      </c>
      <c r="K195" s="16">
        <v>3413</v>
      </c>
      <c r="L195" s="16">
        <v>163</v>
      </c>
      <c r="M195" s="16">
        <v>839</v>
      </c>
      <c r="N195" s="16">
        <v>1631</v>
      </c>
      <c r="O195" s="16">
        <v>104</v>
      </c>
      <c r="P195" s="16">
        <v>76</v>
      </c>
      <c r="Q195" s="16">
        <v>465</v>
      </c>
      <c r="R195" s="16">
        <v>422</v>
      </c>
      <c r="S195" s="16">
        <v>8</v>
      </c>
      <c r="T195" s="16">
        <v>150</v>
      </c>
      <c r="U195" s="16">
        <v>55</v>
      </c>
      <c r="V195" s="16">
        <v>164</v>
      </c>
      <c r="W195" s="16">
        <v>30</v>
      </c>
      <c r="X195" s="16">
        <v>157</v>
      </c>
      <c r="Y195" s="16">
        <v>92</v>
      </c>
      <c r="Z195" s="16">
        <v>762</v>
      </c>
      <c r="AA195" s="22" t="s">
        <v>268</v>
      </c>
      <c r="AB195" s="16">
        <v>1359</v>
      </c>
      <c r="AC195" s="22" t="s">
        <v>268</v>
      </c>
      <c r="AD195" s="22" t="s">
        <v>268</v>
      </c>
    </row>
    <row r="196" spans="1:30">
      <c r="A196" s="21" t="s">
        <v>240</v>
      </c>
      <c r="B196" s="21" t="s">
        <v>237</v>
      </c>
      <c r="C196" s="21" t="s">
        <v>265</v>
      </c>
      <c r="D196" s="21" t="s">
        <v>214</v>
      </c>
      <c r="E196" s="21" t="s">
        <v>214</v>
      </c>
      <c r="F196" s="21" t="s">
        <v>412</v>
      </c>
      <c r="G196" s="16">
        <v>7265</v>
      </c>
      <c r="H196" s="16">
        <v>6383</v>
      </c>
      <c r="I196" s="16">
        <v>4587</v>
      </c>
      <c r="J196" s="16">
        <v>1056</v>
      </c>
      <c r="K196" s="16">
        <v>2535</v>
      </c>
      <c r="L196" s="16">
        <v>135</v>
      </c>
      <c r="M196" s="16">
        <v>861</v>
      </c>
      <c r="N196" s="16">
        <v>1796</v>
      </c>
      <c r="O196" s="16">
        <v>173</v>
      </c>
      <c r="P196" s="16">
        <v>214</v>
      </c>
      <c r="Q196" s="16">
        <v>356</v>
      </c>
      <c r="R196" s="16">
        <v>495</v>
      </c>
      <c r="S196" s="16">
        <v>11</v>
      </c>
      <c r="T196" s="16">
        <v>130</v>
      </c>
      <c r="U196" s="16">
        <v>74</v>
      </c>
      <c r="V196" s="16">
        <v>130</v>
      </c>
      <c r="W196" s="16">
        <v>57</v>
      </c>
      <c r="X196" s="16">
        <v>156</v>
      </c>
      <c r="Y196" s="16">
        <v>74</v>
      </c>
      <c r="Z196" s="16">
        <v>808</v>
      </c>
      <c r="AA196" s="22" t="s">
        <v>268</v>
      </c>
      <c r="AB196" s="16">
        <v>1263</v>
      </c>
      <c r="AC196" s="22" t="s">
        <v>268</v>
      </c>
      <c r="AD196" s="22" t="s">
        <v>268</v>
      </c>
    </row>
    <row r="197" spans="1:30">
      <c r="A197" s="21" t="s">
        <v>240</v>
      </c>
      <c r="B197" s="21" t="s">
        <v>237</v>
      </c>
      <c r="C197" s="21" t="s">
        <v>265</v>
      </c>
      <c r="D197" s="21" t="s">
        <v>214</v>
      </c>
      <c r="E197" s="21" t="s">
        <v>214</v>
      </c>
      <c r="F197" s="21" t="s">
        <v>413</v>
      </c>
      <c r="G197" s="16">
        <v>7711</v>
      </c>
      <c r="H197" s="16">
        <v>6616</v>
      </c>
      <c r="I197" s="16">
        <v>4496</v>
      </c>
      <c r="J197" s="16">
        <v>1730</v>
      </c>
      <c r="K197" s="16">
        <v>1822</v>
      </c>
      <c r="L197" s="16">
        <v>148</v>
      </c>
      <c r="M197" s="16">
        <v>796</v>
      </c>
      <c r="N197" s="16">
        <v>2120</v>
      </c>
      <c r="O197" s="16">
        <v>205</v>
      </c>
      <c r="P197" s="16">
        <v>476</v>
      </c>
      <c r="Q197" s="16">
        <v>280</v>
      </c>
      <c r="R197" s="16">
        <v>459</v>
      </c>
      <c r="S197" s="16">
        <v>25</v>
      </c>
      <c r="T197" s="16">
        <v>139</v>
      </c>
      <c r="U197" s="16">
        <v>119</v>
      </c>
      <c r="V197" s="16">
        <v>159</v>
      </c>
      <c r="W197" s="16">
        <v>76</v>
      </c>
      <c r="X197" s="16">
        <v>182</v>
      </c>
      <c r="Y197" s="16">
        <v>81</v>
      </c>
      <c r="Z197" s="16">
        <v>1014</v>
      </c>
      <c r="AA197" s="22" t="s">
        <v>268</v>
      </c>
      <c r="AB197" s="16">
        <v>1242</v>
      </c>
      <c r="AC197" s="22" t="s">
        <v>268</v>
      </c>
      <c r="AD197" s="22" t="s">
        <v>268</v>
      </c>
    </row>
    <row r="198" spans="1:30">
      <c r="A198" s="21" t="s">
        <v>240</v>
      </c>
      <c r="B198" s="21" t="s">
        <v>237</v>
      </c>
      <c r="C198" s="21" t="s">
        <v>265</v>
      </c>
      <c r="D198" s="21" t="s">
        <v>214</v>
      </c>
      <c r="E198" s="21" t="s">
        <v>214</v>
      </c>
      <c r="F198" s="21" t="s">
        <v>414</v>
      </c>
      <c r="G198" s="16">
        <v>8429</v>
      </c>
      <c r="H198" s="16">
        <v>7170</v>
      </c>
      <c r="I198" s="16">
        <v>4803</v>
      </c>
      <c r="J198" s="16">
        <v>2516</v>
      </c>
      <c r="K198" s="16">
        <v>1533</v>
      </c>
      <c r="L198" s="16">
        <v>118</v>
      </c>
      <c r="M198" s="16">
        <v>636</v>
      </c>
      <c r="N198" s="16">
        <v>2367</v>
      </c>
      <c r="O198" s="16">
        <v>150</v>
      </c>
      <c r="P198" s="16">
        <v>628</v>
      </c>
      <c r="Q198" s="16">
        <v>267</v>
      </c>
      <c r="R198" s="16">
        <v>454</v>
      </c>
      <c r="S198" s="16">
        <v>54</v>
      </c>
      <c r="T198" s="16">
        <v>180</v>
      </c>
      <c r="U198" s="16">
        <v>109</v>
      </c>
      <c r="V198" s="16">
        <v>245</v>
      </c>
      <c r="W198" s="16">
        <v>128</v>
      </c>
      <c r="X198" s="16">
        <v>152</v>
      </c>
      <c r="Y198" s="16">
        <v>60</v>
      </c>
      <c r="Z198" s="16">
        <v>1199</v>
      </c>
      <c r="AA198" s="22" t="s">
        <v>268</v>
      </c>
      <c r="AB198" s="16">
        <v>1308</v>
      </c>
      <c r="AC198" s="16">
        <v>765</v>
      </c>
      <c r="AD198" s="22" t="s">
        <v>268</v>
      </c>
    </row>
    <row r="199" spans="1:30">
      <c r="A199" s="21" t="s">
        <v>240</v>
      </c>
      <c r="B199" s="21" t="s">
        <v>237</v>
      </c>
      <c r="C199" s="21" t="s">
        <v>265</v>
      </c>
      <c r="D199" s="21" t="s">
        <v>214</v>
      </c>
      <c r="E199" s="21" t="s">
        <v>214</v>
      </c>
      <c r="F199" s="21" t="s">
        <v>415</v>
      </c>
      <c r="G199" s="16">
        <v>9498</v>
      </c>
      <c r="H199" s="16">
        <v>7988</v>
      </c>
      <c r="I199" s="16">
        <v>5755</v>
      </c>
      <c r="J199" s="16">
        <v>3519</v>
      </c>
      <c r="K199" s="16">
        <v>1644</v>
      </c>
      <c r="L199" s="16">
        <v>97</v>
      </c>
      <c r="M199" s="16">
        <v>495</v>
      </c>
      <c r="N199" s="16">
        <v>2233</v>
      </c>
      <c r="O199" s="16">
        <v>96</v>
      </c>
      <c r="P199" s="16">
        <v>405</v>
      </c>
      <c r="Q199" s="16">
        <v>386</v>
      </c>
      <c r="R199" s="16">
        <v>311</v>
      </c>
      <c r="S199" s="16">
        <v>110</v>
      </c>
      <c r="T199" s="16">
        <v>292</v>
      </c>
      <c r="U199" s="16">
        <v>80</v>
      </c>
      <c r="V199" s="16">
        <v>238</v>
      </c>
      <c r="W199" s="16">
        <v>152</v>
      </c>
      <c r="X199" s="16">
        <v>163</v>
      </c>
      <c r="Y199" s="16">
        <v>77</v>
      </c>
      <c r="Z199" s="16">
        <v>1433</v>
      </c>
      <c r="AA199" s="22" t="s">
        <v>268</v>
      </c>
      <c r="AB199" s="16">
        <v>1359</v>
      </c>
      <c r="AC199" s="16">
        <v>3264</v>
      </c>
      <c r="AD199" s="16">
        <v>1433</v>
      </c>
    </row>
    <row r="200" spans="1:30">
      <c r="A200" s="21" t="s">
        <v>240</v>
      </c>
      <c r="B200" s="21" t="s">
        <v>237</v>
      </c>
      <c r="C200" s="21" t="s">
        <v>265</v>
      </c>
      <c r="D200" s="21" t="s">
        <v>214</v>
      </c>
      <c r="E200" s="21" t="s">
        <v>214</v>
      </c>
      <c r="F200" s="21" t="s">
        <v>416</v>
      </c>
      <c r="G200" s="16">
        <v>9492</v>
      </c>
      <c r="H200" s="16">
        <v>7909</v>
      </c>
      <c r="I200" s="16">
        <v>5987</v>
      </c>
      <c r="J200" s="16">
        <v>3869</v>
      </c>
      <c r="K200" s="16">
        <v>1552</v>
      </c>
      <c r="L200" s="16">
        <v>108</v>
      </c>
      <c r="M200" s="16">
        <v>458</v>
      </c>
      <c r="N200" s="16">
        <v>1922</v>
      </c>
      <c r="O200" s="16">
        <v>89</v>
      </c>
      <c r="P200" s="16">
        <v>228</v>
      </c>
      <c r="Q200" s="16">
        <v>460</v>
      </c>
      <c r="R200" s="16">
        <v>270</v>
      </c>
      <c r="S200" s="16">
        <v>118</v>
      </c>
      <c r="T200" s="16">
        <v>298</v>
      </c>
      <c r="U200" s="16">
        <v>50</v>
      </c>
      <c r="V200" s="16">
        <v>137</v>
      </c>
      <c r="W200" s="16">
        <v>117</v>
      </c>
      <c r="X200" s="16">
        <v>155</v>
      </c>
      <c r="Y200" s="16">
        <v>62</v>
      </c>
      <c r="Z200" s="16">
        <v>1521</v>
      </c>
      <c r="AA200" s="22" t="s">
        <v>268</v>
      </c>
      <c r="AB200" s="16">
        <v>1286</v>
      </c>
      <c r="AC200" s="16">
        <v>3808</v>
      </c>
      <c r="AD200" s="16">
        <v>1521</v>
      </c>
    </row>
    <row r="201" spans="1:30">
      <c r="A201" s="21" t="s">
        <v>240</v>
      </c>
      <c r="B201" s="21" t="s">
        <v>237</v>
      </c>
      <c r="C201" s="21" t="s">
        <v>265</v>
      </c>
      <c r="D201" s="21" t="s">
        <v>214</v>
      </c>
      <c r="E201" s="21" t="s">
        <v>214</v>
      </c>
      <c r="F201" s="21" t="s">
        <v>417</v>
      </c>
      <c r="G201" s="16">
        <v>7183</v>
      </c>
      <c r="H201" s="16">
        <v>5884</v>
      </c>
      <c r="I201" s="16">
        <v>4452</v>
      </c>
      <c r="J201" s="16">
        <v>2738</v>
      </c>
      <c r="K201" s="16">
        <v>1148</v>
      </c>
      <c r="L201" s="16">
        <v>86</v>
      </c>
      <c r="M201" s="16">
        <v>480</v>
      </c>
      <c r="N201" s="16">
        <v>1432</v>
      </c>
      <c r="O201" s="16">
        <v>157</v>
      </c>
      <c r="P201" s="16">
        <v>101</v>
      </c>
      <c r="Q201" s="16">
        <v>375</v>
      </c>
      <c r="R201" s="16">
        <v>237</v>
      </c>
      <c r="S201" s="16">
        <v>66</v>
      </c>
      <c r="T201" s="16">
        <v>190</v>
      </c>
      <c r="U201" s="16">
        <v>50</v>
      </c>
      <c r="V201" s="16">
        <v>70</v>
      </c>
      <c r="W201" s="16">
        <v>66</v>
      </c>
      <c r="X201" s="16">
        <v>120</v>
      </c>
      <c r="Y201" s="16">
        <v>41</v>
      </c>
      <c r="Z201" s="16">
        <v>1258</v>
      </c>
      <c r="AA201" s="22" t="s">
        <v>268</v>
      </c>
      <c r="AB201" s="16">
        <v>976</v>
      </c>
      <c r="AC201" s="16">
        <v>2729</v>
      </c>
      <c r="AD201" s="16">
        <v>1258</v>
      </c>
    </row>
    <row r="202" spans="1:30">
      <c r="A202" s="21" t="s">
        <v>240</v>
      </c>
      <c r="B202" s="21" t="s">
        <v>237</v>
      </c>
      <c r="C202" s="21" t="s">
        <v>265</v>
      </c>
      <c r="D202" s="21" t="s">
        <v>214</v>
      </c>
      <c r="E202" s="21" t="s">
        <v>214</v>
      </c>
      <c r="F202" s="21" t="s">
        <v>418</v>
      </c>
      <c r="G202" s="16">
        <v>5919</v>
      </c>
      <c r="H202" s="16">
        <v>4714</v>
      </c>
      <c r="I202" s="16">
        <v>3217</v>
      </c>
      <c r="J202" s="16">
        <v>1831</v>
      </c>
      <c r="K202" s="16">
        <v>765</v>
      </c>
      <c r="L202" s="16">
        <v>92</v>
      </c>
      <c r="M202" s="16">
        <v>529</v>
      </c>
      <c r="N202" s="16">
        <v>1497</v>
      </c>
      <c r="O202" s="16">
        <v>209</v>
      </c>
      <c r="P202" s="16">
        <v>239</v>
      </c>
      <c r="Q202" s="16">
        <v>310</v>
      </c>
      <c r="R202" s="16">
        <v>235</v>
      </c>
      <c r="S202" s="16">
        <v>42</v>
      </c>
      <c r="T202" s="16">
        <v>113</v>
      </c>
      <c r="U202" s="16">
        <v>72</v>
      </c>
      <c r="V202" s="16">
        <v>94</v>
      </c>
      <c r="W202" s="16">
        <v>31</v>
      </c>
      <c r="X202" s="16">
        <v>152</v>
      </c>
      <c r="Y202" s="16">
        <v>34</v>
      </c>
      <c r="Z202" s="16">
        <v>1171</v>
      </c>
      <c r="AA202" s="22" t="s">
        <v>268</v>
      </c>
      <c r="AB202" s="16">
        <v>911</v>
      </c>
      <c r="AC202" s="16">
        <v>1830</v>
      </c>
      <c r="AD202" s="16">
        <v>1171</v>
      </c>
    </row>
    <row r="203" spans="1:30">
      <c r="A203" s="21" t="s">
        <v>240</v>
      </c>
      <c r="B203" s="21" t="s">
        <v>237</v>
      </c>
      <c r="C203" s="21" t="s">
        <v>265</v>
      </c>
      <c r="D203" s="21" t="s">
        <v>214</v>
      </c>
      <c r="E203" s="21" t="s">
        <v>214</v>
      </c>
      <c r="F203" s="21" t="s">
        <v>419</v>
      </c>
      <c r="G203" s="16">
        <v>4112</v>
      </c>
      <c r="H203" s="16">
        <v>3155</v>
      </c>
      <c r="I203" s="16">
        <v>1789</v>
      </c>
      <c r="J203" s="16">
        <v>852</v>
      </c>
      <c r="K203" s="16">
        <v>359</v>
      </c>
      <c r="L203" s="16">
        <v>99</v>
      </c>
      <c r="M203" s="16">
        <v>479</v>
      </c>
      <c r="N203" s="16">
        <v>1366</v>
      </c>
      <c r="O203" s="16">
        <v>156</v>
      </c>
      <c r="P203" s="16">
        <v>337</v>
      </c>
      <c r="Q203" s="16">
        <v>143</v>
      </c>
      <c r="R203" s="16">
        <v>287</v>
      </c>
      <c r="S203" s="16">
        <v>20</v>
      </c>
      <c r="T203" s="16">
        <v>55</v>
      </c>
      <c r="U203" s="16">
        <v>86</v>
      </c>
      <c r="V203" s="16">
        <v>126</v>
      </c>
      <c r="W203" s="16">
        <v>22</v>
      </c>
      <c r="X203" s="16">
        <v>134</v>
      </c>
      <c r="Y203" s="16">
        <v>16</v>
      </c>
      <c r="Z203" s="16">
        <v>941</v>
      </c>
      <c r="AA203" s="22" t="s">
        <v>268</v>
      </c>
      <c r="AB203" s="16">
        <v>780</v>
      </c>
      <c r="AC203" s="16">
        <v>851</v>
      </c>
      <c r="AD203" s="16">
        <v>941</v>
      </c>
    </row>
    <row r="204" spans="1:30">
      <c r="A204" s="21" t="s">
        <v>240</v>
      </c>
      <c r="B204" s="21" t="s">
        <v>237</v>
      </c>
      <c r="C204" s="21" t="s">
        <v>265</v>
      </c>
      <c r="D204" s="21" t="s">
        <v>214</v>
      </c>
      <c r="E204" s="21" t="s">
        <v>214</v>
      </c>
      <c r="F204" s="21" t="s">
        <v>420</v>
      </c>
      <c r="G204" s="16">
        <v>1706</v>
      </c>
      <c r="H204" s="16">
        <v>1344</v>
      </c>
      <c r="I204" s="16">
        <v>576</v>
      </c>
      <c r="J204" s="16">
        <v>212</v>
      </c>
      <c r="K204" s="16">
        <v>81</v>
      </c>
      <c r="L204" s="16">
        <v>47</v>
      </c>
      <c r="M204" s="16">
        <v>236</v>
      </c>
      <c r="N204" s="16">
        <v>768</v>
      </c>
      <c r="O204" s="16">
        <v>66</v>
      </c>
      <c r="P204" s="16">
        <v>260</v>
      </c>
      <c r="Q204" s="16">
        <v>16</v>
      </c>
      <c r="R204" s="16">
        <v>154</v>
      </c>
      <c r="S204" s="16">
        <v>13</v>
      </c>
      <c r="T204" s="16">
        <v>22</v>
      </c>
      <c r="U204" s="16">
        <v>45</v>
      </c>
      <c r="V204" s="16">
        <v>105</v>
      </c>
      <c r="W204" s="16">
        <v>8</v>
      </c>
      <c r="X204" s="16">
        <v>79</v>
      </c>
      <c r="Y204" s="16">
        <v>7</v>
      </c>
      <c r="Z204" s="16">
        <v>355</v>
      </c>
      <c r="AA204" s="22" t="s">
        <v>268</v>
      </c>
      <c r="AB204" s="16">
        <v>384</v>
      </c>
      <c r="AC204" s="16">
        <v>212</v>
      </c>
      <c r="AD204" s="16">
        <v>355</v>
      </c>
    </row>
    <row r="205" spans="1:30">
      <c r="A205" s="21" t="s">
        <v>240</v>
      </c>
      <c r="B205" s="21" t="s">
        <v>237</v>
      </c>
      <c r="C205" s="21" t="s">
        <v>265</v>
      </c>
      <c r="D205" s="21" t="s">
        <v>214</v>
      </c>
      <c r="E205" s="21" t="s">
        <v>214</v>
      </c>
      <c r="F205" s="21" t="s">
        <v>421</v>
      </c>
      <c r="G205" s="16">
        <v>339</v>
      </c>
      <c r="H205" s="16">
        <v>280</v>
      </c>
      <c r="I205" s="16">
        <v>103</v>
      </c>
      <c r="J205" s="16">
        <v>16</v>
      </c>
      <c r="K205" s="16">
        <v>7</v>
      </c>
      <c r="L205" s="16">
        <v>13</v>
      </c>
      <c r="M205" s="16">
        <v>67</v>
      </c>
      <c r="N205" s="16">
        <v>177</v>
      </c>
      <c r="O205" s="16">
        <v>10</v>
      </c>
      <c r="P205" s="16">
        <v>68</v>
      </c>
      <c r="Q205" s="16">
        <v>3</v>
      </c>
      <c r="R205" s="16">
        <v>33</v>
      </c>
      <c r="S205" s="16">
        <v>3</v>
      </c>
      <c r="T205" s="16">
        <v>2</v>
      </c>
      <c r="U205" s="16">
        <v>13</v>
      </c>
      <c r="V205" s="16">
        <v>22</v>
      </c>
      <c r="W205" s="16">
        <v>1</v>
      </c>
      <c r="X205" s="16">
        <v>22</v>
      </c>
      <c r="Y205" s="16">
        <v>3</v>
      </c>
      <c r="Z205" s="16">
        <v>56</v>
      </c>
      <c r="AA205" s="22" t="s">
        <v>268</v>
      </c>
      <c r="AB205" s="16">
        <v>84</v>
      </c>
      <c r="AC205" s="16">
        <v>16</v>
      </c>
      <c r="AD205" s="16">
        <v>56</v>
      </c>
    </row>
    <row r="206" spans="1:30">
      <c r="A206" s="21" t="s">
        <v>240</v>
      </c>
      <c r="B206" s="21" t="s">
        <v>237</v>
      </c>
      <c r="C206" s="21" t="s">
        <v>265</v>
      </c>
      <c r="D206" s="21" t="s">
        <v>214</v>
      </c>
      <c r="E206" s="21" t="s">
        <v>214</v>
      </c>
      <c r="F206" s="21" t="s">
        <v>422</v>
      </c>
      <c r="G206" s="16">
        <v>27</v>
      </c>
      <c r="H206" s="16">
        <v>23</v>
      </c>
      <c r="I206" s="16">
        <v>6</v>
      </c>
      <c r="J206" s="16">
        <v>1</v>
      </c>
      <c r="K206" s="22" t="s">
        <v>268</v>
      </c>
      <c r="L206" s="16">
        <v>1</v>
      </c>
      <c r="M206" s="16">
        <v>4</v>
      </c>
      <c r="N206" s="16">
        <v>17</v>
      </c>
      <c r="O206" s="22" t="s">
        <v>268</v>
      </c>
      <c r="P206" s="16">
        <v>7</v>
      </c>
      <c r="Q206" s="22" t="s">
        <v>268</v>
      </c>
      <c r="R206" s="16">
        <v>4</v>
      </c>
      <c r="S206" s="22" t="s">
        <v>268</v>
      </c>
      <c r="T206" s="16">
        <v>1</v>
      </c>
      <c r="U206" s="22" t="s">
        <v>268</v>
      </c>
      <c r="V206" s="16">
        <v>3</v>
      </c>
      <c r="W206" s="22" t="s">
        <v>268</v>
      </c>
      <c r="X206" s="16">
        <v>2</v>
      </c>
      <c r="Y206" s="22" t="s">
        <v>268</v>
      </c>
      <c r="Z206" s="16">
        <v>4</v>
      </c>
      <c r="AA206" s="22" t="s">
        <v>268</v>
      </c>
      <c r="AB206" s="16">
        <v>10</v>
      </c>
      <c r="AC206" s="16">
        <v>1</v>
      </c>
      <c r="AD206" s="16">
        <v>4</v>
      </c>
    </row>
    <row r="207" spans="1:30">
      <c r="A207" s="21" t="s">
        <v>240</v>
      </c>
      <c r="B207" s="21" t="s">
        <v>237</v>
      </c>
      <c r="C207" s="21" t="s">
        <v>265</v>
      </c>
      <c r="D207" s="21" t="s">
        <v>214</v>
      </c>
      <c r="E207" s="21" t="s">
        <v>214</v>
      </c>
      <c r="F207" s="21" t="s">
        <v>423</v>
      </c>
      <c r="G207" s="16">
        <v>1197</v>
      </c>
      <c r="H207" s="22" t="s">
        <v>268</v>
      </c>
      <c r="I207" s="22" t="s">
        <v>268</v>
      </c>
      <c r="J207" s="22" t="s">
        <v>268</v>
      </c>
      <c r="K207" s="22" t="s">
        <v>268</v>
      </c>
      <c r="L207" s="22" t="s">
        <v>268</v>
      </c>
      <c r="M207" s="22" t="s">
        <v>268</v>
      </c>
      <c r="N207" s="22" t="s">
        <v>268</v>
      </c>
      <c r="O207" s="22" t="s">
        <v>268</v>
      </c>
      <c r="P207" s="22" t="s">
        <v>268</v>
      </c>
      <c r="Q207" s="22" t="s">
        <v>268</v>
      </c>
      <c r="R207" s="22" t="s">
        <v>268</v>
      </c>
      <c r="S207" s="22" t="s">
        <v>268</v>
      </c>
      <c r="T207" s="22" t="s">
        <v>268</v>
      </c>
      <c r="U207" s="22" t="s">
        <v>268</v>
      </c>
      <c r="V207" s="22" t="s">
        <v>268</v>
      </c>
      <c r="W207" s="22" t="s">
        <v>268</v>
      </c>
      <c r="X207" s="22" t="s">
        <v>268</v>
      </c>
      <c r="Y207" s="22" t="s">
        <v>268</v>
      </c>
      <c r="Z207" s="16">
        <v>1003</v>
      </c>
      <c r="AA207" s="16">
        <v>194</v>
      </c>
      <c r="AB207" s="22" t="s">
        <v>268</v>
      </c>
      <c r="AC207" s="22" t="s">
        <v>268</v>
      </c>
      <c r="AD207" s="22" t="s">
        <v>268</v>
      </c>
    </row>
    <row r="208" spans="1:30">
      <c r="A208" s="21" t="s">
        <v>240</v>
      </c>
      <c r="B208" s="21" t="s">
        <v>237</v>
      </c>
      <c r="C208" s="21" t="s">
        <v>265</v>
      </c>
      <c r="D208" s="21" t="s">
        <v>214</v>
      </c>
      <c r="E208" s="21" t="s">
        <v>214</v>
      </c>
      <c r="F208" s="21" t="s">
        <v>386</v>
      </c>
      <c r="G208" s="16">
        <v>14645</v>
      </c>
      <c r="H208" s="16">
        <v>14569</v>
      </c>
      <c r="I208" s="16">
        <v>10859</v>
      </c>
      <c r="J208" s="22" t="s">
        <v>268</v>
      </c>
      <c r="K208" s="16">
        <v>9327</v>
      </c>
      <c r="L208" s="16">
        <v>109</v>
      </c>
      <c r="M208" s="16">
        <v>1423</v>
      </c>
      <c r="N208" s="16">
        <v>3710</v>
      </c>
      <c r="O208" s="22" t="s">
        <v>268</v>
      </c>
      <c r="P208" s="22" t="s">
        <v>268</v>
      </c>
      <c r="Q208" s="16">
        <v>1092</v>
      </c>
      <c r="R208" s="16">
        <v>796</v>
      </c>
      <c r="S208" s="16">
        <v>56</v>
      </c>
      <c r="T208" s="16">
        <v>487</v>
      </c>
      <c r="U208" s="16">
        <v>218</v>
      </c>
      <c r="V208" s="16">
        <v>709</v>
      </c>
      <c r="W208" s="16">
        <v>1</v>
      </c>
      <c r="X208" s="16">
        <v>351</v>
      </c>
      <c r="Y208" s="16">
        <v>76</v>
      </c>
      <c r="Z208" s="22" t="s">
        <v>268</v>
      </c>
      <c r="AA208" s="22" t="s">
        <v>268</v>
      </c>
      <c r="AB208" s="16">
        <v>3630</v>
      </c>
      <c r="AC208" s="22" t="s">
        <v>268</v>
      </c>
      <c r="AD208" s="22" t="s">
        <v>268</v>
      </c>
    </row>
    <row r="209" spans="1:30">
      <c r="A209" s="21" t="s">
        <v>240</v>
      </c>
      <c r="B209" s="21" t="s">
        <v>237</v>
      </c>
      <c r="C209" s="21" t="s">
        <v>265</v>
      </c>
      <c r="D209" s="21" t="s">
        <v>214</v>
      </c>
      <c r="E209" s="21" t="s">
        <v>214</v>
      </c>
      <c r="F209" s="21" t="s">
        <v>387</v>
      </c>
      <c r="G209" s="16">
        <v>63709</v>
      </c>
      <c r="H209" s="16">
        <v>54859</v>
      </c>
      <c r="I209" s="16">
        <v>39555</v>
      </c>
      <c r="J209" s="16">
        <v>7452</v>
      </c>
      <c r="K209" s="16">
        <v>24627</v>
      </c>
      <c r="L209" s="16">
        <v>1084</v>
      </c>
      <c r="M209" s="16">
        <v>6392</v>
      </c>
      <c r="N209" s="16">
        <v>15304</v>
      </c>
      <c r="O209" s="16">
        <v>717</v>
      </c>
      <c r="P209" s="16">
        <v>1490</v>
      </c>
      <c r="Q209" s="16">
        <v>3078</v>
      </c>
      <c r="R209" s="16">
        <v>3744</v>
      </c>
      <c r="S209" s="16">
        <v>209</v>
      </c>
      <c r="T209" s="16">
        <v>1541</v>
      </c>
      <c r="U209" s="16">
        <v>707</v>
      </c>
      <c r="V209" s="16">
        <v>1767</v>
      </c>
      <c r="W209" s="16">
        <v>388</v>
      </c>
      <c r="X209" s="16">
        <v>1663</v>
      </c>
      <c r="Y209" s="16">
        <v>801</v>
      </c>
      <c r="Z209" s="16">
        <v>8049</v>
      </c>
      <c r="AA209" s="22" t="s">
        <v>268</v>
      </c>
      <c r="AB209" s="16">
        <v>11950</v>
      </c>
      <c r="AC209" s="16">
        <v>765</v>
      </c>
      <c r="AD209" s="22" t="s">
        <v>268</v>
      </c>
    </row>
    <row r="210" spans="1:30">
      <c r="A210" s="21" t="s">
        <v>240</v>
      </c>
      <c r="B210" s="21" t="s">
        <v>237</v>
      </c>
      <c r="C210" s="21" t="s">
        <v>265</v>
      </c>
      <c r="D210" s="21" t="s">
        <v>214</v>
      </c>
      <c r="E210" s="21" t="s">
        <v>214</v>
      </c>
      <c r="F210" s="21" t="s">
        <v>388</v>
      </c>
      <c r="G210" s="16">
        <v>38276</v>
      </c>
      <c r="H210" s="16">
        <v>31297</v>
      </c>
      <c r="I210" s="16">
        <v>21885</v>
      </c>
      <c r="J210" s="16">
        <v>13038</v>
      </c>
      <c r="K210" s="16">
        <v>5556</v>
      </c>
      <c r="L210" s="16">
        <v>543</v>
      </c>
      <c r="M210" s="16">
        <v>2748</v>
      </c>
      <c r="N210" s="16">
        <v>9412</v>
      </c>
      <c r="O210" s="16">
        <v>783</v>
      </c>
      <c r="P210" s="16">
        <v>1645</v>
      </c>
      <c r="Q210" s="16">
        <v>1693</v>
      </c>
      <c r="R210" s="16">
        <v>1531</v>
      </c>
      <c r="S210" s="16">
        <v>372</v>
      </c>
      <c r="T210" s="16">
        <v>973</v>
      </c>
      <c r="U210" s="16">
        <v>396</v>
      </c>
      <c r="V210" s="16">
        <v>795</v>
      </c>
      <c r="W210" s="16">
        <v>397</v>
      </c>
      <c r="X210" s="16">
        <v>827</v>
      </c>
      <c r="Y210" s="16">
        <v>240</v>
      </c>
      <c r="Z210" s="16">
        <v>6739</v>
      </c>
      <c r="AA210" s="22" t="s">
        <v>268</v>
      </c>
      <c r="AB210" s="16">
        <v>5790</v>
      </c>
      <c r="AC210" s="16">
        <v>12711</v>
      </c>
      <c r="AD210" s="16">
        <v>6739</v>
      </c>
    </row>
    <row r="211" spans="1:30">
      <c r="A211" s="21" t="s">
        <v>240</v>
      </c>
      <c r="B211" s="21" t="s">
        <v>237</v>
      </c>
      <c r="C211" s="21" t="s">
        <v>265</v>
      </c>
      <c r="D211" s="21" t="s">
        <v>214</v>
      </c>
      <c r="E211" s="21" t="s">
        <v>214</v>
      </c>
      <c r="F211" s="21" t="s">
        <v>389</v>
      </c>
      <c r="G211" s="16">
        <v>19286</v>
      </c>
      <c r="H211" s="16">
        <v>15400</v>
      </c>
      <c r="I211" s="16">
        <v>10143</v>
      </c>
      <c r="J211" s="16">
        <v>5650</v>
      </c>
      <c r="K211" s="16">
        <v>2360</v>
      </c>
      <c r="L211" s="16">
        <v>338</v>
      </c>
      <c r="M211" s="16">
        <v>1795</v>
      </c>
      <c r="N211" s="16">
        <v>5257</v>
      </c>
      <c r="O211" s="16">
        <v>598</v>
      </c>
      <c r="P211" s="16">
        <v>1012</v>
      </c>
      <c r="Q211" s="16">
        <v>847</v>
      </c>
      <c r="R211" s="16">
        <v>950</v>
      </c>
      <c r="S211" s="16">
        <v>144</v>
      </c>
      <c r="T211" s="16">
        <v>383</v>
      </c>
      <c r="U211" s="16">
        <v>266</v>
      </c>
      <c r="V211" s="16">
        <v>420</v>
      </c>
      <c r="W211" s="16">
        <v>128</v>
      </c>
      <c r="X211" s="16">
        <v>509</v>
      </c>
      <c r="Y211" s="16">
        <v>101</v>
      </c>
      <c r="Z211" s="16">
        <v>3785</v>
      </c>
      <c r="AA211" s="22" t="s">
        <v>268</v>
      </c>
      <c r="AB211" s="16">
        <v>3145</v>
      </c>
      <c r="AC211" s="16">
        <v>5639</v>
      </c>
      <c r="AD211" s="16">
        <v>3785</v>
      </c>
    </row>
    <row r="212" spans="1:30">
      <c r="A212" s="21" t="s">
        <v>240</v>
      </c>
      <c r="B212" s="21" t="s">
        <v>237</v>
      </c>
      <c r="C212" s="21" t="s">
        <v>265</v>
      </c>
      <c r="D212" s="21" t="s">
        <v>214</v>
      </c>
      <c r="E212" s="21" t="s">
        <v>214</v>
      </c>
      <c r="F212" s="21" t="s">
        <v>390</v>
      </c>
      <c r="G212" s="16">
        <v>6184</v>
      </c>
      <c r="H212" s="16">
        <v>4802</v>
      </c>
      <c r="I212" s="16">
        <v>2474</v>
      </c>
      <c r="J212" s="16">
        <v>1081</v>
      </c>
      <c r="K212" s="16">
        <v>447</v>
      </c>
      <c r="L212" s="16">
        <v>160</v>
      </c>
      <c r="M212" s="16">
        <v>786</v>
      </c>
      <c r="N212" s="16">
        <v>2328</v>
      </c>
      <c r="O212" s="16">
        <v>232</v>
      </c>
      <c r="P212" s="16">
        <v>672</v>
      </c>
      <c r="Q212" s="16">
        <v>162</v>
      </c>
      <c r="R212" s="16">
        <v>478</v>
      </c>
      <c r="S212" s="16">
        <v>36</v>
      </c>
      <c r="T212" s="16">
        <v>80</v>
      </c>
      <c r="U212" s="16">
        <v>144</v>
      </c>
      <c r="V212" s="16">
        <v>256</v>
      </c>
      <c r="W212" s="16">
        <v>31</v>
      </c>
      <c r="X212" s="16">
        <v>237</v>
      </c>
      <c r="Y212" s="16">
        <v>26</v>
      </c>
      <c r="Z212" s="16">
        <v>1356</v>
      </c>
      <c r="AA212" s="22" t="s">
        <v>268</v>
      </c>
      <c r="AB212" s="16">
        <v>1258</v>
      </c>
      <c r="AC212" s="16">
        <v>1080</v>
      </c>
      <c r="AD212" s="16">
        <v>1356</v>
      </c>
    </row>
    <row r="213" spans="1:30">
      <c r="A213" s="21" t="s">
        <v>240</v>
      </c>
      <c r="B213" s="21" t="s">
        <v>237</v>
      </c>
      <c r="C213" s="21" t="s">
        <v>265</v>
      </c>
      <c r="D213" s="21" t="s">
        <v>214</v>
      </c>
      <c r="E213" s="21" t="s">
        <v>214</v>
      </c>
      <c r="F213" s="21" t="s">
        <v>391</v>
      </c>
      <c r="G213" s="16">
        <v>68269</v>
      </c>
      <c r="H213" s="16">
        <v>58046</v>
      </c>
      <c r="I213" s="16">
        <v>41950</v>
      </c>
      <c r="J213" s="16">
        <v>10968</v>
      </c>
      <c r="K213" s="16">
        <v>23775</v>
      </c>
      <c r="L213" s="16">
        <v>1082</v>
      </c>
      <c r="M213" s="16">
        <v>6125</v>
      </c>
      <c r="N213" s="16">
        <v>16096</v>
      </c>
      <c r="O213" s="16">
        <v>813</v>
      </c>
      <c r="P213" s="16">
        <v>1895</v>
      </c>
      <c r="Q213" s="16">
        <v>3058</v>
      </c>
      <c r="R213" s="16">
        <v>3684</v>
      </c>
      <c r="S213" s="16">
        <v>295</v>
      </c>
      <c r="T213" s="16">
        <v>1601</v>
      </c>
      <c r="U213" s="16">
        <v>759</v>
      </c>
      <c r="V213" s="16">
        <v>1847</v>
      </c>
      <c r="W213" s="16">
        <v>535</v>
      </c>
      <c r="X213" s="16">
        <v>1609</v>
      </c>
      <c r="Y213" s="16">
        <v>845</v>
      </c>
      <c r="Z213" s="16">
        <v>9378</v>
      </c>
      <c r="AA213" s="22" t="s">
        <v>268</v>
      </c>
      <c r="AB213" s="16">
        <v>11938</v>
      </c>
      <c r="AC213" s="16">
        <v>4029</v>
      </c>
      <c r="AD213" s="16">
        <v>1433</v>
      </c>
    </row>
    <row r="214" spans="1:30">
      <c r="A214" s="21" t="s">
        <v>240</v>
      </c>
      <c r="B214" s="21" t="s">
        <v>237</v>
      </c>
      <c r="C214" s="21" t="s">
        <v>265</v>
      </c>
      <c r="D214" s="21" t="s">
        <v>215</v>
      </c>
      <c r="E214" s="21" t="s">
        <v>214</v>
      </c>
      <c r="F214" s="21" t="s">
        <v>401</v>
      </c>
      <c r="G214" s="16">
        <v>55366</v>
      </c>
      <c r="H214" s="16">
        <v>47970</v>
      </c>
      <c r="I214" s="16">
        <v>35280</v>
      </c>
      <c r="J214" s="16">
        <v>10245</v>
      </c>
      <c r="K214" s="16">
        <v>20307</v>
      </c>
      <c r="L214" s="16">
        <v>1328</v>
      </c>
      <c r="M214" s="16">
        <v>3400</v>
      </c>
      <c r="N214" s="16">
        <v>12690</v>
      </c>
      <c r="O214" s="16">
        <v>750</v>
      </c>
      <c r="P214" s="16">
        <v>1188</v>
      </c>
      <c r="Q214" s="16">
        <v>2937</v>
      </c>
      <c r="R214" s="16">
        <v>2672</v>
      </c>
      <c r="S214" s="16">
        <v>312</v>
      </c>
      <c r="T214" s="16">
        <v>1365</v>
      </c>
      <c r="U214" s="16">
        <v>603</v>
      </c>
      <c r="V214" s="16">
        <v>1469</v>
      </c>
      <c r="W214" s="16">
        <v>394</v>
      </c>
      <c r="X214" s="16">
        <v>1000</v>
      </c>
      <c r="Y214" s="16">
        <v>513</v>
      </c>
      <c r="Z214" s="16">
        <v>6794</v>
      </c>
      <c r="AA214" s="16">
        <v>89</v>
      </c>
      <c r="AB214" s="16">
        <v>9603</v>
      </c>
      <c r="AC214" s="16">
        <v>6738</v>
      </c>
      <c r="AD214" s="16">
        <v>2135</v>
      </c>
    </row>
    <row r="215" spans="1:30">
      <c r="A215" s="21" t="s">
        <v>240</v>
      </c>
      <c r="B215" s="21" t="s">
        <v>237</v>
      </c>
      <c r="C215" s="21" t="s">
        <v>265</v>
      </c>
      <c r="D215" s="21" t="s">
        <v>215</v>
      </c>
      <c r="E215" s="21" t="s">
        <v>214</v>
      </c>
      <c r="F215" s="21" t="s">
        <v>402</v>
      </c>
      <c r="G215" s="16">
        <v>2214</v>
      </c>
      <c r="H215" s="16">
        <v>2198</v>
      </c>
      <c r="I215" s="16">
        <v>1663</v>
      </c>
      <c r="J215" s="22" t="s">
        <v>268</v>
      </c>
      <c r="K215" s="16">
        <v>1545</v>
      </c>
      <c r="L215" s="16">
        <v>6</v>
      </c>
      <c r="M215" s="16">
        <v>112</v>
      </c>
      <c r="N215" s="16">
        <v>535</v>
      </c>
      <c r="O215" s="22" t="s">
        <v>268</v>
      </c>
      <c r="P215" s="22" t="s">
        <v>268</v>
      </c>
      <c r="Q215" s="16">
        <v>138</v>
      </c>
      <c r="R215" s="16">
        <v>81</v>
      </c>
      <c r="S215" s="16">
        <v>9</v>
      </c>
      <c r="T215" s="16">
        <v>72</v>
      </c>
      <c r="U215" s="16">
        <v>54</v>
      </c>
      <c r="V215" s="16">
        <v>141</v>
      </c>
      <c r="W215" s="22" t="s">
        <v>268</v>
      </c>
      <c r="X215" s="16">
        <v>40</v>
      </c>
      <c r="Y215" s="16">
        <v>16</v>
      </c>
      <c r="Z215" s="22" t="s">
        <v>268</v>
      </c>
      <c r="AA215" s="22" t="s">
        <v>268</v>
      </c>
      <c r="AB215" s="16">
        <v>521</v>
      </c>
      <c r="AC215" s="22" t="s">
        <v>268</v>
      </c>
      <c r="AD215" s="22" t="s">
        <v>268</v>
      </c>
    </row>
    <row r="216" spans="1:30">
      <c r="A216" s="21" t="s">
        <v>240</v>
      </c>
      <c r="B216" s="21" t="s">
        <v>237</v>
      </c>
      <c r="C216" s="21" t="s">
        <v>265</v>
      </c>
      <c r="D216" s="21" t="s">
        <v>215</v>
      </c>
      <c r="E216" s="21" t="s">
        <v>214</v>
      </c>
      <c r="F216" s="21" t="s">
        <v>403</v>
      </c>
      <c r="G216" s="16">
        <v>2576</v>
      </c>
      <c r="H216" s="16">
        <v>2567</v>
      </c>
      <c r="I216" s="16">
        <v>1896</v>
      </c>
      <c r="J216" s="22" t="s">
        <v>268</v>
      </c>
      <c r="K216" s="16">
        <v>1629</v>
      </c>
      <c r="L216" s="16">
        <v>12</v>
      </c>
      <c r="M216" s="16">
        <v>255</v>
      </c>
      <c r="N216" s="16">
        <v>671</v>
      </c>
      <c r="O216" s="22" t="s">
        <v>268</v>
      </c>
      <c r="P216" s="22" t="s">
        <v>268</v>
      </c>
      <c r="Q216" s="16">
        <v>182</v>
      </c>
      <c r="R216" s="16">
        <v>140</v>
      </c>
      <c r="S216" s="16">
        <v>10</v>
      </c>
      <c r="T216" s="16">
        <v>94</v>
      </c>
      <c r="U216" s="16">
        <v>45</v>
      </c>
      <c r="V216" s="16">
        <v>130</v>
      </c>
      <c r="W216" s="22" t="s">
        <v>268</v>
      </c>
      <c r="X216" s="16">
        <v>70</v>
      </c>
      <c r="Y216" s="16">
        <v>9</v>
      </c>
      <c r="Z216" s="22" t="s">
        <v>268</v>
      </c>
      <c r="AA216" s="22" t="s">
        <v>268</v>
      </c>
      <c r="AB216" s="16">
        <v>659</v>
      </c>
      <c r="AC216" s="22" t="s">
        <v>268</v>
      </c>
      <c r="AD216" s="22" t="s">
        <v>268</v>
      </c>
    </row>
    <row r="217" spans="1:30">
      <c r="A217" s="21" t="s">
        <v>240</v>
      </c>
      <c r="B217" s="21" t="s">
        <v>237</v>
      </c>
      <c r="C217" s="21" t="s">
        <v>265</v>
      </c>
      <c r="D217" s="21" t="s">
        <v>215</v>
      </c>
      <c r="E217" s="21" t="s">
        <v>214</v>
      </c>
      <c r="F217" s="21" t="s">
        <v>404</v>
      </c>
      <c r="G217" s="16">
        <v>2682</v>
      </c>
      <c r="H217" s="16">
        <v>2670</v>
      </c>
      <c r="I217" s="16">
        <v>1950</v>
      </c>
      <c r="J217" s="22" t="s">
        <v>268</v>
      </c>
      <c r="K217" s="16">
        <v>1579</v>
      </c>
      <c r="L217" s="16">
        <v>31</v>
      </c>
      <c r="M217" s="16">
        <v>340</v>
      </c>
      <c r="N217" s="16">
        <v>720</v>
      </c>
      <c r="O217" s="22" t="s">
        <v>268</v>
      </c>
      <c r="P217" s="22" t="s">
        <v>268</v>
      </c>
      <c r="Q217" s="16">
        <v>228</v>
      </c>
      <c r="R217" s="16">
        <v>195</v>
      </c>
      <c r="S217" s="16">
        <v>11</v>
      </c>
      <c r="T217" s="16">
        <v>96</v>
      </c>
      <c r="U217" s="16">
        <v>23</v>
      </c>
      <c r="V217" s="16">
        <v>97</v>
      </c>
      <c r="W217" s="16">
        <v>1</v>
      </c>
      <c r="X217" s="16">
        <v>69</v>
      </c>
      <c r="Y217" s="16">
        <v>12</v>
      </c>
      <c r="Z217" s="22" t="s">
        <v>268</v>
      </c>
      <c r="AA217" s="22" t="s">
        <v>268</v>
      </c>
      <c r="AB217" s="16">
        <v>700</v>
      </c>
      <c r="AC217" s="22" t="s">
        <v>268</v>
      </c>
      <c r="AD217" s="22" t="s">
        <v>268</v>
      </c>
    </row>
    <row r="218" spans="1:30">
      <c r="A218" s="21" t="s">
        <v>240</v>
      </c>
      <c r="B218" s="21" t="s">
        <v>237</v>
      </c>
      <c r="C218" s="21" t="s">
        <v>265</v>
      </c>
      <c r="D218" s="21" t="s">
        <v>215</v>
      </c>
      <c r="E218" s="21" t="s">
        <v>214</v>
      </c>
      <c r="F218" s="21" t="s">
        <v>405</v>
      </c>
      <c r="G218" s="16">
        <v>2458</v>
      </c>
      <c r="H218" s="16">
        <v>2383</v>
      </c>
      <c r="I218" s="16">
        <v>1659</v>
      </c>
      <c r="J218" s="16">
        <v>1</v>
      </c>
      <c r="K218" s="16">
        <v>1231</v>
      </c>
      <c r="L218" s="16">
        <v>51</v>
      </c>
      <c r="M218" s="16">
        <v>376</v>
      </c>
      <c r="N218" s="16">
        <v>724</v>
      </c>
      <c r="O218" s="22" t="s">
        <v>268</v>
      </c>
      <c r="P218" s="22" t="s">
        <v>268</v>
      </c>
      <c r="Q218" s="16">
        <v>196</v>
      </c>
      <c r="R218" s="16">
        <v>186</v>
      </c>
      <c r="S218" s="16">
        <v>12</v>
      </c>
      <c r="T218" s="16">
        <v>122</v>
      </c>
      <c r="U218" s="16">
        <v>13</v>
      </c>
      <c r="V218" s="16">
        <v>81</v>
      </c>
      <c r="W218" s="16">
        <v>3</v>
      </c>
      <c r="X218" s="16">
        <v>111</v>
      </c>
      <c r="Y218" s="16">
        <v>17</v>
      </c>
      <c r="Z218" s="16">
        <v>58</v>
      </c>
      <c r="AA218" s="22" t="s">
        <v>268</v>
      </c>
      <c r="AB218" s="16">
        <v>678</v>
      </c>
      <c r="AC218" s="22" t="s">
        <v>268</v>
      </c>
      <c r="AD218" s="22" t="s">
        <v>268</v>
      </c>
    </row>
    <row r="219" spans="1:30">
      <c r="A219" s="21" t="s">
        <v>240</v>
      </c>
      <c r="B219" s="21" t="s">
        <v>237</v>
      </c>
      <c r="C219" s="21" t="s">
        <v>265</v>
      </c>
      <c r="D219" s="21" t="s">
        <v>215</v>
      </c>
      <c r="E219" s="21" t="s">
        <v>214</v>
      </c>
      <c r="F219" s="21" t="s">
        <v>406</v>
      </c>
      <c r="G219" s="16">
        <v>1991</v>
      </c>
      <c r="H219" s="16">
        <v>1541</v>
      </c>
      <c r="I219" s="16">
        <v>1045</v>
      </c>
      <c r="J219" s="16">
        <v>44</v>
      </c>
      <c r="K219" s="16">
        <v>769</v>
      </c>
      <c r="L219" s="16">
        <v>37</v>
      </c>
      <c r="M219" s="16">
        <v>195</v>
      </c>
      <c r="N219" s="16">
        <v>496</v>
      </c>
      <c r="O219" s="16">
        <v>3</v>
      </c>
      <c r="P219" s="22" t="s">
        <v>268</v>
      </c>
      <c r="Q219" s="16">
        <v>125</v>
      </c>
      <c r="R219" s="16">
        <v>135</v>
      </c>
      <c r="S219" s="16">
        <v>16</v>
      </c>
      <c r="T219" s="16">
        <v>60</v>
      </c>
      <c r="U219" s="16">
        <v>15</v>
      </c>
      <c r="V219" s="16">
        <v>52</v>
      </c>
      <c r="W219" s="16">
        <v>7</v>
      </c>
      <c r="X219" s="16">
        <v>83</v>
      </c>
      <c r="Y219" s="16">
        <v>48</v>
      </c>
      <c r="Z219" s="16">
        <v>402</v>
      </c>
      <c r="AA219" s="22" t="s">
        <v>268</v>
      </c>
      <c r="AB219" s="16">
        <v>461</v>
      </c>
      <c r="AC219" s="22" t="s">
        <v>268</v>
      </c>
      <c r="AD219" s="22" t="s">
        <v>268</v>
      </c>
    </row>
    <row r="220" spans="1:30">
      <c r="A220" s="21" t="s">
        <v>240</v>
      </c>
      <c r="B220" s="21" t="s">
        <v>237</v>
      </c>
      <c r="C220" s="21" t="s">
        <v>265</v>
      </c>
      <c r="D220" s="21" t="s">
        <v>215</v>
      </c>
      <c r="E220" s="21" t="s">
        <v>214</v>
      </c>
      <c r="F220" s="21" t="s">
        <v>407</v>
      </c>
      <c r="G220" s="16">
        <v>2256</v>
      </c>
      <c r="H220" s="16">
        <v>1706</v>
      </c>
      <c r="I220" s="16">
        <v>1208</v>
      </c>
      <c r="J220" s="16">
        <v>145</v>
      </c>
      <c r="K220" s="16">
        <v>848</v>
      </c>
      <c r="L220" s="16">
        <v>43</v>
      </c>
      <c r="M220" s="16">
        <v>172</v>
      </c>
      <c r="N220" s="16">
        <v>498</v>
      </c>
      <c r="O220" s="22" t="s">
        <v>268</v>
      </c>
      <c r="P220" s="16">
        <v>4</v>
      </c>
      <c r="Q220" s="16">
        <v>77</v>
      </c>
      <c r="R220" s="16">
        <v>181</v>
      </c>
      <c r="S220" s="16">
        <v>15</v>
      </c>
      <c r="T220" s="16">
        <v>46</v>
      </c>
      <c r="U220" s="16">
        <v>24</v>
      </c>
      <c r="V220" s="16">
        <v>62</v>
      </c>
      <c r="W220" s="16">
        <v>9</v>
      </c>
      <c r="X220" s="16">
        <v>80</v>
      </c>
      <c r="Y220" s="16">
        <v>48</v>
      </c>
      <c r="Z220" s="16">
        <v>502</v>
      </c>
      <c r="AA220" s="22" t="s">
        <v>268</v>
      </c>
      <c r="AB220" s="16">
        <v>443</v>
      </c>
      <c r="AC220" s="22" t="s">
        <v>268</v>
      </c>
      <c r="AD220" s="22" t="s">
        <v>268</v>
      </c>
    </row>
    <row r="221" spans="1:30">
      <c r="A221" s="21" t="s">
        <v>240</v>
      </c>
      <c r="B221" s="21" t="s">
        <v>237</v>
      </c>
      <c r="C221" s="21" t="s">
        <v>265</v>
      </c>
      <c r="D221" s="21" t="s">
        <v>215</v>
      </c>
      <c r="E221" s="21" t="s">
        <v>214</v>
      </c>
      <c r="F221" s="21" t="s">
        <v>408</v>
      </c>
      <c r="G221" s="16">
        <v>2595</v>
      </c>
      <c r="H221" s="16">
        <v>2158</v>
      </c>
      <c r="I221" s="16">
        <v>1642</v>
      </c>
      <c r="J221" s="16">
        <v>175</v>
      </c>
      <c r="K221" s="16">
        <v>1277</v>
      </c>
      <c r="L221" s="16">
        <v>49</v>
      </c>
      <c r="M221" s="16">
        <v>141</v>
      </c>
      <c r="N221" s="16">
        <v>516</v>
      </c>
      <c r="O221" s="16">
        <v>5</v>
      </c>
      <c r="P221" s="16">
        <v>7</v>
      </c>
      <c r="Q221" s="16">
        <v>93</v>
      </c>
      <c r="R221" s="16">
        <v>141</v>
      </c>
      <c r="S221" s="16">
        <v>9</v>
      </c>
      <c r="T221" s="16">
        <v>43</v>
      </c>
      <c r="U221" s="16">
        <v>50</v>
      </c>
      <c r="V221" s="16">
        <v>75</v>
      </c>
      <c r="W221" s="16">
        <v>4</v>
      </c>
      <c r="X221" s="16">
        <v>89</v>
      </c>
      <c r="Y221" s="16">
        <v>39</v>
      </c>
      <c r="Z221" s="16">
        <v>398</v>
      </c>
      <c r="AA221" s="22" t="s">
        <v>268</v>
      </c>
      <c r="AB221" s="16">
        <v>458</v>
      </c>
      <c r="AC221" s="22" t="s">
        <v>268</v>
      </c>
      <c r="AD221" s="22" t="s">
        <v>268</v>
      </c>
    </row>
    <row r="222" spans="1:30">
      <c r="A222" s="21" t="s">
        <v>240</v>
      </c>
      <c r="B222" s="21" t="s">
        <v>237</v>
      </c>
      <c r="C222" s="21" t="s">
        <v>265</v>
      </c>
      <c r="D222" s="21" t="s">
        <v>215</v>
      </c>
      <c r="E222" s="21" t="s">
        <v>214</v>
      </c>
      <c r="F222" s="21" t="s">
        <v>409</v>
      </c>
      <c r="G222" s="16">
        <v>3087</v>
      </c>
      <c r="H222" s="16">
        <v>2709</v>
      </c>
      <c r="I222" s="16">
        <v>2102</v>
      </c>
      <c r="J222" s="16">
        <v>161</v>
      </c>
      <c r="K222" s="16">
        <v>1678</v>
      </c>
      <c r="L222" s="16">
        <v>73</v>
      </c>
      <c r="M222" s="16">
        <v>190</v>
      </c>
      <c r="N222" s="16">
        <v>607</v>
      </c>
      <c r="O222" s="16">
        <v>16</v>
      </c>
      <c r="P222" s="16">
        <v>13</v>
      </c>
      <c r="Q222" s="16">
        <v>150</v>
      </c>
      <c r="R222" s="16">
        <v>154</v>
      </c>
      <c r="S222" s="16">
        <v>4</v>
      </c>
      <c r="T222" s="16">
        <v>52</v>
      </c>
      <c r="U222" s="16">
        <v>36</v>
      </c>
      <c r="V222" s="16">
        <v>113</v>
      </c>
      <c r="W222" s="16">
        <v>10</v>
      </c>
      <c r="X222" s="16">
        <v>59</v>
      </c>
      <c r="Y222" s="16">
        <v>29</v>
      </c>
      <c r="Z222" s="16">
        <v>349</v>
      </c>
      <c r="AA222" s="22" t="s">
        <v>268</v>
      </c>
      <c r="AB222" s="16">
        <v>537</v>
      </c>
      <c r="AC222" s="22" t="s">
        <v>268</v>
      </c>
      <c r="AD222" s="22" t="s">
        <v>268</v>
      </c>
    </row>
    <row r="223" spans="1:30">
      <c r="A223" s="21" t="s">
        <v>240</v>
      </c>
      <c r="B223" s="21" t="s">
        <v>237</v>
      </c>
      <c r="C223" s="21" t="s">
        <v>265</v>
      </c>
      <c r="D223" s="21" t="s">
        <v>215</v>
      </c>
      <c r="E223" s="21" t="s">
        <v>214</v>
      </c>
      <c r="F223" s="21" t="s">
        <v>410</v>
      </c>
      <c r="G223" s="16">
        <v>3391</v>
      </c>
      <c r="H223" s="16">
        <v>3044</v>
      </c>
      <c r="I223" s="16">
        <v>2397</v>
      </c>
      <c r="J223" s="16">
        <v>180</v>
      </c>
      <c r="K223" s="16">
        <v>1920</v>
      </c>
      <c r="L223" s="16">
        <v>82</v>
      </c>
      <c r="M223" s="16">
        <v>215</v>
      </c>
      <c r="N223" s="16">
        <v>647</v>
      </c>
      <c r="O223" s="16">
        <v>17</v>
      </c>
      <c r="P223" s="16">
        <v>22</v>
      </c>
      <c r="Q223" s="16">
        <v>180</v>
      </c>
      <c r="R223" s="16">
        <v>178</v>
      </c>
      <c r="S223" s="16">
        <v>3</v>
      </c>
      <c r="T223" s="16">
        <v>44</v>
      </c>
      <c r="U223" s="16">
        <v>33</v>
      </c>
      <c r="V223" s="16">
        <v>109</v>
      </c>
      <c r="W223" s="16">
        <v>11</v>
      </c>
      <c r="X223" s="16">
        <v>50</v>
      </c>
      <c r="Y223" s="16">
        <v>29</v>
      </c>
      <c r="Z223" s="16">
        <v>318</v>
      </c>
      <c r="AA223" s="22" t="s">
        <v>268</v>
      </c>
      <c r="AB223" s="16">
        <v>569</v>
      </c>
      <c r="AC223" s="22" t="s">
        <v>268</v>
      </c>
      <c r="AD223" s="22" t="s">
        <v>268</v>
      </c>
    </row>
    <row r="224" spans="1:30">
      <c r="A224" s="21" t="s">
        <v>240</v>
      </c>
      <c r="B224" s="21" t="s">
        <v>237</v>
      </c>
      <c r="C224" s="21" t="s">
        <v>265</v>
      </c>
      <c r="D224" s="21" t="s">
        <v>215</v>
      </c>
      <c r="E224" s="21" t="s">
        <v>214</v>
      </c>
      <c r="F224" s="21" t="s">
        <v>411</v>
      </c>
      <c r="G224" s="16">
        <v>3676</v>
      </c>
      <c r="H224" s="16">
        <v>3170</v>
      </c>
      <c r="I224" s="16">
        <v>2469</v>
      </c>
      <c r="J224" s="16">
        <v>297</v>
      </c>
      <c r="K224" s="16">
        <v>1773</v>
      </c>
      <c r="L224" s="16">
        <v>118</v>
      </c>
      <c r="M224" s="16">
        <v>281</v>
      </c>
      <c r="N224" s="16">
        <v>701</v>
      </c>
      <c r="O224" s="16">
        <v>44</v>
      </c>
      <c r="P224" s="16">
        <v>30</v>
      </c>
      <c r="Q224" s="16">
        <v>212</v>
      </c>
      <c r="R224" s="16">
        <v>193</v>
      </c>
      <c r="S224" s="16">
        <v>4</v>
      </c>
      <c r="T224" s="16">
        <v>47</v>
      </c>
      <c r="U224" s="16">
        <v>26</v>
      </c>
      <c r="V224" s="16">
        <v>78</v>
      </c>
      <c r="W224" s="16">
        <v>16</v>
      </c>
      <c r="X224" s="16">
        <v>51</v>
      </c>
      <c r="Y224" s="16">
        <v>49</v>
      </c>
      <c r="Z224" s="16">
        <v>457</v>
      </c>
      <c r="AA224" s="22" t="s">
        <v>268</v>
      </c>
      <c r="AB224" s="16">
        <v>583</v>
      </c>
      <c r="AC224" s="22" t="s">
        <v>268</v>
      </c>
      <c r="AD224" s="22" t="s">
        <v>268</v>
      </c>
    </row>
    <row r="225" spans="1:30">
      <c r="A225" s="21" t="s">
        <v>240</v>
      </c>
      <c r="B225" s="21" t="s">
        <v>237</v>
      </c>
      <c r="C225" s="21" t="s">
        <v>265</v>
      </c>
      <c r="D225" s="21" t="s">
        <v>215</v>
      </c>
      <c r="E225" s="21" t="s">
        <v>214</v>
      </c>
      <c r="F225" s="21" t="s">
        <v>412</v>
      </c>
      <c r="G225" s="16">
        <v>3514</v>
      </c>
      <c r="H225" s="16">
        <v>3023</v>
      </c>
      <c r="I225" s="16">
        <v>2221</v>
      </c>
      <c r="J225" s="16">
        <v>440</v>
      </c>
      <c r="K225" s="16">
        <v>1322</v>
      </c>
      <c r="L225" s="16">
        <v>90</v>
      </c>
      <c r="M225" s="16">
        <v>369</v>
      </c>
      <c r="N225" s="16">
        <v>802</v>
      </c>
      <c r="O225" s="16">
        <v>79</v>
      </c>
      <c r="P225" s="16">
        <v>74</v>
      </c>
      <c r="Q225" s="16">
        <v>191</v>
      </c>
      <c r="R225" s="16">
        <v>235</v>
      </c>
      <c r="S225" s="16">
        <v>3</v>
      </c>
      <c r="T225" s="16">
        <v>51</v>
      </c>
      <c r="U225" s="16">
        <v>29</v>
      </c>
      <c r="V225" s="16">
        <v>61</v>
      </c>
      <c r="W225" s="16">
        <v>28</v>
      </c>
      <c r="X225" s="16">
        <v>51</v>
      </c>
      <c r="Y225" s="16">
        <v>30</v>
      </c>
      <c r="Z225" s="16">
        <v>461</v>
      </c>
      <c r="AA225" s="22" t="s">
        <v>268</v>
      </c>
      <c r="AB225" s="16">
        <v>590</v>
      </c>
      <c r="AC225" s="22" t="s">
        <v>268</v>
      </c>
      <c r="AD225" s="22" t="s">
        <v>268</v>
      </c>
    </row>
    <row r="226" spans="1:30">
      <c r="A226" s="21" t="s">
        <v>240</v>
      </c>
      <c r="B226" s="21" t="s">
        <v>237</v>
      </c>
      <c r="C226" s="21" t="s">
        <v>265</v>
      </c>
      <c r="D226" s="21" t="s">
        <v>215</v>
      </c>
      <c r="E226" s="21" t="s">
        <v>214</v>
      </c>
      <c r="F226" s="21" t="s">
        <v>413</v>
      </c>
      <c r="G226" s="16">
        <v>3721</v>
      </c>
      <c r="H226" s="16">
        <v>3120</v>
      </c>
      <c r="I226" s="16">
        <v>2138</v>
      </c>
      <c r="J226" s="16">
        <v>747</v>
      </c>
      <c r="K226" s="16">
        <v>944</v>
      </c>
      <c r="L226" s="16">
        <v>107</v>
      </c>
      <c r="M226" s="16">
        <v>340</v>
      </c>
      <c r="N226" s="16">
        <v>982</v>
      </c>
      <c r="O226" s="16">
        <v>107</v>
      </c>
      <c r="P226" s="16">
        <v>207</v>
      </c>
      <c r="Q226" s="16">
        <v>158</v>
      </c>
      <c r="R226" s="16">
        <v>229</v>
      </c>
      <c r="S226" s="16">
        <v>12</v>
      </c>
      <c r="T226" s="16">
        <v>58</v>
      </c>
      <c r="U226" s="16">
        <v>51</v>
      </c>
      <c r="V226" s="16">
        <v>66</v>
      </c>
      <c r="W226" s="16">
        <v>43</v>
      </c>
      <c r="X226" s="16">
        <v>51</v>
      </c>
      <c r="Y226" s="16">
        <v>38</v>
      </c>
      <c r="Z226" s="16">
        <v>563</v>
      </c>
      <c r="AA226" s="22" t="s">
        <v>268</v>
      </c>
      <c r="AB226" s="16">
        <v>573</v>
      </c>
      <c r="AC226" s="22" t="s">
        <v>268</v>
      </c>
      <c r="AD226" s="22" t="s">
        <v>268</v>
      </c>
    </row>
    <row r="227" spans="1:30">
      <c r="A227" s="21" t="s">
        <v>240</v>
      </c>
      <c r="B227" s="21" t="s">
        <v>237</v>
      </c>
      <c r="C227" s="21" t="s">
        <v>265</v>
      </c>
      <c r="D227" s="21" t="s">
        <v>215</v>
      </c>
      <c r="E227" s="21" t="s">
        <v>214</v>
      </c>
      <c r="F227" s="21" t="s">
        <v>414</v>
      </c>
      <c r="G227" s="16">
        <v>4069</v>
      </c>
      <c r="H227" s="16">
        <v>3396</v>
      </c>
      <c r="I227" s="16">
        <v>2232</v>
      </c>
      <c r="J227" s="16">
        <v>1112</v>
      </c>
      <c r="K227" s="16">
        <v>777</v>
      </c>
      <c r="L227" s="16">
        <v>96</v>
      </c>
      <c r="M227" s="16">
        <v>247</v>
      </c>
      <c r="N227" s="16">
        <v>1164</v>
      </c>
      <c r="O227" s="16">
        <v>81</v>
      </c>
      <c r="P227" s="16">
        <v>320</v>
      </c>
      <c r="Q227" s="16">
        <v>123</v>
      </c>
      <c r="R227" s="16">
        <v>236</v>
      </c>
      <c r="S227" s="16">
        <v>31</v>
      </c>
      <c r="T227" s="16">
        <v>77</v>
      </c>
      <c r="U227" s="16">
        <v>54</v>
      </c>
      <c r="V227" s="16">
        <v>113</v>
      </c>
      <c r="W227" s="16">
        <v>84</v>
      </c>
      <c r="X227" s="16">
        <v>45</v>
      </c>
      <c r="Y227" s="16">
        <v>29</v>
      </c>
      <c r="Z227" s="16">
        <v>644</v>
      </c>
      <c r="AA227" s="22" t="s">
        <v>268</v>
      </c>
      <c r="AB227" s="16">
        <v>602</v>
      </c>
      <c r="AC227" s="22" t="s">
        <v>268</v>
      </c>
      <c r="AD227" s="22" t="s">
        <v>268</v>
      </c>
    </row>
    <row r="228" spans="1:30">
      <c r="A228" s="21" t="s">
        <v>240</v>
      </c>
      <c r="B228" s="21" t="s">
        <v>237</v>
      </c>
      <c r="C228" s="21" t="s">
        <v>265</v>
      </c>
      <c r="D228" s="21" t="s">
        <v>215</v>
      </c>
      <c r="E228" s="21" t="s">
        <v>214</v>
      </c>
      <c r="F228" s="21" t="s">
        <v>415</v>
      </c>
      <c r="G228" s="16">
        <v>4539</v>
      </c>
      <c r="H228" s="16">
        <v>3790</v>
      </c>
      <c r="I228" s="16">
        <v>2726</v>
      </c>
      <c r="J228" s="16">
        <v>1698</v>
      </c>
      <c r="K228" s="16">
        <v>819</v>
      </c>
      <c r="L228" s="16">
        <v>89</v>
      </c>
      <c r="M228" s="16">
        <v>120</v>
      </c>
      <c r="N228" s="16">
        <v>1064</v>
      </c>
      <c r="O228" s="16">
        <v>44</v>
      </c>
      <c r="P228" s="16">
        <v>222</v>
      </c>
      <c r="Q228" s="16">
        <v>176</v>
      </c>
      <c r="R228" s="16">
        <v>153</v>
      </c>
      <c r="S228" s="16">
        <v>39</v>
      </c>
      <c r="T228" s="16">
        <v>137</v>
      </c>
      <c r="U228" s="16">
        <v>40</v>
      </c>
      <c r="V228" s="16">
        <v>113</v>
      </c>
      <c r="W228" s="16">
        <v>91</v>
      </c>
      <c r="X228" s="16">
        <v>49</v>
      </c>
      <c r="Y228" s="16">
        <v>41</v>
      </c>
      <c r="Z228" s="16">
        <v>708</v>
      </c>
      <c r="AA228" s="22" t="s">
        <v>268</v>
      </c>
      <c r="AB228" s="16">
        <v>614</v>
      </c>
      <c r="AC228" s="16">
        <v>1548</v>
      </c>
      <c r="AD228" s="16">
        <v>708</v>
      </c>
    </row>
    <row r="229" spans="1:30">
      <c r="A229" s="21" t="s">
        <v>240</v>
      </c>
      <c r="B229" s="21" t="s">
        <v>237</v>
      </c>
      <c r="C229" s="21" t="s">
        <v>265</v>
      </c>
      <c r="D229" s="21" t="s">
        <v>215</v>
      </c>
      <c r="E229" s="21" t="s">
        <v>214</v>
      </c>
      <c r="F229" s="21" t="s">
        <v>416</v>
      </c>
      <c r="G229" s="16">
        <v>4465</v>
      </c>
      <c r="H229" s="16">
        <v>3835</v>
      </c>
      <c r="I229" s="16">
        <v>2959</v>
      </c>
      <c r="J229" s="16">
        <v>1987</v>
      </c>
      <c r="K229" s="16">
        <v>820</v>
      </c>
      <c r="L229" s="16">
        <v>106</v>
      </c>
      <c r="M229" s="16">
        <v>46</v>
      </c>
      <c r="N229" s="16">
        <v>876</v>
      </c>
      <c r="O229" s="16">
        <v>42</v>
      </c>
      <c r="P229" s="16">
        <v>131</v>
      </c>
      <c r="Q229" s="16">
        <v>223</v>
      </c>
      <c r="R229" s="16">
        <v>88</v>
      </c>
      <c r="S229" s="16">
        <v>68</v>
      </c>
      <c r="T229" s="16">
        <v>149</v>
      </c>
      <c r="U229" s="16">
        <v>21</v>
      </c>
      <c r="V229" s="16">
        <v>69</v>
      </c>
      <c r="W229" s="16">
        <v>52</v>
      </c>
      <c r="X229" s="16">
        <v>33</v>
      </c>
      <c r="Y229" s="16">
        <v>35</v>
      </c>
      <c r="Z229" s="16">
        <v>595</v>
      </c>
      <c r="AA229" s="22" t="s">
        <v>268</v>
      </c>
      <c r="AB229" s="16">
        <v>550</v>
      </c>
      <c r="AC229" s="16">
        <v>1941</v>
      </c>
      <c r="AD229" s="16">
        <v>595</v>
      </c>
    </row>
    <row r="230" spans="1:30">
      <c r="A230" s="21" t="s">
        <v>240</v>
      </c>
      <c r="B230" s="21" t="s">
        <v>237</v>
      </c>
      <c r="C230" s="21" t="s">
        <v>265</v>
      </c>
      <c r="D230" s="21" t="s">
        <v>215</v>
      </c>
      <c r="E230" s="21" t="s">
        <v>214</v>
      </c>
      <c r="F230" s="21" t="s">
        <v>417</v>
      </c>
      <c r="G230" s="16">
        <v>3039</v>
      </c>
      <c r="H230" s="16">
        <v>2699</v>
      </c>
      <c r="I230" s="16">
        <v>2166</v>
      </c>
      <c r="J230" s="16">
        <v>1458</v>
      </c>
      <c r="K230" s="16">
        <v>621</v>
      </c>
      <c r="L230" s="16">
        <v>86</v>
      </c>
      <c r="M230" s="16">
        <v>1</v>
      </c>
      <c r="N230" s="16">
        <v>533</v>
      </c>
      <c r="O230" s="16">
        <v>61</v>
      </c>
      <c r="P230" s="16">
        <v>19</v>
      </c>
      <c r="Q230" s="16">
        <v>193</v>
      </c>
      <c r="R230" s="16">
        <v>41</v>
      </c>
      <c r="S230" s="16">
        <v>31</v>
      </c>
      <c r="T230" s="16">
        <v>105</v>
      </c>
      <c r="U230" s="16">
        <v>17</v>
      </c>
      <c r="V230" s="16">
        <v>27</v>
      </c>
      <c r="W230" s="16">
        <v>24</v>
      </c>
      <c r="X230" s="16">
        <v>15</v>
      </c>
      <c r="Y230" s="16">
        <v>20</v>
      </c>
      <c r="Z230" s="16">
        <v>320</v>
      </c>
      <c r="AA230" s="22" t="s">
        <v>268</v>
      </c>
      <c r="AB230" s="16">
        <v>383</v>
      </c>
      <c r="AC230" s="16">
        <v>1450</v>
      </c>
      <c r="AD230" s="16">
        <v>320</v>
      </c>
    </row>
    <row r="231" spans="1:30">
      <c r="A231" s="21" t="s">
        <v>240</v>
      </c>
      <c r="B231" s="21" t="s">
        <v>237</v>
      </c>
      <c r="C231" s="21" t="s">
        <v>265</v>
      </c>
      <c r="D231" s="21" t="s">
        <v>215</v>
      </c>
      <c r="E231" s="21" t="s">
        <v>214</v>
      </c>
      <c r="F231" s="21" t="s">
        <v>418</v>
      </c>
      <c r="G231" s="16">
        <v>2346</v>
      </c>
      <c r="H231" s="16">
        <v>2129</v>
      </c>
      <c r="I231" s="16">
        <v>1602</v>
      </c>
      <c r="J231" s="16">
        <v>1060</v>
      </c>
      <c r="K231" s="16">
        <v>450</v>
      </c>
      <c r="L231" s="16">
        <v>92</v>
      </c>
      <c r="M231" s="22" t="s">
        <v>268</v>
      </c>
      <c r="N231" s="16">
        <v>527</v>
      </c>
      <c r="O231" s="16">
        <v>111</v>
      </c>
      <c r="P231" s="16">
        <v>37</v>
      </c>
      <c r="Q231" s="16">
        <v>180</v>
      </c>
      <c r="R231" s="16">
        <v>28</v>
      </c>
      <c r="S231" s="16">
        <v>19</v>
      </c>
      <c r="T231" s="16">
        <v>68</v>
      </c>
      <c r="U231" s="16">
        <v>27</v>
      </c>
      <c r="V231" s="16">
        <v>32</v>
      </c>
      <c r="W231" s="16">
        <v>6</v>
      </c>
      <c r="X231" s="16">
        <v>19</v>
      </c>
      <c r="Y231" s="16">
        <v>13</v>
      </c>
      <c r="Z231" s="16">
        <v>204</v>
      </c>
      <c r="AA231" s="22" t="s">
        <v>268</v>
      </c>
      <c r="AB231" s="16">
        <v>338</v>
      </c>
      <c r="AC231" s="16">
        <v>1059</v>
      </c>
      <c r="AD231" s="16">
        <v>204</v>
      </c>
    </row>
    <row r="232" spans="1:30">
      <c r="A232" s="21" t="s">
        <v>240</v>
      </c>
      <c r="B232" s="21" t="s">
        <v>237</v>
      </c>
      <c r="C232" s="21" t="s">
        <v>265</v>
      </c>
      <c r="D232" s="21" t="s">
        <v>215</v>
      </c>
      <c r="E232" s="21" t="s">
        <v>214</v>
      </c>
      <c r="F232" s="21" t="s">
        <v>419</v>
      </c>
      <c r="G232" s="16">
        <v>1507</v>
      </c>
      <c r="H232" s="16">
        <v>1297</v>
      </c>
      <c r="I232" s="16">
        <v>899</v>
      </c>
      <c r="J232" s="16">
        <v>564</v>
      </c>
      <c r="K232" s="16">
        <v>236</v>
      </c>
      <c r="L232" s="16">
        <v>99</v>
      </c>
      <c r="M232" s="22" t="s">
        <v>268</v>
      </c>
      <c r="N232" s="16">
        <v>398</v>
      </c>
      <c r="O232" s="16">
        <v>88</v>
      </c>
      <c r="P232" s="16">
        <v>47</v>
      </c>
      <c r="Q232" s="16">
        <v>97</v>
      </c>
      <c r="R232" s="16">
        <v>49</v>
      </c>
      <c r="S232" s="16">
        <v>11</v>
      </c>
      <c r="T232" s="16">
        <v>29</v>
      </c>
      <c r="U232" s="16">
        <v>26</v>
      </c>
      <c r="V232" s="16">
        <v>27</v>
      </c>
      <c r="W232" s="16">
        <v>4</v>
      </c>
      <c r="X232" s="16">
        <v>20</v>
      </c>
      <c r="Y232" s="16">
        <v>6</v>
      </c>
      <c r="Z232" s="16">
        <v>204</v>
      </c>
      <c r="AA232" s="22" t="s">
        <v>268</v>
      </c>
      <c r="AB232" s="16">
        <v>235</v>
      </c>
      <c r="AC232" s="16">
        <v>564</v>
      </c>
      <c r="AD232" s="16">
        <v>204</v>
      </c>
    </row>
    <row r="233" spans="1:30">
      <c r="A233" s="21" t="s">
        <v>240</v>
      </c>
      <c r="B233" s="21" t="s">
        <v>237</v>
      </c>
      <c r="C233" s="21" t="s">
        <v>265</v>
      </c>
      <c r="D233" s="21" t="s">
        <v>215</v>
      </c>
      <c r="E233" s="21" t="s">
        <v>214</v>
      </c>
      <c r="F233" s="21" t="s">
        <v>420</v>
      </c>
      <c r="G233" s="16">
        <v>552</v>
      </c>
      <c r="H233" s="16">
        <v>461</v>
      </c>
      <c r="I233" s="16">
        <v>272</v>
      </c>
      <c r="J233" s="16">
        <v>161</v>
      </c>
      <c r="K233" s="16">
        <v>64</v>
      </c>
      <c r="L233" s="16">
        <v>47</v>
      </c>
      <c r="M233" s="22" t="s">
        <v>268</v>
      </c>
      <c r="N233" s="16">
        <v>189</v>
      </c>
      <c r="O233" s="16">
        <v>45</v>
      </c>
      <c r="P233" s="16">
        <v>42</v>
      </c>
      <c r="Q233" s="16">
        <v>12</v>
      </c>
      <c r="R233" s="16">
        <v>24</v>
      </c>
      <c r="S233" s="16">
        <v>5</v>
      </c>
      <c r="T233" s="16">
        <v>14</v>
      </c>
      <c r="U233" s="16">
        <v>15</v>
      </c>
      <c r="V233" s="16">
        <v>20</v>
      </c>
      <c r="W233" s="16">
        <v>1</v>
      </c>
      <c r="X233" s="16">
        <v>11</v>
      </c>
      <c r="Y233" s="16">
        <v>4</v>
      </c>
      <c r="Z233" s="16">
        <v>87</v>
      </c>
      <c r="AA233" s="22" t="s">
        <v>268</v>
      </c>
      <c r="AB233" s="16">
        <v>90</v>
      </c>
      <c r="AC233" s="16">
        <v>161</v>
      </c>
      <c r="AD233" s="16">
        <v>87</v>
      </c>
    </row>
    <row r="234" spans="1:30">
      <c r="A234" s="21" t="s">
        <v>240</v>
      </c>
      <c r="B234" s="21" t="s">
        <v>237</v>
      </c>
      <c r="C234" s="21" t="s">
        <v>265</v>
      </c>
      <c r="D234" s="21" t="s">
        <v>215</v>
      </c>
      <c r="E234" s="21" t="s">
        <v>214</v>
      </c>
      <c r="F234" s="21" t="s">
        <v>421</v>
      </c>
      <c r="G234" s="16">
        <v>85</v>
      </c>
      <c r="H234" s="16">
        <v>69</v>
      </c>
      <c r="I234" s="16">
        <v>32</v>
      </c>
      <c r="J234" s="16">
        <v>14</v>
      </c>
      <c r="K234" s="16">
        <v>5</v>
      </c>
      <c r="L234" s="16">
        <v>13</v>
      </c>
      <c r="M234" s="22" t="s">
        <v>268</v>
      </c>
      <c r="N234" s="16">
        <v>37</v>
      </c>
      <c r="O234" s="16">
        <v>7</v>
      </c>
      <c r="P234" s="16">
        <v>13</v>
      </c>
      <c r="Q234" s="16">
        <v>3</v>
      </c>
      <c r="R234" s="16">
        <v>5</v>
      </c>
      <c r="S234" s="22" t="s">
        <v>268</v>
      </c>
      <c r="T234" s="22" t="s">
        <v>268</v>
      </c>
      <c r="U234" s="16">
        <v>4</v>
      </c>
      <c r="V234" s="16">
        <v>2</v>
      </c>
      <c r="W234" s="22" t="s">
        <v>268</v>
      </c>
      <c r="X234" s="16">
        <v>3</v>
      </c>
      <c r="Y234" s="16">
        <v>1</v>
      </c>
      <c r="Z234" s="16">
        <v>15</v>
      </c>
      <c r="AA234" s="22" t="s">
        <v>268</v>
      </c>
      <c r="AB234" s="16">
        <v>16</v>
      </c>
      <c r="AC234" s="16">
        <v>14</v>
      </c>
      <c r="AD234" s="16">
        <v>15</v>
      </c>
    </row>
    <row r="235" spans="1:30">
      <c r="A235" s="21" t="s">
        <v>240</v>
      </c>
      <c r="B235" s="21" t="s">
        <v>237</v>
      </c>
      <c r="C235" s="21" t="s">
        <v>265</v>
      </c>
      <c r="D235" s="21" t="s">
        <v>215</v>
      </c>
      <c r="E235" s="21" t="s">
        <v>214</v>
      </c>
      <c r="F235" s="21" t="s">
        <v>422</v>
      </c>
      <c r="G235" s="16">
        <v>7</v>
      </c>
      <c r="H235" s="16">
        <v>5</v>
      </c>
      <c r="I235" s="16">
        <v>2</v>
      </c>
      <c r="J235" s="16">
        <v>1</v>
      </c>
      <c r="K235" s="22" t="s">
        <v>268</v>
      </c>
      <c r="L235" s="16">
        <v>1</v>
      </c>
      <c r="M235" s="22" t="s">
        <v>268</v>
      </c>
      <c r="N235" s="16">
        <v>3</v>
      </c>
      <c r="O235" s="22" t="s">
        <v>268</v>
      </c>
      <c r="P235" s="22" t="s">
        <v>268</v>
      </c>
      <c r="Q235" s="22" t="s">
        <v>268</v>
      </c>
      <c r="R235" s="22" t="s">
        <v>268</v>
      </c>
      <c r="S235" s="22" t="s">
        <v>268</v>
      </c>
      <c r="T235" s="16">
        <v>1</v>
      </c>
      <c r="U235" s="22" t="s">
        <v>268</v>
      </c>
      <c r="V235" s="16">
        <v>1</v>
      </c>
      <c r="W235" s="22" t="s">
        <v>268</v>
      </c>
      <c r="X235" s="16">
        <v>1</v>
      </c>
      <c r="Y235" s="22" t="s">
        <v>268</v>
      </c>
      <c r="Z235" s="16">
        <v>2</v>
      </c>
      <c r="AA235" s="22" t="s">
        <v>268</v>
      </c>
      <c r="AB235" s="16">
        <v>3</v>
      </c>
      <c r="AC235" s="16">
        <v>1</v>
      </c>
      <c r="AD235" s="16">
        <v>2</v>
      </c>
    </row>
    <row r="236" spans="1:30">
      <c r="A236" s="21" t="s">
        <v>240</v>
      </c>
      <c r="B236" s="21" t="s">
        <v>237</v>
      </c>
      <c r="C236" s="21" t="s">
        <v>265</v>
      </c>
      <c r="D236" s="21" t="s">
        <v>215</v>
      </c>
      <c r="E236" s="21" t="s">
        <v>214</v>
      </c>
      <c r="F236" s="21" t="s">
        <v>423</v>
      </c>
      <c r="G236" s="16">
        <v>596</v>
      </c>
      <c r="H236" s="22" t="s">
        <v>268</v>
      </c>
      <c r="I236" s="22" t="s">
        <v>268</v>
      </c>
      <c r="J236" s="22" t="s">
        <v>268</v>
      </c>
      <c r="K236" s="22" t="s">
        <v>268</v>
      </c>
      <c r="L236" s="22" t="s">
        <v>268</v>
      </c>
      <c r="M236" s="22" t="s">
        <v>268</v>
      </c>
      <c r="N236" s="22" t="s">
        <v>268</v>
      </c>
      <c r="O236" s="22" t="s">
        <v>268</v>
      </c>
      <c r="P236" s="22" t="s">
        <v>268</v>
      </c>
      <c r="Q236" s="22" t="s">
        <v>268</v>
      </c>
      <c r="R236" s="22" t="s">
        <v>268</v>
      </c>
      <c r="S236" s="22" t="s">
        <v>268</v>
      </c>
      <c r="T236" s="22" t="s">
        <v>268</v>
      </c>
      <c r="U236" s="22" t="s">
        <v>268</v>
      </c>
      <c r="V236" s="22" t="s">
        <v>268</v>
      </c>
      <c r="W236" s="22" t="s">
        <v>268</v>
      </c>
      <c r="X236" s="22" t="s">
        <v>268</v>
      </c>
      <c r="Y236" s="22" t="s">
        <v>268</v>
      </c>
      <c r="Z236" s="16">
        <v>507</v>
      </c>
      <c r="AA236" s="16">
        <v>89</v>
      </c>
      <c r="AB236" s="22" t="s">
        <v>268</v>
      </c>
      <c r="AC236" s="22" t="s">
        <v>268</v>
      </c>
      <c r="AD236" s="22" t="s">
        <v>268</v>
      </c>
    </row>
    <row r="237" spans="1:30">
      <c r="A237" s="21" t="s">
        <v>240</v>
      </c>
      <c r="B237" s="21" t="s">
        <v>237</v>
      </c>
      <c r="C237" s="21" t="s">
        <v>265</v>
      </c>
      <c r="D237" s="21" t="s">
        <v>215</v>
      </c>
      <c r="E237" s="21" t="s">
        <v>214</v>
      </c>
      <c r="F237" s="21" t="s">
        <v>386</v>
      </c>
      <c r="G237" s="16">
        <v>7472</v>
      </c>
      <c r="H237" s="16">
        <v>7435</v>
      </c>
      <c r="I237" s="16">
        <v>5509</v>
      </c>
      <c r="J237" s="22" t="s">
        <v>268</v>
      </c>
      <c r="K237" s="16">
        <v>4753</v>
      </c>
      <c r="L237" s="16">
        <v>49</v>
      </c>
      <c r="M237" s="16">
        <v>707</v>
      </c>
      <c r="N237" s="16">
        <v>1926</v>
      </c>
      <c r="O237" s="22" t="s">
        <v>268</v>
      </c>
      <c r="P237" s="22" t="s">
        <v>268</v>
      </c>
      <c r="Q237" s="16">
        <v>548</v>
      </c>
      <c r="R237" s="16">
        <v>416</v>
      </c>
      <c r="S237" s="16">
        <v>30</v>
      </c>
      <c r="T237" s="16">
        <v>262</v>
      </c>
      <c r="U237" s="16">
        <v>122</v>
      </c>
      <c r="V237" s="16">
        <v>368</v>
      </c>
      <c r="W237" s="16">
        <v>1</v>
      </c>
      <c r="X237" s="16">
        <v>179</v>
      </c>
      <c r="Y237" s="16">
        <v>37</v>
      </c>
      <c r="Z237" s="22" t="s">
        <v>268</v>
      </c>
      <c r="AA237" s="22" t="s">
        <v>268</v>
      </c>
      <c r="AB237" s="16">
        <v>1880</v>
      </c>
      <c r="AC237" s="22" t="s">
        <v>268</v>
      </c>
      <c r="AD237" s="22" t="s">
        <v>268</v>
      </c>
    </row>
    <row r="238" spans="1:30">
      <c r="A238" s="21" t="s">
        <v>240</v>
      </c>
      <c r="B238" s="21" t="s">
        <v>237</v>
      </c>
      <c r="C238" s="21" t="s">
        <v>265</v>
      </c>
      <c r="D238" s="21" t="s">
        <v>215</v>
      </c>
      <c r="E238" s="21" t="s">
        <v>214</v>
      </c>
      <c r="F238" s="21" t="s">
        <v>387</v>
      </c>
      <c r="G238" s="16">
        <v>30758</v>
      </c>
      <c r="H238" s="16">
        <v>26250</v>
      </c>
      <c r="I238" s="16">
        <v>19113</v>
      </c>
      <c r="J238" s="16">
        <v>3302</v>
      </c>
      <c r="K238" s="16">
        <v>12539</v>
      </c>
      <c r="L238" s="16">
        <v>746</v>
      </c>
      <c r="M238" s="16">
        <v>2526</v>
      </c>
      <c r="N238" s="16">
        <v>7137</v>
      </c>
      <c r="O238" s="16">
        <v>352</v>
      </c>
      <c r="P238" s="16">
        <v>677</v>
      </c>
      <c r="Q238" s="16">
        <v>1505</v>
      </c>
      <c r="R238" s="16">
        <v>1868</v>
      </c>
      <c r="S238" s="16">
        <v>109</v>
      </c>
      <c r="T238" s="16">
        <v>600</v>
      </c>
      <c r="U238" s="16">
        <v>331</v>
      </c>
      <c r="V238" s="16">
        <v>810</v>
      </c>
      <c r="W238" s="16">
        <v>215</v>
      </c>
      <c r="X238" s="16">
        <v>670</v>
      </c>
      <c r="Y238" s="16">
        <v>356</v>
      </c>
      <c r="Z238" s="16">
        <v>4152</v>
      </c>
      <c r="AA238" s="22" t="s">
        <v>268</v>
      </c>
      <c r="AB238" s="16">
        <v>5494</v>
      </c>
      <c r="AC238" s="22" t="s">
        <v>268</v>
      </c>
      <c r="AD238" s="22" t="s">
        <v>268</v>
      </c>
    </row>
    <row r="239" spans="1:30">
      <c r="A239" s="21" t="s">
        <v>240</v>
      </c>
      <c r="B239" s="21" t="s">
        <v>237</v>
      </c>
      <c r="C239" s="21" t="s">
        <v>265</v>
      </c>
      <c r="D239" s="21" t="s">
        <v>215</v>
      </c>
      <c r="E239" s="21" t="s">
        <v>214</v>
      </c>
      <c r="F239" s="21" t="s">
        <v>388</v>
      </c>
      <c r="G239" s="16">
        <v>16540</v>
      </c>
      <c r="H239" s="16">
        <v>14285</v>
      </c>
      <c r="I239" s="16">
        <v>10658</v>
      </c>
      <c r="J239" s="16">
        <v>6943</v>
      </c>
      <c r="K239" s="16">
        <v>3015</v>
      </c>
      <c r="L239" s="16">
        <v>533</v>
      </c>
      <c r="M239" s="16">
        <v>167</v>
      </c>
      <c r="N239" s="16">
        <v>3627</v>
      </c>
      <c r="O239" s="16">
        <v>398</v>
      </c>
      <c r="P239" s="16">
        <v>511</v>
      </c>
      <c r="Q239" s="16">
        <v>884</v>
      </c>
      <c r="R239" s="16">
        <v>388</v>
      </c>
      <c r="S239" s="16">
        <v>173</v>
      </c>
      <c r="T239" s="16">
        <v>503</v>
      </c>
      <c r="U239" s="16">
        <v>150</v>
      </c>
      <c r="V239" s="16">
        <v>291</v>
      </c>
      <c r="W239" s="16">
        <v>178</v>
      </c>
      <c r="X239" s="16">
        <v>151</v>
      </c>
      <c r="Y239" s="16">
        <v>120</v>
      </c>
      <c r="Z239" s="16">
        <v>2135</v>
      </c>
      <c r="AA239" s="22" t="s">
        <v>268</v>
      </c>
      <c r="AB239" s="16">
        <v>2229</v>
      </c>
      <c r="AC239" s="16">
        <v>6738</v>
      </c>
      <c r="AD239" s="16">
        <v>2135</v>
      </c>
    </row>
    <row r="240" spans="1:30">
      <c r="A240" s="21" t="s">
        <v>240</v>
      </c>
      <c r="B240" s="21" t="s">
        <v>237</v>
      </c>
      <c r="C240" s="21" t="s">
        <v>265</v>
      </c>
      <c r="D240" s="21" t="s">
        <v>215</v>
      </c>
      <c r="E240" s="21" t="s">
        <v>214</v>
      </c>
      <c r="F240" s="21" t="s">
        <v>389</v>
      </c>
      <c r="G240" s="16">
        <v>7536</v>
      </c>
      <c r="H240" s="16">
        <v>6660</v>
      </c>
      <c r="I240" s="16">
        <v>4973</v>
      </c>
      <c r="J240" s="16">
        <v>3258</v>
      </c>
      <c r="K240" s="16">
        <v>1376</v>
      </c>
      <c r="L240" s="16">
        <v>338</v>
      </c>
      <c r="M240" s="16">
        <v>1</v>
      </c>
      <c r="N240" s="16">
        <v>1687</v>
      </c>
      <c r="O240" s="16">
        <v>312</v>
      </c>
      <c r="P240" s="16">
        <v>158</v>
      </c>
      <c r="Q240" s="16">
        <v>485</v>
      </c>
      <c r="R240" s="16">
        <v>147</v>
      </c>
      <c r="S240" s="16">
        <v>66</v>
      </c>
      <c r="T240" s="16">
        <v>217</v>
      </c>
      <c r="U240" s="16">
        <v>89</v>
      </c>
      <c r="V240" s="16">
        <v>109</v>
      </c>
      <c r="W240" s="16">
        <v>35</v>
      </c>
      <c r="X240" s="16">
        <v>69</v>
      </c>
      <c r="Y240" s="16">
        <v>44</v>
      </c>
      <c r="Z240" s="16">
        <v>832</v>
      </c>
      <c r="AA240" s="22" t="s">
        <v>268</v>
      </c>
      <c r="AB240" s="16">
        <v>1065</v>
      </c>
      <c r="AC240" s="16">
        <v>3249</v>
      </c>
      <c r="AD240" s="16">
        <v>832</v>
      </c>
    </row>
    <row r="241" spans="1:30">
      <c r="A241" s="21" t="s">
        <v>240</v>
      </c>
      <c r="B241" s="21" t="s">
        <v>237</v>
      </c>
      <c r="C241" s="21" t="s">
        <v>265</v>
      </c>
      <c r="D241" s="21" t="s">
        <v>215</v>
      </c>
      <c r="E241" s="21" t="s">
        <v>214</v>
      </c>
      <c r="F241" s="21" t="s">
        <v>390</v>
      </c>
      <c r="G241" s="16">
        <v>2151</v>
      </c>
      <c r="H241" s="16">
        <v>1832</v>
      </c>
      <c r="I241" s="16">
        <v>1205</v>
      </c>
      <c r="J241" s="16">
        <v>740</v>
      </c>
      <c r="K241" s="16">
        <v>305</v>
      </c>
      <c r="L241" s="16">
        <v>160</v>
      </c>
      <c r="M241" s="22" t="s">
        <v>268</v>
      </c>
      <c r="N241" s="16">
        <v>627</v>
      </c>
      <c r="O241" s="16">
        <v>140</v>
      </c>
      <c r="P241" s="16">
        <v>102</v>
      </c>
      <c r="Q241" s="16">
        <v>112</v>
      </c>
      <c r="R241" s="16">
        <v>78</v>
      </c>
      <c r="S241" s="16">
        <v>16</v>
      </c>
      <c r="T241" s="16">
        <v>44</v>
      </c>
      <c r="U241" s="16">
        <v>45</v>
      </c>
      <c r="V241" s="16">
        <v>50</v>
      </c>
      <c r="W241" s="16">
        <v>5</v>
      </c>
      <c r="X241" s="16">
        <v>35</v>
      </c>
      <c r="Y241" s="16">
        <v>11</v>
      </c>
      <c r="Z241" s="16">
        <v>308</v>
      </c>
      <c r="AA241" s="22" t="s">
        <v>268</v>
      </c>
      <c r="AB241" s="16">
        <v>344</v>
      </c>
      <c r="AC241" s="16">
        <v>740</v>
      </c>
      <c r="AD241" s="16">
        <v>308</v>
      </c>
    </row>
    <row r="242" spans="1:30">
      <c r="A242" s="21" t="s">
        <v>240</v>
      </c>
      <c r="B242" s="21" t="s">
        <v>237</v>
      </c>
      <c r="C242" s="21" t="s">
        <v>265</v>
      </c>
      <c r="D242" s="21" t="s">
        <v>215</v>
      </c>
      <c r="E242" s="21" t="s">
        <v>214</v>
      </c>
      <c r="F242" s="21" t="s">
        <v>391</v>
      </c>
      <c r="G242" s="16">
        <v>32839</v>
      </c>
      <c r="H242" s="16">
        <v>27657</v>
      </c>
      <c r="I242" s="16">
        <v>20180</v>
      </c>
      <c r="J242" s="16">
        <v>4999</v>
      </c>
      <c r="K242" s="16">
        <v>12127</v>
      </c>
      <c r="L242" s="16">
        <v>784</v>
      </c>
      <c r="M242" s="16">
        <v>2270</v>
      </c>
      <c r="N242" s="16">
        <v>7477</v>
      </c>
      <c r="O242" s="16">
        <v>396</v>
      </c>
      <c r="P242" s="16">
        <v>899</v>
      </c>
      <c r="Q242" s="16">
        <v>1485</v>
      </c>
      <c r="R242" s="16">
        <v>1835</v>
      </c>
      <c r="S242" s="16">
        <v>136</v>
      </c>
      <c r="T242" s="16">
        <v>615</v>
      </c>
      <c r="U242" s="16">
        <v>358</v>
      </c>
      <c r="V242" s="16">
        <v>842</v>
      </c>
      <c r="W242" s="16">
        <v>303</v>
      </c>
      <c r="X242" s="16">
        <v>608</v>
      </c>
      <c r="Y242" s="16">
        <v>380</v>
      </c>
      <c r="Z242" s="16">
        <v>4802</v>
      </c>
      <c r="AA242" s="22" t="s">
        <v>268</v>
      </c>
      <c r="AB242" s="16">
        <v>5430</v>
      </c>
      <c r="AC242" s="16">
        <v>1548</v>
      </c>
      <c r="AD242" s="16">
        <v>708</v>
      </c>
    </row>
    <row r="243" spans="1:30">
      <c r="A243" s="21" t="s">
        <v>240</v>
      </c>
      <c r="B243" s="21" t="s">
        <v>237</v>
      </c>
      <c r="C243" s="21" t="s">
        <v>265</v>
      </c>
      <c r="D243" s="21" t="s">
        <v>216</v>
      </c>
      <c r="E243" s="21" t="s">
        <v>214</v>
      </c>
      <c r="F243" s="21" t="s">
        <v>401</v>
      </c>
      <c r="G243" s="16">
        <v>62461</v>
      </c>
      <c r="H243" s="16">
        <v>52755</v>
      </c>
      <c r="I243" s="16">
        <v>37019</v>
      </c>
      <c r="J243" s="16">
        <v>10245</v>
      </c>
      <c r="K243" s="16">
        <v>19203</v>
      </c>
      <c r="L243" s="16">
        <v>408</v>
      </c>
      <c r="M243" s="16">
        <v>7163</v>
      </c>
      <c r="N243" s="16">
        <v>15736</v>
      </c>
      <c r="O243" s="16">
        <v>750</v>
      </c>
      <c r="P243" s="16">
        <v>1947</v>
      </c>
      <c r="Q243" s="16">
        <v>2926</v>
      </c>
      <c r="R243" s="16">
        <v>3399</v>
      </c>
      <c r="S243" s="16">
        <v>325</v>
      </c>
      <c r="T243" s="16">
        <v>1636</v>
      </c>
      <c r="U243" s="16">
        <v>718</v>
      </c>
      <c r="V243" s="16">
        <v>1802</v>
      </c>
      <c r="W243" s="16">
        <v>392</v>
      </c>
      <c r="X243" s="16">
        <v>1841</v>
      </c>
      <c r="Y243" s="16">
        <v>604</v>
      </c>
      <c r="Z243" s="16">
        <v>8997</v>
      </c>
      <c r="AA243" s="16">
        <v>105</v>
      </c>
      <c r="AB243" s="16">
        <v>11767</v>
      </c>
      <c r="AC243" s="16">
        <v>6738</v>
      </c>
      <c r="AD243" s="16">
        <v>4604</v>
      </c>
    </row>
    <row r="244" spans="1:30">
      <c r="A244" s="21" t="s">
        <v>240</v>
      </c>
      <c r="B244" s="21" t="s">
        <v>237</v>
      </c>
      <c r="C244" s="21" t="s">
        <v>265</v>
      </c>
      <c r="D244" s="21" t="s">
        <v>216</v>
      </c>
      <c r="E244" s="21" t="s">
        <v>214</v>
      </c>
      <c r="F244" s="21" t="s">
        <v>402</v>
      </c>
      <c r="G244" s="16">
        <v>2107</v>
      </c>
      <c r="H244" s="16">
        <v>2098</v>
      </c>
      <c r="I244" s="16">
        <v>1626</v>
      </c>
      <c r="J244" s="22" t="s">
        <v>268</v>
      </c>
      <c r="K244" s="16">
        <v>1511</v>
      </c>
      <c r="L244" s="16">
        <v>6</v>
      </c>
      <c r="M244" s="16">
        <v>109</v>
      </c>
      <c r="N244" s="16">
        <v>472</v>
      </c>
      <c r="O244" s="22" t="s">
        <v>268</v>
      </c>
      <c r="P244" s="22" t="s">
        <v>268</v>
      </c>
      <c r="Q244" s="16">
        <v>128</v>
      </c>
      <c r="R244" s="16">
        <v>91</v>
      </c>
      <c r="S244" s="16">
        <v>8</v>
      </c>
      <c r="T244" s="16">
        <v>46</v>
      </c>
      <c r="U244" s="16">
        <v>46</v>
      </c>
      <c r="V244" s="16">
        <v>123</v>
      </c>
      <c r="W244" s="22" t="s">
        <v>268</v>
      </c>
      <c r="X244" s="16">
        <v>30</v>
      </c>
      <c r="Y244" s="16">
        <v>9</v>
      </c>
      <c r="Z244" s="22" t="s">
        <v>268</v>
      </c>
      <c r="AA244" s="22" t="s">
        <v>268</v>
      </c>
      <c r="AB244" s="16">
        <v>463</v>
      </c>
      <c r="AC244" s="22" t="s">
        <v>268</v>
      </c>
      <c r="AD244" s="22" t="s">
        <v>268</v>
      </c>
    </row>
    <row r="245" spans="1:30">
      <c r="A245" s="21" t="s">
        <v>240</v>
      </c>
      <c r="B245" s="21" t="s">
        <v>237</v>
      </c>
      <c r="C245" s="21" t="s">
        <v>265</v>
      </c>
      <c r="D245" s="21" t="s">
        <v>216</v>
      </c>
      <c r="E245" s="21" t="s">
        <v>214</v>
      </c>
      <c r="F245" s="21" t="s">
        <v>403</v>
      </c>
      <c r="G245" s="16">
        <v>2538</v>
      </c>
      <c r="H245" s="16">
        <v>2520</v>
      </c>
      <c r="I245" s="16">
        <v>1913</v>
      </c>
      <c r="J245" s="22" t="s">
        <v>268</v>
      </c>
      <c r="K245" s="16">
        <v>1643</v>
      </c>
      <c r="L245" s="16">
        <v>19</v>
      </c>
      <c r="M245" s="16">
        <v>251</v>
      </c>
      <c r="N245" s="16">
        <v>607</v>
      </c>
      <c r="O245" s="22" t="s">
        <v>268</v>
      </c>
      <c r="P245" s="22" t="s">
        <v>268</v>
      </c>
      <c r="Q245" s="16">
        <v>193</v>
      </c>
      <c r="R245" s="16">
        <v>115</v>
      </c>
      <c r="S245" s="16">
        <v>4</v>
      </c>
      <c r="T245" s="16">
        <v>75</v>
      </c>
      <c r="U245" s="16">
        <v>29</v>
      </c>
      <c r="V245" s="16">
        <v>128</v>
      </c>
      <c r="W245" s="22" t="s">
        <v>268</v>
      </c>
      <c r="X245" s="16">
        <v>63</v>
      </c>
      <c r="Y245" s="16">
        <v>18</v>
      </c>
      <c r="Z245" s="22" t="s">
        <v>268</v>
      </c>
      <c r="AA245" s="22" t="s">
        <v>268</v>
      </c>
      <c r="AB245" s="16">
        <v>604</v>
      </c>
      <c r="AC245" s="22" t="s">
        <v>268</v>
      </c>
      <c r="AD245" s="22" t="s">
        <v>268</v>
      </c>
    </row>
    <row r="246" spans="1:30">
      <c r="A246" s="21" t="s">
        <v>240</v>
      </c>
      <c r="B246" s="21" t="s">
        <v>237</v>
      </c>
      <c r="C246" s="21" t="s">
        <v>265</v>
      </c>
      <c r="D246" s="21" t="s">
        <v>216</v>
      </c>
      <c r="E246" s="21" t="s">
        <v>214</v>
      </c>
      <c r="F246" s="21" t="s">
        <v>404</v>
      </c>
      <c r="G246" s="16">
        <v>2528</v>
      </c>
      <c r="H246" s="16">
        <v>2516</v>
      </c>
      <c r="I246" s="16">
        <v>1811</v>
      </c>
      <c r="J246" s="22" t="s">
        <v>268</v>
      </c>
      <c r="K246" s="16">
        <v>1420</v>
      </c>
      <c r="L246" s="16">
        <v>35</v>
      </c>
      <c r="M246" s="16">
        <v>356</v>
      </c>
      <c r="N246" s="16">
        <v>705</v>
      </c>
      <c r="O246" s="22" t="s">
        <v>268</v>
      </c>
      <c r="P246" s="22" t="s">
        <v>268</v>
      </c>
      <c r="Q246" s="16">
        <v>223</v>
      </c>
      <c r="R246" s="16">
        <v>174</v>
      </c>
      <c r="S246" s="16">
        <v>14</v>
      </c>
      <c r="T246" s="16">
        <v>104</v>
      </c>
      <c r="U246" s="16">
        <v>21</v>
      </c>
      <c r="V246" s="16">
        <v>90</v>
      </c>
      <c r="W246" s="22" t="s">
        <v>268</v>
      </c>
      <c r="X246" s="16">
        <v>79</v>
      </c>
      <c r="Y246" s="16">
        <v>12</v>
      </c>
      <c r="Z246" s="22" t="s">
        <v>268</v>
      </c>
      <c r="AA246" s="22" t="s">
        <v>268</v>
      </c>
      <c r="AB246" s="16">
        <v>683</v>
      </c>
      <c r="AC246" s="22" t="s">
        <v>268</v>
      </c>
      <c r="AD246" s="22" t="s">
        <v>268</v>
      </c>
    </row>
    <row r="247" spans="1:30">
      <c r="A247" s="21" t="s">
        <v>240</v>
      </c>
      <c r="B247" s="21" t="s">
        <v>237</v>
      </c>
      <c r="C247" s="21" t="s">
        <v>265</v>
      </c>
      <c r="D247" s="21" t="s">
        <v>216</v>
      </c>
      <c r="E247" s="21" t="s">
        <v>214</v>
      </c>
      <c r="F247" s="21" t="s">
        <v>405</v>
      </c>
      <c r="G247" s="16">
        <v>2480</v>
      </c>
      <c r="H247" s="16">
        <v>2418</v>
      </c>
      <c r="I247" s="16">
        <v>1701</v>
      </c>
      <c r="J247" s="16">
        <v>2</v>
      </c>
      <c r="K247" s="16">
        <v>1265</v>
      </c>
      <c r="L247" s="16">
        <v>48</v>
      </c>
      <c r="M247" s="16">
        <v>386</v>
      </c>
      <c r="N247" s="16">
        <v>717</v>
      </c>
      <c r="O247" s="22" t="s">
        <v>268</v>
      </c>
      <c r="P247" s="22" t="s">
        <v>268</v>
      </c>
      <c r="Q247" s="16">
        <v>210</v>
      </c>
      <c r="R247" s="16">
        <v>185</v>
      </c>
      <c r="S247" s="16">
        <v>12</v>
      </c>
      <c r="T247" s="16">
        <v>110</v>
      </c>
      <c r="U247" s="16">
        <v>15</v>
      </c>
      <c r="V247" s="16">
        <v>77</v>
      </c>
      <c r="W247" s="16">
        <v>2</v>
      </c>
      <c r="X247" s="16">
        <v>106</v>
      </c>
      <c r="Y247" s="16">
        <v>16</v>
      </c>
      <c r="Z247" s="16">
        <v>46</v>
      </c>
      <c r="AA247" s="22" t="s">
        <v>268</v>
      </c>
      <c r="AB247" s="16">
        <v>693</v>
      </c>
      <c r="AC247" s="22" t="s">
        <v>268</v>
      </c>
      <c r="AD247" s="22" t="s">
        <v>268</v>
      </c>
    </row>
    <row r="248" spans="1:30">
      <c r="A248" s="21" t="s">
        <v>240</v>
      </c>
      <c r="B248" s="21" t="s">
        <v>237</v>
      </c>
      <c r="C248" s="21" t="s">
        <v>265</v>
      </c>
      <c r="D248" s="21" t="s">
        <v>216</v>
      </c>
      <c r="E248" s="21" t="s">
        <v>214</v>
      </c>
      <c r="F248" s="21" t="s">
        <v>406</v>
      </c>
      <c r="G248" s="16">
        <v>2304</v>
      </c>
      <c r="H248" s="16">
        <v>1615</v>
      </c>
      <c r="I248" s="16">
        <v>1052</v>
      </c>
      <c r="J248" s="16">
        <v>56</v>
      </c>
      <c r="K248" s="16">
        <v>728</v>
      </c>
      <c r="L248" s="16">
        <v>26</v>
      </c>
      <c r="M248" s="16">
        <v>242</v>
      </c>
      <c r="N248" s="16">
        <v>563</v>
      </c>
      <c r="O248" s="16">
        <v>2</v>
      </c>
      <c r="P248" s="16">
        <v>2</v>
      </c>
      <c r="Q248" s="16">
        <v>123</v>
      </c>
      <c r="R248" s="16">
        <v>165</v>
      </c>
      <c r="S248" s="16">
        <v>14</v>
      </c>
      <c r="T248" s="16">
        <v>65</v>
      </c>
      <c r="U248" s="16">
        <v>19</v>
      </c>
      <c r="V248" s="16">
        <v>64</v>
      </c>
      <c r="W248" s="16">
        <v>6</v>
      </c>
      <c r="X248" s="16">
        <v>103</v>
      </c>
      <c r="Y248" s="16">
        <v>75</v>
      </c>
      <c r="Z248" s="16">
        <v>614</v>
      </c>
      <c r="AA248" s="22" t="s">
        <v>268</v>
      </c>
      <c r="AB248" s="16">
        <v>532</v>
      </c>
      <c r="AC248" s="22" t="s">
        <v>268</v>
      </c>
      <c r="AD248" s="22" t="s">
        <v>268</v>
      </c>
    </row>
    <row r="249" spans="1:30">
      <c r="A249" s="21" t="s">
        <v>240</v>
      </c>
      <c r="B249" s="21" t="s">
        <v>237</v>
      </c>
      <c r="C249" s="21" t="s">
        <v>265</v>
      </c>
      <c r="D249" s="21" t="s">
        <v>216</v>
      </c>
      <c r="E249" s="21" t="s">
        <v>214</v>
      </c>
      <c r="F249" s="21" t="s">
        <v>407</v>
      </c>
      <c r="G249" s="16">
        <v>2517</v>
      </c>
      <c r="H249" s="16">
        <v>1767</v>
      </c>
      <c r="I249" s="16">
        <v>1264</v>
      </c>
      <c r="J249" s="16">
        <v>173</v>
      </c>
      <c r="K249" s="16">
        <v>844</v>
      </c>
      <c r="L249" s="16">
        <v>30</v>
      </c>
      <c r="M249" s="16">
        <v>217</v>
      </c>
      <c r="N249" s="16">
        <v>503</v>
      </c>
      <c r="O249" s="16">
        <v>5</v>
      </c>
      <c r="P249" s="16">
        <v>2</v>
      </c>
      <c r="Q249" s="16">
        <v>85</v>
      </c>
      <c r="R249" s="16">
        <v>137</v>
      </c>
      <c r="S249" s="16">
        <v>8</v>
      </c>
      <c r="T249" s="16">
        <v>77</v>
      </c>
      <c r="U249" s="16">
        <v>32</v>
      </c>
      <c r="V249" s="16">
        <v>73</v>
      </c>
      <c r="W249" s="16">
        <v>11</v>
      </c>
      <c r="X249" s="16">
        <v>73</v>
      </c>
      <c r="Y249" s="16">
        <v>70</v>
      </c>
      <c r="Z249" s="16">
        <v>680</v>
      </c>
      <c r="AA249" s="22" t="s">
        <v>268</v>
      </c>
      <c r="AB249" s="16">
        <v>475</v>
      </c>
      <c r="AC249" s="22" t="s">
        <v>268</v>
      </c>
      <c r="AD249" s="22" t="s">
        <v>268</v>
      </c>
    </row>
    <row r="250" spans="1:30">
      <c r="A250" s="21" t="s">
        <v>240</v>
      </c>
      <c r="B250" s="21" t="s">
        <v>237</v>
      </c>
      <c r="C250" s="21" t="s">
        <v>265</v>
      </c>
      <c r="D250" s="21" t="s">
        <v>216</v>
      </c>
      <c r="E250" s="21" t="s">
        <v>214</v>
      </c>
      <c r="F250" s="21" t="s">
        <v>408</v>
      </c>
      <c r="G250" s="16">
        <v>2900</v>
      </c>
      <c r="H250" s="16">
        <v>2443</v>
      </c>
      <c r="I250" s="16">
        <v>1863</v>
      </c>
      <c r="J250" s="16">
        <v>201</v>
      </c>
      <c r="K250" s="16">
        <v>1364</v>
      </c>
      <c r="L250" s="16">
        <v>25</v>
      </c>
      <c r="M250" s="16">
        <v>273</v>
      </c>
      <c r="N250" s="16">
        <v>580</v>
      </c>
      <c r="O250" s="16">
        <v>6</v>
      </c>
      <c r="P250" s="16">
        <v>8</v>
      </c>
      <c r="Q250" s="16">
        <v>102</v>
      </c>
      <c r="R250" s="16">
        <v>129</v>
      </c>
      <c r="S250" s="16">
        <v>8</v>
      </c>
      <c r="T250" s="16">
        <v>83</v>
      </c>
      <c r="U250" s="16">
        <v>49</v>
      </c>
      <c r="V250" s="16">
        <v>110</v>
      </c>
      <c r="W250" s="16">
        <v>8</v>
      </c>
      <c r="X250" s="16">
        <v>77</v>
      </c>
      <c r="Y250" s="16">
        <v>48</v>
      </c>
      <c r="Z250" s="16">
        <v>409</v>
      </c>
      <c r="AA250" s="22" t="s">
        <v>268</v>
      </c>
      <c r="AB250" s="16">
        <v>535</v>
      </c>
      <c r="AC250" s="22" t="s">
        <v>268</v>
      </c>
      <c r="AD250" s="22" t="s">
        <v>268</v>
      </c>
    </row>
    <row r="251" spans="1:30">
      <c r="A251" s="21" t="s">
        <v>240</v>
      </c>
      <c r="B251" s="21" t="s">
        <v>237</v>
      </c>
      <c r="C251" s="21" t="s">
        <v>265</v>
      </c>
      <c r="D251" s="21" t="s">
        <v>216</v>
      </c>
      <c r="E251" s="21" t="s">
        <v>214</v>
      </c>
      <c r="F251" s="21" t="s">
        <v>409</v>
      </c>
      <c r="G251" s="16">
        <v>3256</v>
      </c>
      <c r="H251" s="16">
        <v>2935</v>
      </c>
      <c r="I251" s="16">
        <v>2206</v>
      </c>
      <c r="J251" s="16">
        <v>152</v>
      </c>
      <c r="K251" s="16">
        <v>1653</v>
      </c>
      <c r="L251" s="16">
        <v>23</v>
      </c>
      <c r="M251" s="16">
        <v>378</v>
      </c>
      <c r="N251" s="16">
        <v>729</v>
      </c>
      <c r="O251" s="16">
        <v>17</v>
      </c>
      <c r="P251" s="16">
        <v>17</v>
      </c>
      <c r="Q251" s="16">
        <v>166</v>
      </c>
      <c r="R251" s="16">
        <v>145</v>
      </c>
      <c r="S251" s="16">
        <v>7</v>
      </c>
      <c r="T251" s="16">
        <v>112</v>
      </c>
      <c r="U251" s="16">
        <v>40</v>
      </c>
      <c r="V251" s="16">
        <v>131</v>
      </c>
      <c r="W251" s="16">
        <v>13</v>
      </c>
      <c r="X251" s="16">
        <v>81</v>
      </c>
      <c r="Y251" s="16">
        <v>36</v>
      </c>
      <c r="Z251" s="16">
        <v>285</v>
      </c>
      <c r="AA251" s="22" t="s">
        <v>268</v>
      </c>
      <c r="AB251" s="16">
        <v>664</v>
      </c>
      <c r="AC251" s="22" t="s">
        <v>268</v>
      </c>
      <c r="AD251" s="22" t="s">
        <v>268</v>
      </c>
    </row>
    <row r="252" spans="1:30">
      <c r="A252" s="21" t="s">
        <v>240</v>
      </c>
      <c r="B252" s="21" t="s">
        <v>237</v>
      </c>
      <c r="C252" s="21" t="s">
        <v>265</v>
      </c>
      <c r="D252" s="21" t="s">
        <v>216</v>
      </c>
      <c r="E252" s="21" t="s">
        <v>214</v>
      </c>
      <c r="F252" s="21" t="s">
        <v>410</v>
      </c>
      <c r="G252" s="16">
        <v>3504</v>
      </c>
      <c r="H252" s="16">
        <v>3260</v>
      </c>
      <c r="I252" s="16">
        <v>2450</v>
      </c>
      <c r="J252" s="16">
        <v>195</v>
      </c>
      <c r="K252" s="16">
        <v>1747</v>
      </c>
      <c r="L252" s="16">
        <v>33</v>
      </c>
      <c r="M252" s="16">
        <v>475</v>
      </c>
      <c r="N252" s="16">
        <v>810</v>
      </c>
      <c r="O252" s="16">
        <v>14</v>
      </c>
      <c r="P252" s="16">
        <v>21</v>
      </c>
      <c r="Q252" s="16">
        <v>203</v>
      </c>
      <c r="R252" s="16">
        <v>178</v>
      </c>
      <c r="S252" s="16">
        <v>3</v>
      </c>
      <c r="T252" s="16">
        <v>128</v>
      </c>
      <c r="U252" s="16">
        <v>24</v>
      </c>
      <c r="V252" s="16">
        <v>122</v>
      </c>
      <c r="W252" s="16">
        <v>13</v>
      </c>
      <c r="X252" s="16">
        <v>104</v>
      </c>
      <c r="Y252" s="16">
        <v>39</v>
      </c>
      <c r="Z252" s="16">
        <v>205</v>
      </c>
      <c r="AA252" s="22" t="s">
        <v>268</v>
      </c>
      <c r="AB252" s="16">
        <v>733</v>
      </c>
      <c r="AC252" s="22" t="s">
        <v>268</v>
      </c>
      <c r="AD252" s="22" t="s">
        <v>268</v>
      </c>
    </row>
    <row r="253" spans="1:30">
      <c r="A253" s="21" t="s">
        <v>240</v>
      </c>
      <c r="B253" s="21" t="s">
        <v>237</v>
      </c>
      <c r="C253" s="21" t="s">
        <v>265</v>
      </c>
      <c r="D253" s="21" t="s">
        <v>216</v>
      </c>
      <c r="E253" s="21" t="s">
        <v>214</v>
      </c>
      <c r="F253" s="21" t="s">
        <v>411</v>
      </c>
      <c r="G253" s="16">
        <v>3889</v>
      </c>
      <c r="H253" s="16">
        <v>3541</v>
      </c>
      <c r="I253" s="16">
        <v>2611</v>
      </c>
      <c r="J253" s="16">
        <v>368</v>
      </c>
      <c r="K253" s="16">
        <v>1640</v>
      </c>
      <c r="L253" s="16">
        <v>45</v>
      </c>
      <c r="M253" s="16">
        <v>558</v>
      </c>
      <c r="N253" s="16">
        <v>930</v>
      </c>
      <c r="O253" s="16">
        <v>60</v>
      </c>
      <c r="P253" s="16">
        <v>46</v>
      </c>
      <c r="Q253" s="16">
        <v>253</v>
      </c>
      <c r="R253" s="16">
        <v>229</v>
      </c>
      <c r="S253" s="16">
        <v>4</v>
      </c>
      <c r="T253" s="16">
        <v>103</v>
      </c>
      <c r="U253" s="16">
        <v>29</v>
      </c>
      <c r="V253" s="16">
        <v>86</v>
      </c>
      <c r="W253" s="16">
        <v>14</v>
      </c>
      <c r="X253" s="16">
        <v>106</v>
      </c>
      <c r="Y253" s="16">
        <v>43</v>
      </c>
      <c r="Z253" s="16">
        <v>305</v>
      </c>
      <c r="AA253" s="22" t="s">
        <v>268</v>
      </c>
      <c r="AB253" s="16">
        <v>776</v>
      </c>
      <c r="AC253" s="22" t="s">
        <v>268</v>
      </c>
      <c r="AD253" s="22" t="s">
        <v>268</v>
      </c>
    </row>
    <row r="254" spans="1:30">
      <c r="A254" s="21" t="s">
        <v>240</v>
      </c>
      <c r="B254" s="21" t="s">
        <v>237</v>
      </c>
      <c r="C254" s="21" t="s">
        <v>265</v>
      </c>
      <c r="D254" s="21" t="s">
        <v>216</v>
      </c>
      <c r="E254" s="21" t="s">
        <v>214</v>
      </c>
      <c r="F254" s="21" t="s">
        <v>412</v>
      </c>
      <c r="G254" s="16">
        <v>3751</v>
      </c>
      <c r="H254" s="16">
        <v>3360</v>
      </c>
      <c r="I254" s="16">
        <v>2366</v>
      </c>
      <c r="J254" s="16">
        <v>616</v>
      </c>
      <c r="K254" s="16">
        <v>1213</v>
      </c>
      <c r="L254" s="16">
        <v>45</v>
      </c>
      <c r="M254" s="16">
        <v>492</v>
      </c>
      <c r="N254" s="16">
        <v>994</v>
      </c>
      <c r="O254" s="16">
        <v>94</v>
      </c>
      <c r="P254" s="16">
        <v>140</v>
      </c>
      <c r="Q254" s="16">
        <v>165</v>
      </c>
      <c r="R254" s="16">
        <v>260</v>
      </c>
      <c r="S254" s="16">
        <v>8</v>
      </c>
      <c r="T254" s="16">
        <v>79</v>
      </c>
      <c r="U254" s="16">
        <v>45</v>
      </c>
      <c r="V254" s="16">
        <v>69</v>
      </c>
      <c r="W254" s="16">
        <v>29</v>
      </c>
      <c r="X254" s="16">
        <v>105</v>
      </c>
      <c r="Y254" s="16">
        <v>44</v>
      </c>
      <c r="Z254" s="16">
        <v>347</v>
      </c>
      <c r="AA254" s="22" t="s">
        <v>268</v>
      </c>
      <c r="AB254" s="16">
        <v>673</v>
      </c>
      <c r="AC254" s="22" t="s">
        <v>268</v>
      </c>
      <c r="AD254" s="22" t="s">
        <v>268</v>
      </c>
    </row>
    <row r="255" spans="1:30">
      <c r="A255" s="21" t="s">
        <v>240</v>
      </c>
      <c r="B255" s="21" t="s">
        <v>237</v>
      </c>
      <c r="C255" s="21" t="s">
        <v>265</v>
      </c>
      <c r="D255" s="21" t="s">
        <v>216</v>
      </c>
      <c r="E255" s="21" t="s">
        <v>214</v>
      </c>
      <c r="F255" s="21" t="s">
        <v>413</v>
      </c>
      <c r="G255" s="16">
        <v>3990</v>
      </c>
      <c r="H255" s="16">
        <v>3496</v>
      </c>
      <c r="I255" s="16">
        <v>2358</v>
      </c>
      <c r="J255" s="16">
        <v>983</v>
      </c>
      <c r="K255" s="16">
        <v>878</v>
      </c>
      <c r="L255" s="16">
        <v>41</v>
      </c>
      <c r="M255" s="16">
        <v>456</v>
      </c>
      <c r="N255" s="16">
        <v>1138</v>
      </c>
      <c r="O255" s="16">
        <v>98</v>
      </c>
      <c r="P255" s="16">
        <v>269</v>
      </c>
      <c r="Q255" s="16">
        <v>122</v>
      </c>
      <c r="R255" s="16">
        <v>230</v>
      </c>
      <c r="S255" s="16">
        <v>13</v>
      </c>
      <c r="T255" s="16">
        <v>81</v>
      </c>
      <c r="U255" s="16">
        <v>68</v>
      </c>
      <c r="V255" s="16">
        <v>93</v>
      </c>
      <c r="W255" s="16">
        <v>33</v>
      </c>
      <c r="X255" s="16">
        <v>131</v>
      </c>
      <c r="Y255" s="16">
        <v>43</v>
      </c>
      <c r="Z255" s="16">
        <v>451</v>
      </c>
      <c r="AA255" s="22" t="s">
        <v>268</v>
      </c>
      <c r="AB255" s="16">
        <v>669</v>
      </c>
      <c r="AC255" s="22" t="s">
        <v>268</v>
      </c>
      <c r="AD255" s="22" t="s">
        <v>268</v>
      </c>
    </row>
    <row r="256" spans="1:30">
      <c r="A256" s="21" t="s">
        <v>240</v>
      </c>
      <c r="B256" s="21" t="s">
        <v>237</v>
      </c>
      <c r="C256" s="21" t="s">
        <v>265</v>
      </c>
      <c r="D256" s="21" t="s">
        <v>216</v>
      </c>
      <c r="E256" s="21" t="s">
        <v>214</v>
      </c>
      <c r="F256" s="21" t="s">
        <v>414</v>
      </c>
      <c r="G256" s="16">
        <v>4360</v>
      </c>
      <c r="H256" s="16">
        <v>3774</v>
      </c>
      <c r="I256" s="16">
        <v>2571</v>
      </c>
      <c r="J256" s="16">
        <v>1404</v>
      </c>
      <c r="K256" s="16">
        <v>756</v>
      </c>
      <c r="L256" s="16">
        <v>22</v>
      </c>
      <c r="M256" s="16">
        <v>389</v>
      </c>
      <c r="N256" s="16">
        <v>1203</v>
      </c>
      <c r="O256" s="16">
        <v>69</v>
      </c>
      <c r="P256" s="16">
        <v>308</v>
      </c>
      <c r="Q256" s="16">
        <v>144</v>
      </c>
      <c r="R256" s="16">
        <v>218</v>
      </c>
      <c r="S256" s="16">
        <v>23</v>
      </c>
      <c r="T256" s="16">
        <v>103</v>
      </c>
      <c r="U256" s="16">
        <v>55</v>
      </c>
      <c r="V256" s="16">
        <v>132</v>
      </c>
      <c r="W256" s="16">
        <v>44</v>
      </c>
      <c r="X256" s="16">
        <v>107</v>
      </c>
      <c r="Y256" s="16">
        <v>31</v>
      </c>
      <c r="Z256" s="16">
        <v>555</v>
      </c>
      <c r="AA256" s="22" t="s">
        <v>268</v>
      </c>
      <c r="AB256" s="16">
        <v>706</v>
      </c>
      <c r="AC256" s="16">
        <v>765</v>
      </c>
      <c r="AD256" s="22" t="s">
        <v>268</v>
      </c>
    </row>
    <row r="257" spans="1:30">
      <c r="A257" s="21" t="s">
        <v>240</v>
      </c>
      <c r="B257" s="21" t="s">
        <v>237</v>
      </c>
      <c r="C257" s="21" t="s">
        <v>265</v>
      </c>
      <c r="D257" s="21" t="s">
        <v>216</v>
      </c>
      <c r="E257" s="21" t="s">
        <v>214</v>
      </c>
      <c r="F257" s="21" t="s">
        <v>415</v>
      </c>
      <c r="G257" s="16">
        <v>4959</v>
      </c>
      <c r="H257" s="16">
        <v>4198</v>
      </c>
      <c r="I257" s="16">
        <v>3029</v>
      </c>
      <c r="J257" s="16">
        <v>1821</v>
      </c>
      <c r="K257" s="16">
        <v>825</v>
      </c>
      <c r="L257" s="16">
        <v>8</v>
      </c>
      <c r="M257" s="16">
        <v>375</v>
      </c>
      <c r="N257" s="16">
        <v>1169</v>
      </c>
      <c r="O257" s="16">
        <v>52</v>
      </c>
      <c r="P257" s="16">
        <v>183</v>
      </c>
      <c r="Q257" s="16">
        <v>210</v>
      </c>
      <c r="R257" s="16">
        <v>158</v>
      </c>
      <c r="S257" s="16">
        <v>71</v>
      </c>
      <c r="T257" s="16">
        <v>155</v>
      </c>
      <c r="U257" s="16">
        <v>40</v>
      </c>
      <c r="V257" s="16">
        <v>125</v>
      </c>
      <c r="W257" s="16">
        <v>61</v>
      </c>
      <c r="X257" s="16">
        <v>114</v>
      </c>
      <c r="Y257" s="16">
        <v>36</v>
      </c>
      <c r="Z257" s="16">
        <v>725</v>
      </c>
      <c r="AA257" s="22" t="s">
        <v>268</v>
      </c>
      <c r="AB257" s="16">
        <v>745</v>
      </c>
      <c r="AC257" s="16">
        <v>1716</v>
      </c>
      <c r="AD257" s="16">
        <v>725</v>
      </c>
    </row>
    <row r="258" spans="1:30">
      <c r="A258" s="21" t="s">
        <v>240</v>
      </c>
      <c r="B258" s="21" t="s">
        <v>237</v>
      </c>
      <c r="C258" s="21" t="s">
        <v>265</v>
      </c>
      <c r="D258" s="21" t="s">
        <v>216</v>
      </c>
      <c r="E258" s="21" t="s">
        <v>214</v>
      </c>
      <c r="F258" s="21" t="s">
        <v>416</v>
      </c>
      <c r="G258" s="16">
        <v>5027</v>
      </c>
      <c r="H258" s="16">
        <v>4074</v>
      </c>
      <c r="I258" s="16">
        <v>3028</v>
      </c>
      <c r="J258" s="16">
        <v>1882</v>
      </c>
      <c r="K258" s="16">
        <v>732</v>
      </c>
      <c r="L258" s="16">
        <v>2</v>
      </c>
      <c r="M258" s="16">
        <v>412</v>
      </c>
      <c r="N258" s="16">
        <v>1046</v>
      </c>
      <c r="O258" s="16">
        <v>47</v>
      </c>
      <c r="P258" s="16">
        <v>97</v>
      </c>
      <c r="Q258" s="16">
        <v>237</v>
      </c>
      <c r="R258" s="16">
        <v>182</v>
      </c>
      <c r="S258" s="16">
        <v>50</v>
      </c>
      <c r="T258" s="16">
        <v>149</v>
      </c>
      <c r="U258" s="16">
        <v>29</v>
      </c>
      <c r="V258" s="16">
        <v>68</v>
      </c>
      <c r="W258" s="16">
        <v>65</v>
      </c>
      <c r="X258" s="16">
        <v>122</v>
      </c>
      <c r="Y258" s="16">
        <v>27</v>
      </c>
      <c r="Z258" s="16">
        <v>926</v>
      </c>
      <c r="AA258" s="22" t="s">
        <v>268</v>
      </c>
      <c r="AB258" s="16">
        <v>736</v>
      </c>
      <c r="AC258" s="16">
        <v>1867</v>
      </c>
      <c r="AD258" s="16">
        <v>926</v>
      </c>
    </row>
    <row r="259" spans="1:30">
      <c r="A259" s="21" t="s">
        <v>240</v>
      </c>
      <c r="B259" s="21" t="s">
        <v>237</v>
      </c>
      <c r="C259" s="21" t="s">
        <v>265</v>
      </c>
      <c r="D259" s="21" t="s">
        <v>216</v>
      </c>
      <c r="E259" s="21" t="s">
        <v>214</v>
      </c>
      <c r="F259" s="21" t="s">
        <v>417</v>
      </c>
      <c r="G259" s="16">
        <v>4144</v>
      </c>
      <c r="H259" s="16">
        <v>3185</v>
      </c>
      <c r="I259" s="16">
        <v>2286</v>
      </c>
      <c r="J259" s="16">
        <v>1280</v>
      </c>
      <c r="K259" s="16">
        <v>527</v>
      </c>
      <c r="L259" s="22" t="s">
        <v>268</v>
      </c>
      <c r="M259" s="16">
        <v>479</v>
      </c>
      <c r="N259" s="16">
        <v>899</v>
      </c>
      <c r="O259" s="16">
        <v>96</v>
      </c>
      <c r="P259" s="16">
        <v>82</v>
      </c>
      <c r="Q259" s="16">
        <v>182</v>
      </c>
      <c r="R259" s="16">
        <v>196</v>
      </c>
      <c r="S259" s="16">
        <v>35</v>
      </c>
      <c r="T259" s="16">
        <v>85</v>
      </c>
      <c r="U259" s="16">
        <v>33</v>
      </c>
      <c r="V259" s="16">
        <v>43</v>
      </c>
      <c r="W259" s="16">
        <v>42</v>
      </c>
      <c r="X259" s="16">
        <v>105</v>
      </c>
      <c r="Y259" s="16">
        <v>21</v>
      </c>
      <c r="Z259" s="16">
        <v>938</v>
      </c>
      <c r="AA259" s="22" t="s">
        <v>268</v>
      </c>
      <c r="AB259" s="16">
        <v>593</v>
      </c>
      <c r="AC259" s="16">
        <v>1279</v>
      </c>
      <c r="AD259" s="16">
        <v>938</v>
      </c>
    </row>
    <row r="260" spans="1:30">
      <c r="A260" s="21" t="s">
        <v>240</v>
      </c>
      <c r="B260" s="21" t="s">
        <v>237</v>
      </c>
      <c r="C260" s="21" t="s">
        <v>265</v>
      </c>
      <c r="D260" s="21" t="s">
        <v>216</v>
      </c>
      <c r="E260" s="21" t="s">
        <v>214</v>
      </c>
      <c r="F260" s="21" t="s">
        <v>418</v>
      </c>
      <c r="G260" s="16">
        <v>3573</v>
      </c>
      <c r="H260" s="16">
        <v>2585</v>
      </c>
      <c r="I260" s="16">
        <v>1615</v>
      </c>
      <c r="J260" s="16">
        <v>771</v>
      </c>
      <c r="K260" s="16">
        <v>315</v>
      </c>
      <c r="L260" s="22" t="s">
        <v>268</v>
      </c>
      <c r="M260" s="16">
        <v>529</v>
      </c>
      <c r="N260" s="16">
        <v>970</v>
      </c>
      <c r="O260" s="16">
        <v>98</v>
      </c>
      <c r="P260" s="16">
        <v>202</v>
      </c>
      <c r="Q260" s="16">
        <v>130</v>
      </c>
      <c r="R260" s="16">
        <v>207</v>
      </c>
      <c r="S260" s="16">
        <v>23</v>
      </c>
      <c r="T260" s="16">
        <v>45</v>
      </c>
      <c r="U260" s="16">
        <v>45</v>
      </c>
      <c r="V260" s="16">
        <v>62</v>
      </c>
      <c r="W260" s="16">
        <v>25</v>
      </c>
      <c r="X260" s="16">
        <v>133</v>
      </c>
      <c r="Y260" s="16">
        <v>21</v>
      </c>
      <c r="Z260" s="16">
        <v>967</v>
      </c>
      <c r="AA260" s="22" t="s">
        <v>268</v>
      </c>
      <c r="AB260" s="16">
        <v>573</v>
      </c>
      <c r="AC260" s="16">
        <v>771</v>
      </c>
      <c r="AD260" s="16">
        <v>967</v>
      </c>
    </row>
    <row r="261" spans="1:30">
      <c r="A261" s="21" t="s">
        <v>240</v>
      </c>
      <c r="B261" s="21" t="s">
        <v>237</v>
      </c>
      <c r="C261" s="21" t="s">
        <v>265</v>
      </c>
      <c r="D261" s="21" t="s">
        <v>216</v>
      </c>
      <c r="E261" s="21" t="s">
        <v>214</v>
      </c>
      <c r="F261" s="21" t="s">
        <v>419</v>
      </c>
      <c r="G261" s="16">
        <v>2605</v>
      </c>
      <c r="H261" s="16">
        <v>1858</v>
      </c>
      <c r="I261" s="16">
        <v>890</v>
      </c>
      <c r="J261" s="16">
        <v>288</v>
      </c>
      <c r="K261" s="16">
        <v>123</v>
      </c>
      <c r="L261" s="22" t="s">
        <v>268</v>
      </c>
      <c r="M261" s="16">
        <v>479</v>
      </c>
      <c r="N261" s="16">
        <v>968</v>
      </c>
      <c r="O261" s="16">
        <v>68</v>
      </c>
      <c r="P261" s="16">
        <v>290</v>
      </c>
      <c r="Q261" s="16">
        <v>46</v>
      </c>
      <c r="R261" s="16">
        <v>238</v>
      </c>
      <c r="S261" s="16">
        <v>9</v>
      </c>
      <c r="T261" s="16">
        <v>26</v>
      </c>
      <c r="U261" s="16">
        <v>60</v>
      </c>
      <c r="V261" s="16">
        <v>99</v>
      </c>
      <c r="W261" s="16">
        <v>18</v>
      </c>
      <c r="X261" s="16">
        <v>114</v>
      </c>
      <c r="Y261" s="16">
        <v>10</v>
      </c>
      <c r="Z261" s="16">
        <v>737</v>
      </c>
      <c r="AA261" s="22" t="s">
        <v>268</v>
      </c>
      <c r="AB261" s="16">
        <v>545</v>
      </c>
      <c r="AC261" s="16">
        <v>287</v>
      </c>
      <c r="AD261" s="16">
        <v>737</v>
      </c>
    </row>
    <row r="262" spans="1:30">
      <c r="A262" s="21" t="s">
        <v>240</v>
      </c>
      <c r="B262" s="21" t="s">
        <v>237</v>
      </c>
      <c r="C262" s="21" t="s">
        <v>265</v>
      </c>
      <c r="D262" s="21" t="s">
        <v>216</v>
      </c>
      <c r="E262" s="21" t="s">
        <v>214</v>
      </c>
      <c r="F262" s="21" t="s">
        <v>420</v>
      </c>
      <c r="G262" s="16">
        <v>1154</v>
      </c>
      <c r="H262" s="16">
        <v>883</v>
      </c>
      <c r="I262" s="16">
        <v>304</v>
      </c>
      <c r="J262" s="16">
        <v>51</v>
      </c>
      <c r="K262" s="16">
        <v>17</v>
      </c>
      <c r="L262" s="22" t="s">
        <v>268</v>
      </c>
      <c r="M262" s="16">
        <v>236</v>
      </c>
      <c r="N262" s="16">
        <v>579</v>
      </c>
      <c r="O262" s="16">
        <v>21</v>
      </c>
      <c r="P262" s="16">
        <v>218</v>
      </c>
      <c r="Q262" s="16">
        <v>4</v>
      </c>
      <c r="R262" s="16">
        <v>130</v>
      </c>
      <c r="S262" s="16">
        <v>8</v>
      </c>
      <c r="T262" s="16">
        <v>8</v>
      </c>
      <c r="U262" s="16">
        <v>30</v>
      </c>
      <c r="V262" s="16">
        <v>85</v>
      </c>
      <c r="W262" s="16">
        <v>7</v>
      </c>
      <c r="X262" s="16">
        <v>68</v>
      </c>
      <c r="Y262" s="16">
        <v>3</v>
      </c>
      <c r="Z262" s="16">
        <v>268</v>
      </c>
      <c r="AA262" s="22" t="s">
        <v>268</v>
      </c>
      <c r="AB262" s="16">
        <v>294</v>
      </c>
      <c r="AC262" s="16">
        <v>51</v>
      </c>
      <c r="AD262" s="16">
        <v>268</v>
      </c>
    </row>
    <row r="263" spans="1:30">
      <c r="A263" s="21" t="s">
        <v>240</v>
      </c>
      <c r="B263" s="21" t="s">
        <v>237</v>
      </c>
      <c r="C263" s="21" t="s">
        <v>265</v>
      </c>
      <c r="D263" s="21" t="s">
        <v>216</v>
      </c>
      <c r="E263" s="21" t="s">
        <v>214</v>
      </c>
      <c r="F263" s="21" t="s">
        <v>421</v>
      </c>
      <c r="G263" s="16">
        <v>254</v>
      </c>
      <c r="H263" s="16">
        <v>211</v>
      </c>
      <c r="I263" s="16">
        <v>71</v>
      </c>
      <c r="J263" s="16">
        <v>2</v>
      </c>
      <c r="K263" s="16">
        <v>2</v>
      </c>
      <c r="L263" s="22" t="s">
        <v>268</v>
      </c>
      <c r="M263" s="16">
        <v>67</v>
      </c>
      <c r="N263" s="16">
        <v>140</v>
      </c>
      <c r="O263" s="16">
        <v>3</v>
      </c>
      <c r="P263" s="16">
        <v>55</v>
      </c>
      <c r="Q263" s="22" t="s">
        <v>268</v>
      </c>
      <c r="R263" s="16">
        <v>28</v>
      </c>
      <c r="S263" s="16">
        <v>3</v>
      </c>
      <c r="T263" s="16">
        <v>2</v>
      </c>
      <c r="U263" s="16">
        <v>9</v>
      </c>
      <c r="V263" s="16">
        <v>20</v>
      </c>
      <c r="W263" s="16">
        <v>1</v>
      </c>
      <c r="X263" s="16">
        <v>19</v>
      </c>
      <c r="Y263" s="16">
        <v>2</v>
      </c>
      <c r="Z263" s="16">
        <v>41</v>
      </c>
      <c r="AA263" s="22" t="s">
        <v>268</v>
      </c>
      <c r="AB263" s="16">
        <v>68</v>
      </c>
      <c r="AC263" s="16">
        <v>2</v>
      </c>
      <c r="AD263" s="16">
        <v>41</v>
      </c>
    </row>
    <row r="264" spans="1:30">
      <c r="A264" s="21" t="s">
        <v>240</v>
      </c>
      <c r="B264" s="21" t="s">
        <v>237</v>
      </c>
      <c r="C264" s="21" t="s">
        <v>265</v>
      </c>
      <c r="D264" s="21" t="s">
        <v>216</v>
      </c>
      <c r="E264" s="21" t="s">
        <v>214</v>
      </c>
      <c r="F264" s="21" t="s">
        <v>422</v>
      </c>
      <c r="G264" s="16">
        <v>20</v>
      </c>
      <c r="H264" s="16">
        <v>18</v>
      </c>
      <c r="I264" s="16">
        <v>4</v>
      </c>
      <c r="J264" s="22" t="s">
        <v>268</v>
      </c>
      <c r="K264" s="22" t="s">
        <v>268</v>
      </c>
      <c r="L264" s="22" t="s">
        <v>268</v>
      </c>
      <c r="M264" s="16">
        <v>4</v>
      </c>
      <c r="N264" s="16">
        <v>14</v>
      </c>
      <c r="O264" s="22" t="s">
        <v>268</v>
      </c>
      <c r="P264" s="16">
        <v>7</v>
      </c>
      <c r="Q264" s="22" t="s">
        <v>268</v>
      </c>
      <c r="R264" s="16">
        <v>4</v>
      </c>
      <c r="S264" s="22" t="s">
        <v>268</v>
      </c>
      <c r="T264" s="22" t="s">
        <v>268</v>
      </c>
      <c r="U264" s="22" t="s">
        <v>268</v>
      </c>
      <c r="V264" s="16">
        <v>2</v>
      </c>
      <c r="W264" s="22" t="s">
        <v>268</v>
      </c>
      <c r="X264" s="16">
        <v>1</v>
      </c>
      <c r="Y264" s="22" t="s">
        <v>268</v>
      </c>
      <c r="Z264" s="16">
        <v>2</v>
      </c>
      <c r="AA264" s="22" t="s">
        <v>268</v>
      </c>
      <c r="AB264" s="16">
        <v>7</v>
      </c>
      <c r="AC264" s="22" t="s">
        <v>268</v>
      </c>
      <c r="AD264" s="16">
        <v>2</v>
      </c>
    </row>
    <row r="265" spans="1:30">
      <c r="A265" s="21" t="s">
        <v>240</v>
      </c>
      <c r="B265" s="21" t="s">
        <v>237</v>
      </c>
      <c r="C265" s="21" t="s">
        <v>265</v>
      </c>
      <c r="D265" s="21" t="s">
        <v>216</v>
      </c>
      <c r="E265" s="21" t="s">
        <v>214</v>
      </c>
      <c r="F265" s="21" t="s">
        <v>423</v>
      </c>
      <c r="G265" s="16">
        <v>601</v>
      </c>
      <c r="H265" s="22" t="s">
        <v>268</v>
      </c>
      <c r="I265" s="22" t="s">
        <v>268</v>
      </c>
      <c r="J265" s="22" t="s">
        <v>268</v>
      </c>
      <c r="K265" s="22" t="s">
        <v>268</v>
      </c>
      <c r="L265" s="22" t="s">
        <v>268</v>
      </c>
      <c r="M265" s="22" t="s">
        <v>268</v>
      </c>
      <c r="N265" s="22" t="s">
        <v>268</v>
      </c>
      <c r="O265" s="22" t="s">
        <v>268</v>
      </c>
      <c r="P265" s="22" t="s">
        <v>268</v>
      </c>
      <c r="Q265" s="22" t="s">
        <v>268</v>
      </c>
      <c r="R265" s="22" t="s">
        <v>268</v>
      </c>
      <c r="S265" s="22" t="s">
        <v>268</v>
      </c>
      <c r="T265" s="22" t="s">
        <v>268</v>
      </c>
      <c r="U265" s="22" t="s">
        <v>268</v>
      </c>
      <c r="V265" s="22" t="s">
        <v>268</v>
      </c>
      <c r="W265" s="22" t="s">
        <v>268</v>
      </c>
      <c r="X265" s="22" t="s">
        <v>268</v>
      </c>
      <c r="Y265" s="22" t="s">
        <v>268</v>
      </c>
      <c r="Z265" s="16">
        <v>496</v>
      </c>
      <c r="AA265" s="16">
        <v>105</v>
      </c>
      <c r="AB265" s="22" t="s">
        <v>268</v>
      </c>
      <c r="AC265" s="22" t="s">
        <v>268</v>
      </c>
      <c r="AD265" s="22" t="s">
        <v>268</v>
      </c>
    </row>
    <row r="266" spans="1:30">
      <c r="A266" s="21" t="s">
        <v>240</v>
      </c>
      <c r="B266" s="21" t="s">
        <v>237</v>
      </c>
      <c r="C266" s="21" t="s">
        <v>265</v>
      </c>
      <c r="D266" s="21" t="s">
        <v>216</v>
      </c>
      <c r="E266" s="21" t="s">
        <v>214</v>
      </c>
      <c r="F266" s="21" t="s">
        <v>386</v>
      </c>
      <c r="G266" s="16">
        <v>7173</v>
      </c>
      <c r="H266" s="16">
        <v>7134</v>
      </c>
      <c r="I266" s="16">
        <v>5350</v>
      </c>
      <c r="J266" s="22" t="s">
        <v>268</v>
      </c>
      <c r="K266" s="16">
        <v>4574</v>
      </c>
      <c r="L266" s="16">
        <v>60</v>
      </c>
      <c r="M266" s="16">
        <v>716</v>
      </c>
      <c r="N266" s="16">
        <v>1784</v>
      </c>
      <c r="O266" s="22" t="s">
        <v>268</v>
      </c>
      <c r="P266" s="22" t="s">
        <v>268</v>
      </c>
      <c r="Q266" s="16">
        <v>544</v>
      </c>
      <c r="R266" s="16">
        <v>380</v>
      </c>
      <c r="S266" s="16">
        <v>26</v>
      </c>
      <c r="T266" s="16">
        <v>225</v>
      </c>
      <c r="U266" s="16">
        <v>96</v>
      </c>
      <c r="V266" s="16">
        <v>341</v>
      </c>
      <c r="W266" s="22" t="s">
        <v>268</v>
      </c>
      <c r="X266" s="16">
        <v>172</v>
      </c>
      <c r="Y266" s="16">
        <v>39</v>
      </c>
      <c r="Z266" s="22" t="s">
        <v>268</v>
      </c>
      <c r="AA266" s="22" t="s">
        <v>268</v>
      </c>
      <c r="AB266" s="16">
        <v>1750</v>
      </c>
      <c r="AC266" s="22" t="s">
        <v>268</v>
      </c>
      <c r="AD266" s="22" t="s">
        <v>268</v>
      </c>
    </row>
    <row r="267" spans="1:30">
      <c r="A267" s="21" t="s">
        <v>240</v>
      </c>
      <c r="B267" s="21" t="s">
        <v>237</v>
      </c>
      <c r="C267" s="21" t="s">
        <v>265</v>
      </c>
      <c r="D267" s="21" t="s">
        <v>216</v>
      </c>
      <c r="E267" s="21" t="s">
        <v>214</v>
      </c>
      <c r="F267" s="21" t="s">
        <v>387</v>
      </c>
      <c r="G267" s="16">
        <v>32951</v>
      </c>
      <c r="H267" s="16">
        <v>28609</v>
      </c>
      <c r="I267" s="16">
        <v>20442</v>
      </c>
      <c r="J267" s="16">
        <v>4150</v>
      </c>
      <c r="K267" s="16">
        <v>12088</v>
      </c>
      <c r="L267" s="16">
        <v>338</v>
      </c>
      <c r="M267" s="16">
        <v>3866</v>
      </c>
      <c r="N267" s="16">
        <v>8167</v>
      </c>
      <c r="O267" s="16">
        <v>365</v>
      </c>
      <c r="P267" s="16">
        <v>813</v>
      </c>
      <c r="Q267" s="16">
        <v>1573</v>
      </c>
      <c r="R267" s="16">
        <v>1876</v>
      </c>
      <c r="S267" s="16">
        <v>100</v>
      </c>
      <c r="T267" s="16">
        <v>941</v>
      </c>
      <c r="U267" s="16">
        <v>376</v>
      </c>
      <c r="V267" s="16">
        <v>957</v>
      </c>
      <c r="W267" s="16">
        <v>173</v>
      </c>
      <c r="X267" s="16">
        <v>993</v>
      </c>
      <c r="Y267" s="16">
        <v>445</v>
      </c>
      <c r="Z267" s="16">
        <v>3897</v>
      </c>
      <c r="AA267" s="22" t="s">
        <v>268</v>
      </c>
      <c r="AB267" s="16">
        <v>6456</v>
      </c>
      <c r="AC267" s="16">
        <v>765</v>
      </c>
      <c r="AD267" s="22" t="s">
        <v>268</v>
      </c>
    </row>
    <row r="268" spans="1:30">
      <c r="A268" s="21" t="s">
        <v>240</v>
      </c>
      <c r="B268" s="21" t="s">
        <v>237</v>
      </c>
      <c r="C268" s="21" t="s">
        <v>265</v>
      </c>
      <c r="D268" s="21" t="s">
        <v>216</v>
      </c>
      <c r="E268" s="21" t="s">
        <v>214</v>
      </c>
      <c r="F268" s="21" t="s">
        <v>388</v>
      </c>
      <c r="G268" s="16">
        <v>21736</v>
      </c>
      <c r="H268" s="16">
        <v>17012</v>
      </c>
      <c r="I268" s="16">
        <v>11227</v>
      </c>
      <c r="J268" s="16">
        <v>6095</v>
      </c>
      <c r="K268" s="16">
        <v>2541</v>
      </c>
      <c r="L268" s="16">
        <v>10</v>
      </c>
      <c r="M268" s="16">
        <v>2581</v>
      </c>
      <c r="N268" s="16">
        <v>5785</v>
      </c>
      <c r="O268" s="16">
        <v>385</v>
      </c>
      <c r="P268" s="16">
        <v>1134</v>
      </c>
      <c r="Q268" s="16">
        <v>809</v>
      </c>
      <c r="R268" s="16">
        <v>1143</v>
      </c>
      <c r="S268" s="16">
        <v>199</v>
      </c>
      <c r="T268" s="16">
        <v>470</v>
      </c>
      <c r="U268" s="16">
        <v>246</v>
      </c>
      <c r="V268" s="16">
        <v>504</v>
      </c>
      <c r="W268" s="16">
        <v>219</v>
      </c>
      <c r="X268" s="16">
        <v>676</v>
      </c>
      <c r="Y268" s="16">
        <v>120</v>
      </c>
      <c r="Z268" s="16">
        <v>4604</v>
      </c>
      <c r="AA268" s="22" t="s">
        <v>268</v>
      </c>
      <c r="AB268" s="16">
        <v>3561</v>
      </c>
      <c r="AC268" s="16">
        <v>5973</v>
      </c>
      <c r="AD268" s="16">
        <v>4604</v>
      </c>
    </row>
    <row r="269" spans="1:30">
      <c r="A269" s="21" t="s">
        <v>240</v>
      </c>
      <c r="B269" s="21" t="s">
        <v>237</v>
      </c>
      <c r="C269" s="21" t="s">
        <v>265</v>
      </c>
      <c r="D269" s="21" t="s">
        <v>216</v>
      </c>
      <c r="E269" s="21" t="s">
        <v>214</v>
      </c>
      <c r="F269" s="21" t="s">
        <v>389</v>
      </c>
      <c r="G269" s="16">
        <v>11750</v>
      </c>
      <c r="H269" s="16">
        <v>8740</v>
      </c>
      <c r="I269" s="16">
        <v>5170</v>
      </c>
      <c r="J269" s="16">
        <v>2392</v>
      </c>
      <c r="K269" s="16">
        <v>984</v>
      </c>
      <c r="L269" s="22" t="s">
        <v>268</v>
      </c>
      <c r="M269" s="16">
        <v>1794</v>
      </c>
      <c r="N269" s="16">
        <v>3570</v>
      </c>
      <c r="O269" s="16">
        <v>286</v>
      </c>
      <c r="P269" s="16">
        <v>854</v>
      </c>
      <c r="Q269" s="16">
        <v>362</v>
      </c>
      <c r="R269" s="16">
        <v>803</v>
      </c>
      <c r="S269" s="16">
        <v>78</v>
      </c>
      <c r="T269" s="16">
        <v>166</v>
      </c>
      <c r="U269" s="16">
        <v>177</v>
      </c>
      <c r="V269" s="16">
        <v>311</v>
      </c>
      <c r="W269" s="16">
        <v>93</v>
      </c>
      <c r="X269" s="16">
        <v>440</v>
      </c>
      <c r="Y269" s="16">
        <v>57</v>
      </c>
      <c r="Z269" s="16">
        <v>2953</v>
      </c>
      <c r="AA269" s="22" t="s">
        <v>268</v>
      </c>
      <c r="AB269" s="16">
        <v>2080</v>
      </c>
      <c r="AC269" s="16">
        <v>2390</v>
      </c>
      <c r="AD269" s="16">
        <v>2953</v>
      </c>
    </row>
    <row r="270" spans="1:30">
      <c r="A270" s="21" t="s">
        <v>240</v>
      </c>
      <c r="B270" s="21" t="s">
        <v>237</v>
      </c>
      <c r="C270" s="21" t="s">
        <v>265</v>
      </c>
      <c r="D270" s="21" t="s">
        <v>216</v>
      </c>
      <c r="E270" s="21" t="s">
        <v>214</v>
      </c>
      <c r="F270" s="21" t="s">
        <v>390</v>
      </c>
      <c r="G270" s="16">
        <v>4033</v>
      </c>
      <c r="H270" s="16">
        <v>2970</v>
      </c>
      <c r="I270" s="16">
        <v>1269</v>
      </c>
      <c r="J270" s="16">
        <v>341</v>
      </c>
      <c r="K270" s="16">
        <v>142</v>
      </c>
      <c r="L270" s="22" t="s">
        <v>268</v>
      </c>
      <c r="M270" s="16">
        <v>786</v>
      </c>
      <c r="N270" s="16">
        <v>1701</v>
      </c>
      <c r="O270" s="16">
        <v>92</v>
      </c>
      <c r="P270" s="16">
        <v>570</v>
      </c>
      <c r="Q270" s="16">
        <v>50</v>
      </c>
      <c r="R270" s="16">
        <v>400</v>
      </c>
      <c r="S270" s="16">
        <v>20</v>
      </c>
      <c r="T270" s="16">
        <v>36</v>
      </c>
      <c r="U270" s="16">
        <v>99</v>
      </c>
      <c r="V270" s="16">
        <v>206</v>
      </c>
      <c r="W270" s="16">
        <v>26</v>
      </c>
      <c r="X270" s="16">
        <v>202</v>
      </c>
      <c r="Y270" s="16">
        <v>15</v>
      </c>
      <c r="Z270" s="16">
        <v>1048</v>
      </c>
      <c r="AA270" s="22" t="s">
        <v>268</v>
      </c>
      <c r="AB270" s="16">
        <v>914</v>
      </c>
      <c r="AC270" s="16">
        <v>340</v>
      </c>
      <c r="AD270" s="16">
        <v>1048</v>
      </c>
    </row>
    <row r="271" spans="1:30">
      <c r="A271" s="21" t="s">
        <v>240</v>
      </c>
      <c r="B271" s="21" t="s">
        <v>237</v>
      </c>
      <c r="C271" s="21" t="s">
        <v>265</v>
      </c>
      <c r="D271" s="21" t="s">
        <v>216</v>
      </c>
      <c r="E271" s="21" t="s">
        <v>214</v>
      </c>
      <c r="F271" s="21" t="s">
        <v>391</v>
      </c>
      <c r="G271" s="16">
        <v>35430</v>
      </c>
      <c r="H271" s="16">
        <v>30389</v>
      </c>
      <c r="I271" s="16">
        <v>21770</v>
      </c>
      <c r="J271" s="16">
        <v>5969</v>
      </c>
      <c r="K271" s="16">
        <v>11648</v>
      </c>
      <c r="L271" s="16">
        <v>298</v>
      </c>
      <c r="M271" s="16">
        <v>3855</v>
      </c>
      <c r="N271" s="16">
        <v>8619</v>
      </c>
      <c r="O271" s="16">
        <v>417</v>
      </c>
      <c r="P271" s="16">
        <v>996</v>
      </c>
      <c r="Q271" s="16">
        <v>1573</v>
      </c>
      <c r="R271" s="16">
        <v>1849</v>
      </c>
      <c r="S271" s="16">
        <v>159</v>
      </c>
      <c r="T271" s="16">
        <v>986</v>
      </c>
      <c r="U271" s="16">
        <v>401</v>
      </c>
      <c r="V271" s="16">
        <v>1005</v>
      </c>
      <c r="W271" s="16">
        <v>232</v>
      </c>
      <c r="X271" s="16">
        <v>1001</v>
      </c>
      <c r="Y271" s="16">
        <v>465</v>
      </c>
      <c r="Z271" s="16">
        <v>4576</v>
      </c>
      <c r="AA271" s="22" t="s">
        <v>268</v>
      </c>
      <c r="AB271" s="16">
        <v>6508</v>
      </c>
      <c r="AC271" s="16">
        <v>2481</v>
      </c>
      <c r="AD271" s="16">
        <v>725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3" orientation="portrait" r:id="rId1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1E1DD1-7D95-43C5-9B68-0440CD23AD0F}">
  <sheetPr>
    <pageSetUpPr fitToPage="1"/>
  </sheetPr>
  <dimension ref="A1:AD244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5" width="12.625" style="20"/>
    <col min="6" max="6" width="19" style="20" bestFit="1" customWidth="1"/>
    <col min="7" max="16384" width="12.625" style="20"/>
  </cols>
  <sheetData>
    <row r="1" spans="1:30" s="11" customFormat="1">
      <c r="A1" s="11" t="s">
        <v>192</v>
      </c>
    </row>
    <row r="2" spans="1:30" s="11" customFormat="1">
      <c r="A2" s="11" t="s">
        <v>627</v>
      </c>
    </row>
    <row r="3" spans="1:30" s="11" customFormat="1"/>
    <row r="4" spans="1:30" s="11" customFormat="1" hidden="1"/>
    <row r="5" spans="1:30" s="11" customFormat="1"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  <c r="R5" s="12" t="s">
        <v>495</v>
      </c>
      <c r="S5" s="12" t="s">
        <v>495</v>
      </c>
      <c r="T5" s="12" t="s">
        <v>495</v>
      </c>
      <c r="U5" s="12" t="s">
        <v>495</v>
      </c>
      <c r="V5" s="12" t="s">
        <v>495</v>
      </c>
      <c r="W5" s="12" t="s">
        <v>495</v>
      </c>
      <c r="X5" s="12" t="s">
        <v>495</v>
      </c>
      <c r="Y5" s="12" t="s">
        <v>495</v>
      </c>
      <c r="Z5" s="12" t="s">
        <v>495</v>
      </c>
      <c r="AA5" s="12" t="s">
        <v>495</v>
      </c>
      <c r="AB5" s="12" t="s">
        <v>495</v>
      </c>
      <c r="AC5" s="12" t="s">
        <v>495</v>
      </c>
      <c r="AD5" s="12" t="s">
        <v>495</v>
      </c>
    </row>
    <row r="6" spans="1:30" s="11" customFormat="1" ht="24"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</row>
    <row r="7" spans="1:30" s="11" customFormat="1">
      <c r="G7" s="12">
        <v>1</v>
      </c>
      <c r="H7" s="12">
        <v>1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2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3</v>
      </c>
      <c r="U7" s="12">
        <v>3</v>
      </c>
      <c r="V7" s="12">
        <v>3</v>
      </c>
      <c r="W7" s="12">
        <v>3</v>
      </c>
      <c r="X7" s="12">
        <v>3</v>
      </c>
      <c r="Y7" s="12">
        <v>1</v>
      </c>
      <c r="Z7" s="12">
        <v>1</v>
      </c>
      <c r="AA7" s="12">
        <v>1</v>
      </c>
      <c r="AB7" s="12">
        <v>1</v>
      </c>
      <c r="AC7" s="12">
        <v>1</v>
      </c>
      <c r="AD7" s="12">
        <v>1</v>
      </c>
    </row>
    <row r="8" spans="1:30" s="11" customFormat="1" ht="60">
      <c r="G8" s="12" t="s">
        <v>214</v>
      </c>
      <c r="H8" s="12" t="s">
        <v>564</v>
      </c>
      <c r="I8" s="12" t="s">
        <v>565</v>
      </c>
      <c r="J8" s="12" t="s">
        <v>566</v>
      </c>
      <c r="K8" s="12" t="s">
        <v>567</v>
      </c>
      <c r="L8" s="12" t="s">
        <v>568</v>
      </c>
      <c r="M8" s="12" t="s">
        <v>569</v>
      </c>
      <c r="N8" s="12" t="s">
        <v>570</v>
      </c>
      <c r="O8" s="12" t="s">
        <v>571</v>
      </c>
      <c r="P8" s="12" t="s">
        <v>575</v>
      </c>
      <c r="Q8" s="12" t="s">
        <v>578</v>
      </c>
      <c r="R8" s="12" t="s">
        <v>581</v>
      </c>
      <c r="S8" s="12" t="s">
        <v>584</v>
      </c>
      <c r="T8" s="12" t="s">
        <v>585</v>
      </c>
      <c r="U8" s="12" t="s">
        <v>586</v>
      </c>
      <c r="V8" s="12" t="s">
        <v>589</v>
      </c>
      <c r="W8" s="12" t="s">
        <v>592</v>
      </c>
      <c r="X8" s="12" t="s">
        <v>593</v>
      </c>
      <c r="Y8" s="12" t="s">
        <v>594</v>
      </c>
      <c r="Z8" s="12" t="s">
        <v>595</v>
      </c>
      <c r="AA8" s="12" t="s">
        <v>596</v>
      </c>
      <c r="AB8" s="12" t="s">
        <v>597</v>
      </c>
      <c r="AC8" s="12" t="s">
        <v>616</v>
      </c>
      <c r="AD8" s="12" t="s">
        <v>617</v>
      </c>
    </row>
    <row r="9" spans="1:30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  <c r="W9" s="13" t="s">
        <v>219</v>
      </c>
      <c r="X9" s="13" t="s">
        <v>219</v>
      </c>
      <c r="Y9" s="13" t="s">
        <v>219</v>
      </c>
      <c r="Z9" s="13" t="s">
        <v>219</v>
      </c>
      <c r="AA9" s="13" t="s">
        <v>219</v>
      </c>
      <c r="AB9" s="13" t="s">
        <v>219</v>
      </c>
      <c r="AC9" s="13" t="s">
        <v>219</v>
      </c>
      <c r="AD9" s="13" t="s">
        <v>219</v>
      </c>
    </row>
    <row r="10" spans="1:30" s="11" customFormat="1">
      <c r="A10" s="14" t="s">
        <v>224</v>
      </c>
      <c r="B10" s="14" t="s">
        <v>259</v>
      </c>
      <c r="C10" s="14" t="s">
        <v>230</v>
      </c>
      <c r="D10" s="14" t="s">
        <v>212</v>
      </c>
      <c r="E10" s="14" t="s">
        <v>465</v>
      </c>
      <c r="F10" s="14" t="s">
        <v>282</v>
      </c>
      <c r="G10" s="14" t="s">
        <v>231</v>
      </c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</row>
    <row r="11" spans="1:30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466</v>
      </c>
      <c r="F11" s="15" t="s">
        <v>401</v>
      </c>
      <c r="G11" s="16">
        <v>42605332</v>
      </c>
      <c r="H11" s="16">
        <v>33762984</v>
      </c>
      <c r="I11" s="16">
        <v>28641963</v>
      </c>
      <c r="J11" s="22" t="s">
        <v>268</v>
      </c>
      <c r="K11" s="16">
        <v>22413701</v>
      </c>
      <c r="L11" s="16">
        <v>861580</v>
      </c>
      <c r="M11" s="16">
        <v>5366682</v>
      </c>
      <c r="N11" s="16">
        <v>5121021</v>
      </c>
      <c r="O11" s="22" t="s">
        <v>268</v>
      </c>
      <c r="P11" s="16">
        <v>2322</v>
      </c>
      <c r="Q11" s="16">
        <v>926045</v>
      </c>
      <c r="R11" s="16">
        <v>1465761</v>
      </c>
      <c r="S11" s="16">
        <v>108836</v>
      </c>
      <c r="T11" s="16">
        <v>642323</v>
      </c>
      <c r="U11" s="16">
        <v>68101</v>
      </c>
      <c r="V11" s="16">
        <v>462676</v>
      </c>
      <c r="W11" s="16">
        <v>614844</v>
      </c>
      <c r="X11" s="16">
        <v>830113</v>
      </c>
      <c r="Y11" s="16">
        <v>826281</v>
      </c>
      <c r="Z11" s="16">
        <v>8016067</v>
      </c>
      <c r="AA11" s="22" t="s">
        <v>268</v>
      </c>
      <c r="AB11" s="16">
        <v>4053175</v>
      </c>
      <c r="AC11" s="22" t="s">
        <v>268</v>
      </c>
      <c r="AD11" s="16">
        <v>1107710</v>
      </c>
    </row>
    <row r="12" spans="1:30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466</v>
      </c>
      <c r="F12" s="21" t="s">
        <v>405</v>
      </c>
      <c r="G12" s="16">
        <v>5420769</v>
      </c>
      <c r="H12" s="16">
        <v>5132115</v>
      </c>
      <c r="I12" s="16">
        <v>4323513</v>
      </c>
      <c r="J12" s="22" t="s">
        <v>268</v>
      </c>
      <c r="K12" s="16">
        <v>3451230</v>
      </c>
      <c r="L12" s="16">
        <v>98509</v>
      </c>
      <c r="M12" s="16">
        <v>773774</v>
      </c>
      <c r="N12" s="16">
        <v>808602</v>
      </c>
      <c r="O12" s="22" t="s">
        <v>268</v>
      </c>
      <c r="P12" s="22" t="s">
        <v>268</v>
      </c>
      <c r="Q12" s="16">
        <v>203751</v>
      </c>
      <c r="R12" s="16">
        <v>277556</v>
      </c>
      <c r="S12" s="16">
        <v>16160</v>
      </c>
      <c r="T12" s="16">
        <v>113407</v>
      </c>
      <c r="U12" s="16">
        <v>4170</v>
      </c>
      <c r="V12" s="16">
        <v>54674</v>
      </c>
      <c r="W12" s="16">
        <v>12576</v>
      </c>
      <c r="X12" s="16">
        <v>126308</v>
      </c>
      <c r="Y12" s="16">
        <v>31593</v>
      </c>
      <c r="Z12" s="16">
        <v>257061</v>
      </c>
      <c r="AA12" s="22" t="s">
        <v>268</v>
      </c>
      <c r="AB12" s="16">
        <v>751983</v>
      </c>
      <c r="AC12" s="22" t="s">
        <v>268</v>
      </c>
      <c r="AD12" s="22" t="s">
        <v>268</v>
      </c>
    </row>
    <row r="13" spans="1:30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466</v>
      </c>
      <c r="F13" s="21" t="s">
        <v>406</v>
      </c>
      <c r="G13" s="16">
        <v>5111728</v>
      </c>
      <c r="H13" s="16">
        <v>3670182</v>
      </c>
      <c r="I13" s="16">
        <v>2977571</v>
      </c>
      <c r="J13" s="22" t="s">
        <v>268</v>
      </c>
      <c r="K13" s="16">
        <v>2276710</v>
      </c>
      <c r="L13" s="16">
        <v>104069</v>
      </c>
      <c r="M13" s="16">
        <v>596792</v>
      </c>
      <c r="N13" s="16">
        <v>692611</v>
      </c>
      <c r="O13" s="22" t="s">
        <v>268</v>
      </c>
      <c r="P13" s="22" t="s">
        <v>268</v>
      </c>
      <c r="Q13" s="16">
        <v>122851</v>
      </c>
      <c r="R13" s="16">
        <v>247585</v>
      </c>
      <c r="S13" s="16">
        <v>19998</v>
      </c>
      <c r="T13" s="16">
        <v>82044</v>
      </c>
      <c r="U13" s="16">
        <v>4847</v>
      </c>
      <c r="V13" s="16">
        <v>32331</v>
      </c>
      <c r="W13" s="16">
        <v>49536</v>
      </c>
      <c r="X13" s="16">
        <v>133419</v>
      </c>
      <c r="Y13" s="16">
        <v>127454</v>
      </c>
      <c r="Z13" s="16">
        <v>1314092</v>
      </c>
      <c r="AA13" s="22" t="s">
        <v>268</v>
      </c>
      <c r="AB13" s="16">
        <v>583003</v>
      </c>
      <c r="AC13" s="22" t="s">
        <v>268</v>
      </c>
      <c r="AD13" s="22" t="s">
        <v>268</v>
      </c>
    </row>
    <row r="14" spans="1:30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466</v>
      </c>
      <c r="F14" s="21" t="s">
        <v>407</v>
      </c>
      <c r="G14" s="16">
        <v>3692500</v>
      </c>
      <c r="H14" s="16">
        <v>2261628</v>
      </c>
      <c r="I14" s="16">
        <v>1775736</v>
      </c>
      <c r="J14" s="22" t="s">
        <v>268</v>
      </c>
      <c r="K14" s="16">
        <v>1312936</v>
      </c>
      <c r="L14" s="16">
        <v>79973</v>
      </c>
      <c r="M14" s="16">
        <v>382827</v>
      </c>
      <c r="N14" s="16">
        <v>485892</v>
      </c>
      <c r="O14" s="22" t="s">
        <v>268</v>
      </c>
      <c r="P14" s="22" t="s">
        <v>268</v>
      </c>
      <c r="Q14" s="16">
        <v>61412</v>
      </c>
      <c r="R14" s="16">
        <v>194280</v>
      </c>
      <c r="S14" s="16">
        <v>10939</v>
      </c>
      <c r="T14" s="16">
        <v>48303</v>
      </c>
      <c r="U14" s="16">
        <v>4361</v>
      </c>
      <c r="V14" s="16">
        <v>23296</v>
      </c>
      <c r="W14" s="16">
        <v>40786</v>
      </c>
      <c r="X14" s="16">
        <v>102515</v>
      </c>
      <c r="Y14" s="16">
        <v>188255</v>
      </c>
      <c r="Z14" s="16">
        <v>1242617</v>
      </c>
      <c r="AA14" s="22" t="s">
        <v>268</v>
      </c>
      <c r="AB14" s="16">
        <v>399231</v>
      </c>
      <c r="AC14" s="22" t="s">
        <v>268</v>
      </c>
      <c r="AD14" s="22" t="s">
        <v>268</v>
      </c>
    </row>
    <row r="15" spans="1:30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466</v>
      </c>
      <c r="F15" s="21" t="s">
        <v>408</v>
      </c>
      <c r="G15" s="16">
        <v>2482849</v>
      </c>
      <c r="H15" s="16">
        <v>1592072</v>
      </c>
      <c r="I15" s="16">
        <v>1282475</v>
      </c>
      <c r="J15" s="22" t="s">
        <v>268</v>
      </c>
      <c r="K15" s="16">
        <v>921246</v>
      </c>
      <c r="L15" s="16">
        <v>68507</v>
      </c>
      <c r="M15" s="16">
        <v>292722</v>
      </c>
      <c r="N15" s="16">
        <v>309597</v>
      </c>
      <c r="O15" s="22" t="s">
        <v>268</v>
      </c>
      <c r="P15" s="22" t="s">
        <v>268</v>
      </c>
      <c r="Q15" s="16">
        <v>23826</v>
      </c>
      <c r="R15" s="16">
        <v>127396</v>
      </c>
      <c r="S15" s="16">
        <v>4923</v>
      </c>
      <c r="T15" s="16">
        <v>31470</v>
      </c>
      <c r="U15" s="16">
        <v>3691</v>
      </c>
      <c r="V15" s="16">
        <v>19430</v>
      </c>
      <c r="W15" s="16">
        <v>29150</v>
      </c>
      <c r="X15" s="16">
        <v>69711</v>
      </c>
      <c r="Y15" s="16">
        <v>98422</v>
      </c>
      <c r="Z15" s="16">
        <v>792355</v>
      </c>
      <c r="AA15" s="22" t="s">
        <v>268</v>
      </c>
      <c r="AB15" s="16">
        <v>247556</v>
      </c>
      <c r="AC15" s="22" t="s">
        <v>268</v>
      </c>
      <c r="AD15" s="22" t="s">
        <v>268</v>
      </c>
    </row>
    <row r="16" spans="1:30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466</v>
      </c>
      <c r="F16" s="21" t="s">
        <v>409</v>
      </c>
      <c r="G16" s="16">
        <v>1994417</v>
      </c>
      <c r="H16" s="16">
        <v>1328042</v>
      </c>
      <c r="I16" s="16">
        <v>1130304</v>
      </c>
      <c r="J16" s="22" t="s">
        <v>268</v>
      </c>
      <c r="K16" s="16">
        <v>774783</v>
      </c>
      <c r="L16" s="16">
        <v>69748</v>
      </c>
      <c r="M16" s="16">
        <v>285773</v>
      </c>
      <c r="N16" s="16">
        <v>197738</v>
      </c>
      <c r="O16" s="22" t="s">
        <v>268</v>
      </c>
      <c r="P16" s="16">
        <v>2</v>
      </c>
      <c r="Q16" s="16">
        <v>7034</v>
      </c>
      <c r="R16" s="16">
        <v>69013</v>
      </c>
      <c r="S16" s="16">
        <v>2515</v>
      </c>
      <c r="T16" s="16">
        <v>25423</v>
      </c>
      <c r="U16" s="16">
        <v>3010</v>
      </c>
      <c r="V16" s="16">
        <v>16975</v>
      </c>
      <c r="W16" s="16">
        <v>25824</v>
      </c>
      <c r="X16" s="16">
        <v>47942</v>
      </c>
      <c r="Y16" s="16">
        <v>61410</v>
      </c>
      <c r="Z16" s="16">
        <v>604965</v>
      </c>
      <c r="AA16" s="22" t="s">
        <v>268</v>
      </c>
      <c r="AB16" s="16">
        <v>146245</v>
      </c>
      <c r="AC16" s="22" t="s">
        <v>268</v>
      </c>
      <c r="AD16" s="22" t="s">
        <v>268</v>
      </c>
    </row>
    <row r="17" spans="1:30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466</v>
      </c>
      <c r="F17" s="21" t="s">
        <v>410</v>
      </c>
      <c r="G17" s="16">
        <v>1892217</v>
      </c>
      <c r="H17" s="16">
        <v>1275479</v>
      </c>
      <c r="I17" s="16">
        <v>1137002</v>
      </c>
      <c r="J17" s="22" t="s">
        <v>268</v>
      </c>
      <c r="K17" s="16">
        <v>718604</v>
      </c>
      <c r="L17" s="16">
        <v>79151</v>
      </c>
      <c r="M17" s="16">
        <v>339247</v>
      </c>
      <c r="N17" s="16">
        <v>138477</v>
      </c>
      <c r="O17" s="22" t="s">
        <v>268</v>
      </c>
      <c r="P17" s="16">
        <v>6</v>
      </c>
      <c r="Q17" s="16">
        <v>1416</v>
      </c>
      <c r="R17" s="16">
        <v>29391</v>
      </c>
      <c r="S17" s="16">
        <v>1947</v>
      </c>
      <c r="T17" s="16">
        <v>23270</v>
      </c>
      <c r="U17" s="16">
        <v>3175</v>
      </c>
      <c r="V17" s="16">
        <v>15146</v>
      </c>
      <c r="W17" s="16">
        <v>29192</v>
      </c>
      <c r="X17" s="16">
        <v>34934</v>
      </c>
      <c r="Y17" s="16">
        <v>50804</v>
      </c>
      <c r="Z17" s="16">
        <v>565934</v>
      </c>
      <c r="AA17" s="22" t="s">
        <v>268</v>
      </c>
      <c r="AB17" s="16">
        <v>85444</v>
      </c>
      <c r="AC17" s="22" t="s">
        <v>268</v>
      </c>
      <c r="AD17" s="22" t="s">
        <v>268</v>
      </c>
    </row>
    <row r="18" spans="1:30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466</v>
      </c>
      <c r="F18" s="21" t="s">
        <v>411</v>
      </c>
      <c r="G18" s="16">
        <v>2024248</v>
      </c>
      <c r="H18" s="16">
        <v>1326993</v>
      </c>
      <c r="I18" s="16">
        <v>1203528</v>
      </c>
      <c r="J18" s="22" t="s">
        <v>268</v>
      </c>
      <c r="K18" s="16">
        <v>648562</v>
      </c>
      <c r="L18" s="16">
        <v>97271</v>
      </c>
      <c r="M18" s="16">
        <v>457695</v>
      </c>
      <c r="N18" s="16">
        <v>123465</v>
      </c>
      <c r="O18" s="22" t="s">
        <v>268</v>
      </c>
      <c r="P18" s="16">
        <v>35</v>
      </c>
      <c r="Q18" s="16">
        <v>220</v>
      </c>
      <c r="R18" s="16">
        <v>9012</v>
      </c>
      <c r="S18" s="16">
        <v>2223</v>
      </c>
      <c r="T18" s="16">
        <v>19994</v>
      </c>
      <c r="U18" s="16">
        <v>4242</v>
      </c>
      <c r="V18" s="16">
        <v>13921</v>
      </c>
      <c r="W18" s="16">
        <v>43268</v>
      </c>
      <c r="X18" s="16">
        <v>30550</v>
      </c>
      <c r="Y18" s="16">
        <v>53806</v>
      </c>
      <c r="Z18" s="16">
        <v>643449</v>
      </c>
      <c r="AA18" s="22" t="s">
        <v>268</v>
      </c>
      <c r="AB18" s="16">
        <v>54753</v>
      </c>
      <c r="AC18" s="22" t="s">
        <v>268</v>
      </c>
      <c r="AD18" s="22" t="s">
        <v>268</v>
      </c>
    </row>
    <row r="19" spans="1:30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466</v>
      </c>
      <c r="F19" s="21" t="s">
        <v>412</v>
      </c>
      <c r="G19" s="16">
        <v>1566701</v>
      </c>
      <c r="H19" s="16">
        <v>950867</v>
      </c>
      <c r="I19" s="16">
        <v>846844</v>
      </c>
      <c r="J19" s="22" t="s">
        <v>268</v>
      </c>
      <c r="K19" s="16">
        <v>348502</v>
      </c>
      <c r="L19" s="16">
        <v>79175</v>
      </c>
      <c r="M19" s="16">
        <v>419167</v>
      </c>
      <c r="N19" s="16">
        <v>104023</v>
      </c>
      <c r="O19" s="22" t="s">
        <v>268</v>
      </c>
      <c r="P19" s="16">
        <v>57</v>
      </c>
      <c r="Q19" s="16">
        <v>9</v>
      </c>
      <c r="R19" s="16">
        <v>1231</v>
      </c>
      <c r="S19" s="16">
        <v>2395</v>
      </c>
      <c r="T19" s="16">
        <v>11488</v>
      </c>
      <c r="U19" s="16">
        <v>4464</v>
      </c>
      <c r="V19" s="16">
        <v>9494</v>
      </c>
      <c r="W19" s="16">
        <v>51876</v>
      </c>
      <c r="X19" s="16">
        <v>23009</v>
      </c>
      <c r="Y19" s="16">
        <v>43347</v>
      </c>
      <c r="Z19" s="16">
        <v>572487</v>
      </c>
      <c r="AA19" s="22" t="s">
        <v>268</v>
      </c>
      <c r="AB19" s="16">
        <v>29224</v>
      </c>
      <c r="AC19" s="22" t="s">
        <v>268</v>
      </c>
      <c r="AD19" s="22" t="s">
        <v>268</v>
      </c>
    </row>
    <row r="20" spans="1:30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466</v>
      </c>
      <c r="F20" s="21" t="s">
        <v>413</v>
      </c>
      <c r="G20" s="16">
        <v>1112654</v>
      </c>
      <c r="H20" s="16">
        <v>590574</v>
      </c>
      <c r="I20" s="16">
        <v>496322</v>
      </c>
      <c r="J20" s="22" t="s">
        <v>268</v>
      </c>
      <c r="K20" s="16">
        <v>132707</v>
      </c>
      <c r="L20" s="16">
        <v>50078</v>
      </c>
      <c r="M20" s="16">
        <v>313537</v>
      </c>
      <c r="N20" s="16">
        <v>94252</v>
      </c>
      <c r="O20" s="22" t="s">
        <v>268</v>
      </c>
      <c r="P20" s="16">
        <v>78</v>
      </c>
      <c r="Q20" s="16">
        <v>1</v>
      </c>
      <c r="R20" s="16">
        <v>454</v>
      </c>
      <c r="S20" s="16">
        <v>3203</v>
      </c>
      <c r="T20" s="16">
        <v>6180</v>
      </c>
      <c r="U20" s="16">
        <v>4094</v>
      </c>
      <c r="V20" s="16">
        <v>5900</v>
      </c>
      <c r="W20" s="16">
        <v>57198</v>
      </c>
      <c r="X20" s="16">
        <v>17144</v>
      </c>
      <c r="Y20" s="16">
        <v>31107</v>
      </c>
      <c r="Z20" s="16">
        <v>490973</v>
      </c>
      <c r="AA20" s="22" t="s">
        <v>268</v>
      </c>
      <c r="AB20" s="16">
        <v>16008</v>
      </c>
      <c r="AC20" s="22" t="s">
        <v>268</v>
      </c>
      <c r="AD20" s="22" t="s">
        <v>268</v>
      </c>
    </row>
    <row r="21" spans="1:30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466</v>
      </c>
      <c r="F21" s="21" t="s">
        <v>414</v>
      </c>
      <c r="G21" s="16">
        <v>775978</v>
      </c>
      <c r="H21" s="16">
        <v>329732</v>
      </c>
      <c r="I21" s="16">
        <v>232830</v>
      </c>
      <c r="J21" s="22" t="s">
        <v>268</v>
      </c>
      <c r="K21" s="16">
        <v>32489</v>
      </c>
      <c r="L21" s="16">
        <v>22894</v>
      </c>
      <c r="M21" s="16">
        <v>177447</v>
      </c>
      <c r="N21" s="16">
        <v>96902</v>
      </c>
      <c r="O21" s="22" t="s">
        <v>268</v>
      </c>
      <c r="P21" s="16">
        <v>111</v>
      </c>
      <c r="Q21" s="22" t="s">
        <v>268</v>
      </c>
      <c r="R21" s="16">
        <v>616</v>
      </c>
      <c r="S21" s="16">
        <v>5145</v>
      </c>
      <c r="T21" s="16">
        <v>4825</v>
      </c>
      <c r="U21" s="16">
        <v>3117</v>
      </c>
      <c r="V21" s="16">
        <v>3554</v>
      </c>
      <c r="W21" s="16">
        <v>66324</v>
      </c>
      <c r="X21" s="16">
        <v>13210</v>
      </c>
      <c r="Y21" s="16">
        <v>21950</v>
      </c>
      <c r="Z21" s="16">
        <v>424296</v>
      </c>
      <c r="AA21" s="22" t="s">
        <v>268</v>
      </c>
      <c r="AB21" s="16">
        <v>8791</v>
      </c>
      <c r="AC21" s="22" t="s">
        <v>268</v>
      </c>
      <c r="AD21" s="22" t="s">
        <v>268</v>
      </c>
    </row>
    <row r="22" spans="1:30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466</v>
      </c>
      <c r="F22" s="21" t="s">
        <v>415</v>
      </c>
      <c r="G22" s="16">
        <v>648649</v>
      </c>
      <c r="H22" s="16">
        <v>202059</v>
      </c>
      <c r="I22" s="16">
        <v>94362</v>
      </c>
      <c r="J22" s="22" t="s">
        <v>268</v>
      </c>
      <c r="K22" s="16">
        <v>5833</v>
      </c>
      <c r="L22" s="16">
        <v>8319</v>
      </c>
      <c r="M22" s="16">
        <v>80210</v>
      </c>
      <c r="N22" s="16">
        <v>107697</v>
      </c>
      <c r="O22" s="22" t="s">
        <v>268</v>
      </c>
      <c r="P22" s="16">
        <v>147</v>
      </c>
      <c r="Q22" s="22" t="s">
        <v>268</v>
      </c>
      <c r="R22" s="16">
        <v>961</v>
      </c>
      <c r="S22" s="16">
        <v>7416</v>
      </c>
      <c r="T22" s="16">
        <v>5235</v>
      </c>
      <c r="U22" s="16">
        <v>1927</v>
      </c>
      <c r="V22" s="16">
        <v>2452</v>
      </c>
      <c r="W22" s="16">
        <v>77270</v>
      </c>
      <c r="X22" s="16">
        <v>12289</v>
      </c>
      <c r="Y22" s="16">
        <v>19901</v>
      </c>
      <c r="Z22" s="16">
        <v>426689</v>
      </c>
      <c r="AA22" s="22" t="s">
        <v>268</v>
      </c>
      <c r="AB22" s="16">
        <v>6331</v>
      </c>
      <c r="AC22" s="22" t="s">
        <v>268</v>
      </c>
      <c r="AD22" s="16">
        <v>426689</v>
      </c>
    </row>
    <row r="23" spans="1:30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466</v>
      </c>
      <c r="F23" s="21" t="s">
        <v>416</v>
      </c>
      <c r="G23" s="16">
        <v>505415</v>
      </c>
      <c r="H23" s="16">
        <v>124844</v>
      </c>
      <c r="I23" s="16">
        <v>31259</v>
      </c>
      <c r="J23" s="22" t="s">
        <v>268</v>
      </c>
      <c r="K23" s="16">
        <v>695</v>
      </c>
      <c r="L23" s="16">
        <v>2516</v>
      </c>
      <c r="M23" s="16">
        <v>28048</v>
      </c>
      <c r="N23" s="16">
        <v>93585</v>
      </c>
      <c r="O23" s="22" t="s">
        <v>268</v>
      </c>
      <c r="P23" s="16">
        <v>232</v>
      </c>
      <c r="Q23" s="22" t="s">
        <v>268</v>
      </c>
      <c r="R23" s="16">
        <v>1280</v>
      </c>
      <c r="S23" s="16">
        <v>6835</v>
      </c>
      <c r="T23" s="16">
        <v>4115</v>
      </c>
      <c r="U23" s="16">
        <v>876</v>
      </c>
      <c r="V23" s="16">
        <v>1550</v>
      </c>
      <c r="W23" s="16">
        <v>67795</v>
      </c>
      <c r="X23" s="16">
        <v>10902</v>
      </c>
      <c r="Y23" s="16">
        <v>17881</v>
      </c>
      <c r="Z23" s="16">
        <v>362690</v>
      </c>
      <c r="AA23" s="22" t="s">
        <v>268</v>
      </c>
      <c r="AB23" s="16">
        <v>4783</v>
      </c>
      <c r="AC23" s="22" t="s">
        <v>268</v>
      </c>
      <c r="AD23" s="16">
        <v>362690</v>
      </c>
    </row>
    <row r="24" spans="1:30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466</v>
      </c>
      <c r="F24" s="21" t="s">
        <v>417</v>
      </c>
      <c r="G24" s="16">
        <v>236021</v>
      </c>
      <c r="H24" s="16">
        <v>55666</v>
      </c>
      <c r="I24" s="16">
        <v>7158</v>
      </c>
      <c r="J24" s="22" t="s">
        <v>268</v>
      </c>
      <c r="K24" s="16">
        <v>32</v>
      </c>
      <c r="L24" s="16">
        <v>680</v>
      </c>
      <c r="M24" s="16">
        <v>6446</v>
      </c>
      <c r="N24" s="16">
        <v>48508</v>
      </c>
      <c r="O24" s="22" t="s">
        <v>268</v>
      </c>
      <c r="P24" s="16">
        <v>279</v>
      </c>
      <c r="Q24" s="22" t="s">
        <v>268</v>
      </c>
      <c r="R24" s="16">
        <v>1302</v>
      </c>
      <c r="S24" s="16">
        <v>3585</v>
      </c>
      <c r="T24" s="16">
        <v>2207</v>
      </c>
      <c r="U24" s="16">
        <v>393</v>
      </c>
      <c r="V24" s="16">
        <v>803</v>
      </c>
      <c r="W24" s="16">
        <v>33408</v>
      </c>
      <c r="X24" s="16">
        <v>6531</v>
      </c>
      <c r="Y24" s="16">
        <v>10390</v>
      </c>
      <c r="Z24" s="16">
        <v>169965</v>
      </c>
      <c r="AA24" s="22" t="s">
        <v>268</v>
      </c>
      <c r="AB24" s="16">
        <v>3188</v>
      </c>
      <c r="AC24" s="22" t="s">
        <v>268</v>
      </c>
      <c r="AD24" s="16">
        <v>169965</v>
      </c>
    </row>
    <row r="25" spans="1:30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466</v>
      </c>
      <c r="F25" s="21" t="s">
        <v>418</v>
      </c>
      <c r="G25" s="16">
        <v>123482</v>
      </c>
      <c r="H25" s="16">
        <v>32147</v>
      </c>
      <c r="I25" s="16">
        <v>4202</v>
      </c>
      <c r="J25" s="22" t="s">
        <v>268</v>
      </c>
      <c r="K25" s="16">
        <v>2</v>
      </c>
      <c r="L25" s="16">
        <v>467</v>
      </c>
      <c r="M25" s="16">
        <v>3733</v>
      </c>
      <c r="N25" s="16">
        <v>27945</v>
      </c>
      <c r="O25" s="22" t="s">
        <v>268</v>
      </c>
      <c r="P25" s="16">
        <v>348</v>
      </c>
      <c r="Q25" s="22" t="s">
        <v>268</v>
      </c>
      <c r="R25" s="16">
        <v>1092</v>
      </c>
      <c r="S25" s="16">
        <v>2267</v>
      </c>
      <c r="T25" s="16">
        <v>1383</v>
      </c>
      <c r="U25" s="16">
        <v>315</v>
      </c>
      <c r="V25" s="16">
        <v>618</v>
      </c>
      <c r="W25" s="16">
        <v>17332</v>
      </c>
      <c r="X25" s="16">
        <v>4590</v>
      </c>
      <c r="Y25" s="16">
        <v>6237</v>
      </c>
      <c r="Z25" s="16">
        <v>85098</v>
      </c>
      <c r="AA25" s="22" t="s">
        <v>268</v>
      </c>
      <c r="AB25" s="16">
        <v>2526</v>
      </c>
      <c r="AC25" s="22" t="s">
        <v>268</v>
      </c>
      <c r="AD25" s="16">
        <v>85098</v>
      </c>
    </row>
    <row r="26" spans="1:30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466</v>
      </c>
      <c r="F26" s="21" t="s">
        <v>419</v>
      </c>
      <c r="G26" s="16">
        <v>67254</v>
      </c>
      <c r="H26" s="16">
        <v>19322</v>
      </c>
      <c r="I26" s="16">
        <v>2687</v>
      </c>
      <c r="J26" s="22" t="s">
        <v>268</v>
      </c>
      <c r="K26" s="22" t="s">
        <v>268</v>
      </c>
      <c r="L26" s="16">
        <v>282</v>
      </c>
      <c r="M26" s="16">
        <v>2405</v>
      </c>
      <c r="N26" s="16">
        <v>16635</v>
      </c>
      <c r="O26" s="22" t="s">
        <v>268</v>
      </c>
      <c r="P26" s="16">
        <v>480</v>
      </c>
      <c r="Q26" s="22" t="s">
        <v>268</v>
      </c>
      <c r="R26" s="16">
        <v>788</v>
      </c>
      <c r="S26" s="16">
        <v>1542</v>
      </c>
      <c r="T26" s="16">
        <v>879</v>
      </c>
      <c r="U26" s="16">
        <v>225</v>
      </c>
      <c r="V26" s="16">
        <v>441</v>
      </c>
      <c r="W26" s="16">
        <v>9065</v>
      </c>
      <c r="X26" s="16">
        <v>3215</v>
      </c>
      <c r="Y26" s="16">
        <v>3656</v>
      </c>
      <c r="Z26" s="16">
        <v>44276</v>
      </c>
      <c r="AA26" s="22" t="s">
        <v>268</v>
      </c>
      <c r="AB26" s="16">
        <v>1799</v>
      </c>
      <c r="AC26" s="22" t="s">
        <v>268</v>
      </c>
      <c r="AD26" s="16">
        <v>44276</v>
      </c>
    </row>
    <row r="27" spans="1:30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466</v>
      </c>
      <c r="F27" s="21" t="s">
        <v>420</v>
      </c>
      <c r="G27" s="16">
        <v>25493</v>
      </c>
      <c r="H27" s="16">
        <v>8442</v>
      </c>
      <c r="I27" s="16">
        <v>1209</v>
      </c>
      <c r="J27" s="22" t="s">
        <v>268</v>
      </c>
      <c r="K27" s="22" t="s">
        <v>268</v>
      </c>
      <c r="L27" s="16">
        <v>103</v>
      </c>
      <c r="M27" s="16">
        <v>1106</v>
      </c>
      <c r="N27" s="16">
        <v>7233</v>
      </c>
      <c r="O27" s="22" t="s">
        <v>268</v>
      </c>
      <c r="P27" s="16">
        <v>394</v>
      </c>
      <c r="Q27" s="22" t="s">
        <v>268</v>
      </c>
      <c r="R27" s="16">
        <v>451</v>
      </c>
      <c r="S27" s="16">
        <v>722</v>
      </c>
      <c r="T27" s="16">
        <v>451</v>
      </c>
      <c r="U27" s="16">
        <v>137</v>
      </c>
      <c r="V27" s="16">
        <v>280</v>
      </c>
      <c r="W27" s="16">
        <v>3149</v>
      </c>
      <c r="X27" s="16">
        <v>1649</v>
      </c>
      <c r="Y27" s="16">
        <v>919</v>
      </c>
      <c r="Z27" s="16">
        <v>16132</v>
      </c>
      <c r="AA27" s="22" t="s">
        <v>268</v>
      </c>
      <c r="AB27" s="16">
        <v>1014</v>
      </c>
      <c r="AC27" s="22" t="s">
        <v>268</v>
      </c>
      <c r="AD27" s="16">
        <v>16132</v>
      </c>
    </row>
    <row r="28" spans="1:30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466</v>
      </c>
      <c r="F28" s="21" t="s">
        <v>421</v>
      </c>
      <c r="G28" s="16">
        <v>4506</v>
      </c>
      <c r="H28" s="16">
        <v>1745</v>
      </c>
      <c r="I28" s="16">
        <v>331</v>
      </c>
      <c r="J28" s="22" t="s">
        <v>268</v>
      </c>
      <c r="K28" s="22" t="s">
        <v>268</v>
      </c>
      <c r="L28" s="16">
        <v>26</v>
      </c>
      <c r="M28" s="16">
        <v>305</v>
      </c>
      <c r="N28" s="16">
        <v>1414</v>
      </c>
      <c r="O28" s="22" t="s">
        <v>268</v>
      </c>
      <c r="P28" s="16">
        <v>127</v>
      </c>
      <c r="Q28" s="22" t="s">
        <v>268</v>
      </c>
      <c r="R28" s="16">
        <v>112</v>
      </c>
      <c r="S28" s="16">
        <v>147</v>
      </c>
      <c r="T28" s="16">
        <v>85</v>
      </c>
      <c r="U28" s="16">
        <v>40</v>
      </c>
      <c r="V28" s="16">
        <v>56</v>
      </c>
      <c r="W28" s="16">
        <v>435</v>
      </c>
      <c r="X28" s="16">
        <v>412</v>
      </c>
      <c r="Y28" s="16">
        <v>166</v>
      </c>
      <c r="Z28" s="16">
        <v>2595</v>
      </c>
      <c r="AA28" s="22" t="s">
        <v>268</v>
      </c>
      <c r="AB28" s="16">
        <v>255</v>
      </c>
      <c r="AC28" s="22" t="s">
        <v>268</v>
      </c>
      <c r="AD28" s="16">
        <v>2595</v>
      </c>
    </row>
    <row r="29" spans="1:30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466</v>
      </c>
      <c r="F29" s="21" t="s">
        <v>422</v>
      </c>
      <c r="G29" s="16">
        <v>525</v>
      </c>
      <c r="H29" s="16">
        <v>231</v>
      </c>
      <c r="I29" s="16">
        <v>47</v>
      </c>
      <c r="J29" s="22" t="s">
        <v>268</v>
      </c>
      <c r="K29" s="22" t="s">
        <v>268</v>
      </c>
      <c r="L29" s="16">
        <v>7</v>
      </c>
      <c r="M29" s="16">
        <v>40</v>
      </c>
      <c r="N29" s="16">
        <v>184</v>
      </c>
      <c r="O29" s="22" t="s">
        <v>268</v>
      </c>
      <c r="P29" s="16">
        <v>26</v>
      </c>
      <c r="Q29" s="22" t="s">
        <v>268</v>
      </c>
      <c r="R29" s="16">
        <v>20</v>
      </c>
      <c r="S29" s="16">
        <v>16</v>
      </c>
      <c r="T29" s="16">
        <v>12</v>
      </c>
      <c r="U29" s="16">
        <v>6</v>
      </c>
      <c r="V29" s="16">
        <v>12</v>
      </c>
      <c r="W29" s="16">
        <v>35</v>
      </c>
      <c r="X29" s="16">
        <v>57</v>
      </c>
      <c r="Y29" s="16">
        <v>29</v>
      </c>
      <c r="Z29" s="16">
        <v>265</v>
      </c>
      <c r="AA29" s="22" t="s">
        <v>268</v>
      </c>
      <c r="AB29" s="16">
        <v>43</v>
      </c>
      <c r="AC29" s="22" t="s">
        <v>268</v>
      </c>
      <c r="AD29" s="16">
        <v>265</v>
      </c>
    </row>
    <row r="30" spans="1:30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466</v>
      </c>
      <c r="F30" s="21" t="s">
        <v>423</v>
      </c>
      <c r="G30" s="22" t="s">
        <v>268</v>
      </c>
      <c r="H30" s="22" t="s">
        <v>268</v>
      </c>
      <c r="I30" s="22" t="s">
        <v>268</v>
      </c>
      <c r="J30" s="22" t="s">
        <v>268</v>
      </c>
      <c r="K30" s="22" t="s">
        <v>268</v>
      </c>
      <c r="L30" s="22" t="s">
        <v>268</v>
      </c>
      <c r="M30" s="22" t="s">
        <v>268</v>
      </c>
      <c r="N30" s="22" t="s">
        <v>268</v>
      </c>
      <c r="O30" s="22" t="s">
        <v>268</v>
      </c>
      <c r="P30" s="22" t="s">
        <v>268</v>
      </c>
      <c r="Q30" s="22" t="s">
        <v>268</v>
      </c>
      <c r="R30" s="22" t="s">
        <v>268</v>
      </c>
      <c r="S30" s="22" t="s">
        <v>268</v>
      </c>
      <c r="T30" s="22" t="s">
        <v>268</v>
      </c>
      <c r="U30" s="22" t="s">
        <v>268</v>
      </c>
      <c r="V30" s="22" t="s">
        <v>268</v>
      </c>
      <c r="W30" s="22" t="s">
        <v>268</v>
      </c>
      <c r="X30" s="22" t="s">
        <v>268</v>
      </c>
      <c r="Y30" s="22" t="s">
        <v>268</v>
      </c>
      <c r="Z30" s="22" t="s">
        <v>268</v>
      </c>
      <c r="AA30" s="22" t="s">
        <v>268</v>
      </c>
      <c r="AB30" s="22" t="s">
        <v>268</v>
      </c>
      <c r="AC30" s="22" t="s">
        <v>268</v>
      </c>
      <c r="AD30" s="22" t="s">
        <v>268</v>
      </c>
    </row>
    <row r="31" spans="1:30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466</v>
      </c>
      <c r="F31" s="21" t="s">
        <v>386</v>
      </c>
      <c r="G31" s="16">
        <v>14919926</v>
      </c>
      <c r="H31" s="16">
        <v>14860844</v>
      </c>
      <c r="I31" s="16">
        <v>13094583</v>
      </c>
      <c r="J31" s="22" t="s">
        <v>268</v>
      </c>
      <c r="K31" s="16">
        <v>11789370</v>
      </c>
      <c r="L31" s="16">
        <v>99805</v>
      </c>
      <c r="M31" s="16">
        <v>1205408</v>
      </c>
      <c r="N31" s="16">
        <v>1766261</v>
      </c>
      <c r="O31" s="22" t="s">
        <v>268</v>
      </c>
      <c r="P31" s="22" t="s">
        <v>268</v>
      </c>
      <c r="Q31" s="16">
        <v>505525</v>
      </c>
      <c r="R31" s="16">
        <v>503221</v>
      </c>
      <c r="S31" s="16">
        <v>16858</v>
      </c>
      <c r="T31" s="16">
        <v>261552</v>
      </c>
      <c r="U31" s="16">
        <v>25011</v>
      </c>
      <c r="V31" s="16">
        <v>261743</v>
      </c>
      <c r="W31" s="16">
        <v>625</v>
      </c>
      <c r="X31" s="16">
        <v>191726</v>
      </c>
      <c r="Y31" s="16">
        <v>58954</v>
      </c>
      <c r="Z31" s="16">
        <v>128</v>
      </c>
      <c r="AA31" s="22" t="s">
        <v>268</v>
      </c>
      <c r="AB31" s="16">
        <v>1710998</v>
      </c>
      <c r="AC31" s="22" t="s">
        <v>268</v>
      </c>
      <c r="AD31" s="22" t="s">
        <v>268</v>
      </c>
    </row>
    <row r="32" spans="1:30">
      <c r="A32" s="21" t="s">
        <v>232</v>
      </c>
      <c r="B32" s="21" t="s">
        <v>233</v>
      </c>
      <c r="C32" s="21" t="s">
        <v>262</v>
      </c>
      <c r="D32" s="21" t="s">
        <v>214</v>
      </c>
      <c r="E32" s="21" t="s">
        <v>466</v>
      </c>
      <c r="F32" s="21" t="s">
        <v>387</v>
      </c>
      <c r="G32" s="16">
        <v>26074061</v>
      </c>
      <c r="H32" s="16">
        <v>18457684</v>
      </c>
      <c r="I32" s="16">
        <v>15406125</v>
      </c>
      <c r="J32" s="22" t="s">
        <v>268</v>
      </c>
      <c r="K32" s="16">
        <v>10617769</v>
      </c>
      <c r="L32" s="16">
        <v>749375</v>
      </c>
      <c r="M32" s="16">
        <v>4038981</v>
      </c>
      <c r="N32" s="16">
        <v>3051559</v>
      </c>
      <c r="O32" s="22" t="s">
        <v>268</v>
      </c>
      <c r="P32" s="16">
        <v>289</v>
      </c>
      <c r="Q32" s="16">
        <v>420520</v>
      </c>
      <c r="R32" s="16">
        <v>956534</v>
      </c>
      <c r="S32" s="16">
        <v>69448</v>
      </c>
      <c r="T32" s="16">
        <v>366404</v>
      </c>
      <c r="U32" s="16">
        <v>39171</v>
      </c>
      <c r="V32" s="16">
        <v>194721</v>
      </c>
      <c r="W32" s="16">
        <v>405730</v>
      </c>
      <c r="X32" s="16">
        <v>598742</v>
      </c>
      <c r="Y32" s="16">
        <v>708148</v>
      </c>
      <c r="Z32" s="16">
        <v>6908229</v>
      </c>
      <c r="AA32" s="22" t="s">
        <v>268</v>
      </c>
      <c r="AB32" s="16">
        <v>2322238</v>
      </c>
      <c r="AC32" s="22" t="s">
        <v>268</v>
      </c>
      <c r="AD32" s="22" t="s">
        <v>268</v>
      </c>
    </row>
    <row r="33" spans="1:30">
      <c r="A33" s="21" t="s">
        <v>232</v>
      </c>
      <c r="B33" s="21" t="s">
        <v>233</v>
      </c>
      <c r="C33" s="21" t="s">
        <v>262</v>
      </c>
      <c r="D33" s="21" t="s">
        <v>214</v>
      </c>
      <c r="E33" s="21" t="s">
        <v>466</v>
      </c>
      <c r="F33" s="21" t="s">
        <v>388</v>
      </c>
      <c r="G33" s="16">
        <v>1611345</v>
      </c>
      <c r="H33" s="16">
        <v>444456</v>
      </c>
      <c r="I33" s="16">
        <v>141255</v>
      </c>
      <c r="J33" s="22" t="s">
        <v>268</v>
      </c>
      <c r="K33" s="16">
        <v>6562</v>
      </c>
      <c r="L33" s="16">
        <v>12400</v>
      </c>
      <c r="M33" s="16">
        <v>122293</v>
      </c>
      <c r="N33" s="16">
        <v>303201</v>
      </c>
      <c r="O33" s="22" t="s">
        <v>268</v>
      </c>
      <c r="P33" s="16">
        <v>2033</v>
      </c>
      <c r="Q33" s="22" t="s">
        <v>268</v>
      </c>
      <c r="R33" s="16">
        <v>6006</v>
      </c>
      <c r="S33" s="16">
        <v>22530</v>
      </c>
      <c r="T33" s="16">
        <v>14367</v>
      </c>
      <c r="U33" s="16">
        <v>3919</v>
      </c>
      <c r="V33" s="16">
        <v>6212</v>
      </c>
      <c r="W33" s="16">
        <v>208489</v>
      </c>
      <c r="X33" s="16">
        <v>39645</v>
      </c>
      <c r="Y33" s="16">
        <v>59179</v>
      </c>
      <c r="Z33" s="16">
        <v>1107710</v>
      </c>
      <c r="AA33" s="22" t="s">
        <v>268</v>
      </c>
      <c r="AB33" s="16">
        <v>19939</v>
      </c>
      <c r="AC33" s="22" t="s">
        <v>268</v>
      </c>
      <c r="AD33" s="16">
        <v>1107710</v>
      </c>
    </row>
    <row r="34" spans="1:30">
      <c r="A34" s="21" t="s">
        <v>232</v>
      </c>
      <c r="B34" s="21" t="s">
        <v>233</v>
      </c>
      <c r="C34" s="21" t="s">
        <v>262</v>
      </c>
      <c r="D34" s="21" t="s">
        <v>214</v>
      </c>
      <c r="E34" s="21" t="s">
        <v>466</v>
      </c>
      <c r="F34" s="21" t="s">
        <v>389</v>
      </c>
      <c r="G34" s="16">
        <v>457281</v>
      </c>
      <c r="H34" s="16">
        <v>117553</v>
      </c>
      <c r="I34" s="16">
        <v>15634</v>
      </c>
      <c r="J34" s="22" t="s">
        <v>268</v>
      </c>
      <c r="K34" s="16">
        <v>34</v>
      </c>
      <c r="L34" s="16">
        <v>1565</v>
      </c>
      <c r="M34" s="16">
        <v>14035</v>
      </c>
      <c r="N34" s="16">
        <v>101919</v>
      </c>
      <c r="O34" s="22" t="s">
        <v>268</v>
      </c>
      <c r="P34" s="16">
        <v>1654</v>
      </c>
      <c r="Q34" s="22" t="s">
        <v>268</v>
      </c>
      <c r="R34" s="16">
        <v>3765</v>
      </c>
      <c r="S34" s="16">
        <v>8279</v>
      </c>
      <c r="T34" s="16">
        <v>5017</v>
      </c>
      <c r="U34" s="16">
        <v>1116</v>
      </c>
      <c r="V34" s="16">
        <v>2210</v>
      </c>
      <c r="W34" s="16">
        <v>63424</v>
      </c>
      <c r="X34" s="16">
        <v>16454</v>
      </c>
      <c r="Y34" s="16">
        <v>21397</v>
      </c>
      <c r="Z34" s="16">
        <v>318331</v>
      </c>
      <c r="AA34" s="22" t="s">
        <v>268</v>
      </c>
      <c r="AB34" s="16">
        <v>8825</v>
      </c>
      <c r="AC34" s="22" t="s">
        <v>268</v>
      </c>
      <c r="AD34" s="16">
        <v>318331</v>
      </c>
    </row>
    <row r="35" spans="1:30">
      <c r="A35" s="21" t="s">
        <v>232</v>
      </c>
      <c r="B35" s="21" t="s">
        <v>233</v>
      </c>
      <c r="C35" s="21" t="s">
        <v>262</v>
      </c>
      <c r="D35" s="21" t="s">
        <v>214</v>
      </c>
      <c r="E35" s="21" t="s">
        <v>466</v>
      </c>
      <c r="F35" s="21" t="s">
        <v>390</v>
      </c>
      <c r="G35" s="16">
        <v>97778</v>
      </c>
      <c r="H35" s="16">
        <v>29740</v>
      </c>
      <c r="I35" s="16">
        <v>4274</v>
      </c>
      <c r="J35" s="22" t="s">
        <v>268</v>
      </c>
      <c r="K35" s="22" t="s">
        <v>268</v>
      </c>
      <c r="L35" s="16">
        <v>418</v>
      </c>
      <c r="M35" s="16">
        <v>3856</v>
      </c>
      <c r="N35" s="16">
        <v>25466</v>
      </c>
      <c r="O35" s="22" t="s">
        <v>268</v>
      </c>
      <c r="P35" s="16">
        <v>1027</v>
      </c>
      <c r="Q35" s="22" t="s">
        <v>268</v>
      </c>
      <c r="R35" s="16">
        <v>1371</v>
      </c>
      <c r="S35" s="16">
        <v>2427</v>
      </c>
      <c r="T35" s="16">
        <v>1427</v>
      </c>
      <c r="U35" s="16">
        <v>408</v>
      </c>
      <c r="V35" s="16">
        <v>789</v>
      </c>
      <c r="W35" s="16">
        <v>12684</v>
      </c>
      <c r="X35" s="16">
        <v>5333</v>
      </c>
      <c r="Y35" s="16">
        <v>4770</v>
      </c>
      <c r="Z35" s="16">
        <v>63268</v>
      </c>
      <c r="AA35" s="22" t="s">
        <v>268</v>
      </c>
      <c r="AB35" s="16">
        <v>3111</v>
      </c>
      <c r="AC35" s="22" t="s">
        <v>268</v>
      </c>
      <c r="AD35" s="16">
        <v>63268</v>
      </c>
    </row>
    <row r="36" spans="1:30">
      <c r="A36" s="21" t="s">
        <v>232</v>
      </c>
      <c r="B36" s="21" t="s">
        <v>233</v>
      </c>
      <c r="C36" s="21" t="s">
        <v>262</v>
      </c>
      <c r="D36" s="21" t="s">
        <v>214</v>
      </c>
      <c r="E36" s="21" t="s">
        <v>466</v>
      </c>
      <c r="F36" s="21" t="s">
        <v>391</v>
      </c>
      <c r="G36" s="16">
        <v>21301941</v>
      </c>
      <c r="H36" s="16">
        <v>13527628</v>
      </c>
      <c r="I36" s="16">
        <v>11176974</v>
      </c>
      <c r="J36" s="22" t="s">
        <v>268</v>
      </c>
      <c r="K36" s="16">
        <v>7172372</v>
      </c>
      <c r="L36" s="16">
        <v>659185</v>
      </c>
      <c r="M36" s="16">
        <v>3345417</v>
      </c>
      <c r="N36" s="16">
        <v>2350654</v>
      </c>
      <c r="O36" s="22" t="s">
        <v>268</v>
      </c>
      <c r="P36" s="16">
        <v>436</v>
      </c>
      <c r="Q36" s="16">
        <v>216769</v>
      </c>
      <c r="R36" s="16">
        <v>679939</v>
      </c>
      <c r="S36" s="16">
        <v>60704</v>
      </c>
      <c r="T36" s="16">
        <v>258232</v>
      </c>
      <c r="U36" s="16">
        <v>36928</v>
      </c>
      <c r="V36" s="16">
        <v>142499</v>
      </c>
      <c r="W36" s="16">
        <v>470424</v>
      </c>
      <c r="X36" s="16">
        <v>484723</v>
      </c>
      <c r="Y36" s="16">
        <v>696456</v>
      </c>
      <c r="Z36" s="16">
        <v>7077857</v>
      </c>
      <c r="AA36" s="22" t="s">
        <v>268</v>
      </c>
      <c r="AB36" s="16">
        <v>1576586</v>
      </c>
      <c r="AC36" s="22" t="s">
        <v>268</v>
      </c>
      <c r="AD36" s="16">
        <v>426689</v>
      </c>
    </row>
    <row r="37" spans="1:30">
      <c r="A37" s="21" t="s">
        <v>232</v>
      </c>
      <c r="B37" s="21" t="s">
        <v>233</v>
      </c>
      <c r="C37" s="21" t="s">
        <v>262</v>
      </c>
      <c r="D37" s="21" t="s">
        <v>215</v>
      </c>
      <c r="E37" s="21" t="s">
        <v>466</v>
      </c>
      <c r="F37" s="21" t="s">
        <v>401</v>
      </c>
      <c r="G37" s="16">
        <v>22980471</v>
      </c>
      <c r="H37" s="16">
        <v>17779906</v>
      </c>
      <c r="I37" s="16">
        <v>15132718</v>
      </c>
      <c r="J37" s="22" t="s">
        <v>268</v>
      </c>
      <c r="K37" s="16">
        <v>11726545</v>
      </c>
      <c r="L37" s="16">
        <v>511614</v>
      </c>
      <c r="M37" s="16">
        <v>2894559</v>
      </c>
      <c r="N37" s="16">
        <v>2647188</v>
      </c>
      <c r="O37" s="22" t="s">
        <v>268</v>
      </c>
      <c r="P37" s="16">
        <v>356</v>
      </c>
      <c r="Q37" s="16">
        <v>478735</v>
      </c>
      <c r="R37" s="16">
        <v>775997</v>
      </c>
      <c r="S37" s="16">
        <v>57039</v>
      </c>
      <c r="T37" s="16">
        <v>325994</v>
      </c>
      <c r="U37" s="16">
        <v>34324</v>
      </c>
      <c r="V37" s="16">
        <v>233083</v>
      </c>
      <c r="W37" s="16">
        <v>306911</v>
      </c>
      <c r="X37" s="16">
        <v>434749</v>
      </c>
      <c r="Y37" s="16">
        <v>420171</v>
      </c>
      <c r="Z37" s="16">
        <v>4780394</v>
      </c>
      <c r="AA37" s="22" t="s">
        <v>268</v>
      </c>
      <c r="AB37" s="16">
        <v>2101810</v>
      </c>
      <c r="AC37" s="22" t="s">
        <v>268</v>
      </c>
      <c r="AD37" s="16">
        <v>644239</v>
      </c>
    </row>
    <row r="38" spans="1:30">
      <c r="A38" s="21" t="s">
        <v>232</v>
      </c>
      <c r="B38" s="21" t="s">
        <v>233</v>
      </c>
      <c r="C38" s="21" t="s">
        <v>262</v>
      </c>
      <c r="D38" s="21" t="s">
        <v>215</v>
      </c>
      <c r="E38" s="21" t="s">
        <v>466</v>
      </c>
      <c r="F38" s="21" t="s">
        <v>405</v>
      </c>
      <c r="G38" s="16">
        <v>2757418</v>
      </c>
      <c r="H38" s="16">
        <v>2598720</v>
      </c>
      <c r="I38" s="16">
        <v>2188945</v>
      </c>
      <c r="J38" s="22" t="s">
        <v>268</v>
      </c>
      <c r="K38" s="16">
        <v>1750035</v>
      </c>
      <c r="L38" s="16">
        <v>53272</v>
      </c>
      <c r="M38" s="16">
        <v>385638</v>
      </c>
      <c r="N38" s="16">
        <v>409775</v>
      </c>
      <c r="O38" s="22" t="s">
        <v>268</v>
      </c>
      <c r="P38" s="22" t="s">
        <v>268</v>
      </c>
      <c r="Q38" s="16">
        <v>103623</v>
      </c>
      <c r="R38" s="16">
        <v>141042</v>
      </c>
      <c r="S38" s="16">
        <v>8349</v>
      </c>
      <c r="T38" s="16">
        <v>57736</v>
      </c>
      <c r="U38" s="16">
        <v>2120</v>
      </c>
      <c r="V38" s="16">
        <v>27604</v>
      </c>
      <c r="W38" s="16">
        <v>5074</v>
      </c>
      <c r="X38" s="16">
        <v>64227</v>
      </c>
      <c r="Y38" s="16">
        <v>15662</v>
      </c>
      <c r="Z38" s="16">
        <v>143036</v>
      </c>
      <c r="AA38" s="22" t="s">
        <v>268</v>
      </c>
      <c r="AB38" s="16">
        <v>382430</v>
      </c>
      <c r="AC38" s="22" t="s">
        <v>268</v>
      </c>
      <c r="AD38" s="22" t="s">
        <v>268</v>
      </c>
    </row>
    <row r="39" spans="1:30">
      <c r="A39" s="21" t="s">
        <v>232</v>
      </c>
      <c r="B39" s="21" t="s">
        <v>233</v>
      </c>
      <c r="C39" s="21" t="s">
        <v>262</v>
      </c>
      <c r="D39" s="21" t="s">
        <v>215</v>
      </c>
      <c r="E39" s="21" t="s">
        <v>466</v>
      </c>
      <c r="F39" s="21" t="s">
        <v>406</v>
      </c>
      <c r="G39" s="16">
        <v>2602395</v>
      </c>
      <c r="H39" s="16">
        <v>1832597</v>
      </c>
      <c r="I39" s="16">
        <v>1483968</v>
      </c>
      <c r="J39" s="22" t="s">
        <v>268</v>
      </c>
      <c r="K39" s="16">
        <v>1132699</v>
      </c>
      <c r="L39" s="16">
        <v>57661</v>
      </c>
      <c r="M39" s="16">
        <v>293608</v>
      </c>
      <c r="N39" s="16">
        <v>348629</v>
      </c>
      <c r="O39" s="22" t="s">
        <v>268</v>
      </c>
      <c r="P39" s="22" t="s">
        <v>268</v>
      </c>
      <c r="Q39" s="16">
        <v>62507</v>
      </c>
      <c r="R39" s="16">
        <v>125564</v>
      </c>
      <c r="S39" s="16">
        <v>11139</v>
      </c>
      <c r="T39" s="16">
        <v>41961</v>
      </c>
      <c r="U39" s="16">
        <v>2438</v>
      </c>
      <c r="V39" s="16">
        <v>16339</v>
      </c>
      <c r="W39" s="16">
        <v>19503</v>
      </c>
      <c r="X39" s="16">
        <v>69178</v>
      </c>
      <c r="Y39" s="16">
        <v>56484</v>
      </c>
      <c r="Z39" s="16">
        <v>713314</v>
      </c>
      <c r="AA39" s="22" t="s">
        <v>268</v>
      </c>
      <c r="AB39" s="16">
        <v>296683</v>
      </c>
      <c r="AC39" s="22" t="s">
        <v>268</v>
      </c>
      <c r="AD39" s="22" t="s">
        <v>268</v>
      </c>
    </row>
    <row r="40" spans="1:30">
      <c r="A40" s="21" t="s">
        <v>232</v>
      </c>
      <c r="B40" s="21" t="s">
        <v>233</v>
      </c>
      <c r="C40" s="21" t="s">
        <v>262</v>
      </c>
      <c r="D40" s="21" t="s">
        <v>215</v>
      </c>
      <c r="E40" s="21" t="s">
        <v>466</v>
      </c>
      <c r="F40" s="21" t="s">
        <v>407</v>
      </c>
      <c r="G40" s="16">
        <v>1979623</v>
      </c>
      <c r="H40" s="16">
        <v>1172902</v>
      </c>
      <c r="I40" s="16">
        <v>913757</v>
      </c>
      <c r="J40" s="22" t="s">
        <v>268</v>
      </c>
      <c r="K40" s="16">
        <v>672952</v>
      </c>
      <c r="L40" s="16">
        <v>46472</v>
      </c>
      <c r="M40" s="16">
        <v>194333</v>
      </c>
      <c r="N40" s="16">
        <v>259145</v>
      </c>
      <c r="O40" s="22" t="s">
        <v>268</v>
      </c>
      <c r="P40" s="22" t="s">
        <v>268</v>
      </c>
      <c r="Q40" s="16">
        <v>33944</v>
      </c>
      <c r="R40" s="16">
        <v>105582</v>
      </c>
      <c r="S40" s="16">
        <v>6761</v>
      </c>
      <c r="T40" s="16">
        <v>25183</v>
      </c>
      <c r="U40" s="16">
        <v>2220</v>
      </c>
      <c r="V40" s="16">
        <v>12065</v>
      </c>
      <c r="W40" s="16">
        <v>16906</v>
      </c>
      <c r="X40" s="16">
        <v>56484</v>
      </c>
      <c r="Y40" s="16">
        <v>91536</v>
      </c>
      <c r="Z40" s="16">
        <v>715185</v>
      </c>
      <c r="AA40" s="22" t="s">
        <v>268</v>
      </c>
      <c r="AB40" s="16">
        <v>215668</v>
      </c>
      <c r="AC40" s="22" t="s">
        <v>268</v>
      </c>
      <c r="AD40" s="22" t="s">
        <v>268</v>
      </c>
    </row>
    <row r="41" spans="1:30">
      <c r="A41" s="21" t="s">
        <v>232</v>
      </c>
      <c r="B41" s="21" t="s">
        <v>233</v>
      </c>
      <c r="C41" s="21" t="s">
        <v>262</v>
      </c>
      <c r="D41" s="21" t="s">
        <v>215</v>
      </c>
      <c r="E41" s="21" t="s">
        <v>466</v>
      </c>
      <c r="F41" s="21" t="s">
        <v>408</v>
      </c>
      <c r="G41" s="16">
        <v>1419307</v>
      </c>
      <c r="H41" s="16">
        <v>894856</v>
      </c>
      <c r="I41" s="16">
        <v>718510</v>
      </c>
      <c r="J41" s="22" t="s">
        <v>268</v>
      </c>
      <c r="K41" s="16">
        <v>517820</v>
      </c>
      <c r="L41" s="16">
        <v>42161</v>
      </c>
      <c r="M41" s="16">
        <v>158529</v>
      </c>
      <c r="N41" s="16">
        <v>176346</v>
      </c>
      <c r="O41" s="22" t="s">
        <v>268</v>
      </c>
      <c r="P41" s="22" t="s">
        <v>268</v>
      </c>
      <c r="Q41" s="16">
        <v>14619</v>
      </c>
      <c r="R41" s="16">
        <v>76291</v>
      </c>
      <c r="S41" s="16">
        <v>3135</v>
      </c>
      <c r="T41" s="16">
        <v>16187</v>
      </c>
      <c r="U41" s="16">
        <v>2009</v>
      </c>
      <c r="V41" s="16">
        <v>10218</v>
      </c>
      <c r="W41" s="16">
        <v>13361</v>
      </c>
      <c r="X41" s="16">
        <v>40526</v>
      </c>
      <c r="Y41" s="16">
        <v>53792</v>
      </c>
      <c r="Z41" s="16">
        <v>470659</v>
      </c>
      <c r="AA41" s="22" t="s">
        <v>268</v>
      </c>
      <c r="AB41" s="16">
        <v>143205</v>
      </c>
      <c r="AC41" s="22" t="s">
        <v>268</v>
      </c>
      <c r="AD41" s="22" t="s">
        <v>268</v>
      </c>
    </row>
    <row r="42" spans="1:30">
      <c r="A42" s="21" t="s">
        <v>232</v>
      </c>
      <c r="B42" s="21" t="s">
        <v>233</v>
      </c>
      <c r="C42" s="21" t="s">
        <v>262</v>
      </c>
      <c r="D42" s="21" t="s">
        <v>215</v>
      </c>
      <c r="E42" s="21" t="s">
        <v>466</v>
      </c>
      <c r="F42" s="21" t="s">
        <v>409</v>
      </c>
      <c r="G42" s="16">
        <v>1179356</v>
      </c>
      <c r="H42" s="16">
        <v>779208</v>
      </c>
      <c r="I42" s="16">
        <v>666118</v>
      </c>
      <c r="J42" s="22" t="s">
        <v>268</v>
      </c>
      <c r="K42" s="16">
        <v>461456</v>
      </c>
      <c r="L42" s="16">
        <v>44062</v>
      </c>
      <c r="M42" s="16">
        <v>160600</v>
      </c>
      <c r="N42" s="16">
        <v>113090</v>
      </c>
      <c r="O42" s="22" t="s">
        <v>268</v>
      </c>
      <c r="P42" s="22" t="s">
        <v>268</v>
      </c>
      <c r="Q42" s="16">
        <v>4555</v>
      </c>
      <c r="R42" s="16">
        <v>43609</v>
      </c>
      <c r="S42" s="16">
        <v>1588</v>
      </c>
      <c r="T42" s="16">
        <v>12585</v>
      </c>
      <c r="U42" s="16">
        <v>1632</v>
      </c>
      <c r="V42" s="16">
        <v>8628</v>
      </c>
      <c r="W42" s="16">
        <v>12609</v>
      </c>
      <c r="X42" s="16">
        <v>27884</v>
      </c>
      <c r="Y42" s="16">
        <v>35045</v>
      </c>
      <c r="Z42" s="16">
        <v>365103</v>
      </c>
      <c r="AA42" s="22" t="s">
        <v>268</v>
      </c>
      <c r="AB42" s="16">
        <v>84836</v>
      </c>
      <c r="AC42" s="22" t="s">
        <v>268</v>
      </c>
      <c r="AD42" s="22" t="s">
        <v>268</v>
      </c>
    </row>
    <row r="43" spans="1:30">
      <c r="A43" s="21" t="s">
        <v>232</v>
      </c>
      <c r="B43" s="21" t="s">
        <v>233</v>
      </c>
      <c r="C43" s="21" t="s">
        <v>262</v>
      </c>
      <c r="D43" s="21" t="s">
        <v>215</v>
      </c>
      <c r="E43" s="21" t="s">
        <v>466</v>
      </c>
      <c r="F43" s="21" t="s">
        <v>410</v>
      </c>
      <c r="G43" s="16">
        <v>1132809</v>
      </c>
      <c r="H43" s="16">
        <v>757306</v>
      </c>
      <c r="I43" s="16">
        <v>681443</v>
      </c>
      <c r="J43" s="22" t="s">
        <v>268</v>
      </c>
      <c r="K43" s="16">
        <v>435916</v>
      </c>
      <c r="L43" s="16">
        <v>49662</v>
      </c>
      <c r="M43" s="16">
        <v>195865</v>
      </c>
      <c r="N43" s="16">
        <v>75863</v>
      </c>
      <c r="O43" s="22" t="s">
        <v>268</v>
      </c>
      <c r="P43" s="16">
        <v>2</v>
      </c>
      <c r="Q43" s="16">
        <v>937</v>
      </c>
      <c r="R43" s="16">
        <v>18909</v>
      </c>
      <c r="S43" s="16">
        <v>1188</v>
      </c>
      <c r="T43" s="16">
        <v>11485</v>
      </c>
      <c r="U43" s="16">
        <v>1672</v>
      </c>
      <c r="V43" s="16">
        <v>7212</v>
      </c>
      <c r="W43" s="16">
        <v>15042</v>
      </c>
      <c r="X43" s="16">
        <v>19416</v>
      </c>
      <c r="Y43" s="16">
        <v>28219</v>
      </c>
      <c r="Z43" s="16">
        <v>347284</v>
      </c>
      <c r="AA43" s="22" t="s">
        <v>268</v>
      </c>
      <c r="AB43" s="16">
        <v>46672</v>
      </c>
      <c r="AC43" s="22" t="s">
        <v>268</v>
      </c>
      <c r="AD43" s="22" t="s">
        <v>268</v>
      </c>
    </row>
    <row r="44" spans="1:30">
      <c r="A44" s="21" t="s">
        <v>232</v>
      </c>
      <c r="B44" s="21" t="s">
        <v>233</v>
      </c>
      <c r="C44" s="21" t="s">
        <v>262</v>
      </c>
      <c r="D44" s="21" t="s">
        <v>215</v>
      </c>
      <c r="E44" s="21" t="s">
        <v>466</v>
      </c>
      <c r="F44" s="21" t="s">
        <v>411</v>
      </c>
      <c r="G44" s="16">
        <v>1224888</v>
      </c>
      <c r="H44" s="16">
        <v>792588</v>
      </c>
      <c r="I44" s="16">
        <v>727502</v>
      </c>
      <c r="J44" s="22" t="s">
        <v>268</v>
      </c>
      <c r="K44" s="16">
        <v>396052</v>
      </c>
      <c r="L44" s="16">
        <v>60518</v>
      </c>
      <c r="M44" s="16">
        <v>270932</v>
      </c>
      <c r="N44" s="16">
        <v>65086</v>
      </c>
      <c r="O44" s="22" t="s">
        <v>268</v>
      </c>
      <c r="P44" s="16">
        <v>9</v>
      </c>
      <c r="Q44" s="16">
        <v>152</v>
      </c>
      <c r="R44" s="16">
        <v>5829</v>
      </c>
      <c r="S44" s="16">
        <v>1275</v>
      </c>
      <c r="T44" s="16">
        <v>10093</v>
      </c>
      <c r="U44" s="16">
        <v>2145</v>
      </c>
      <c r="V44" s="16">
        <v>6231</v>
      </c>
      <c r="W44" s="16">
        <v>23136</v>
      </c>
      <c r="X44" s="16">
        <v>16216</v>
      </c>
      <c r="Y44" s="16">
        <v>28178</v>
      </c>
      <c r="Z44" s="16">
        <v>404122</v>
      </c>
      <c r="AA44" s="22" t="s">
        <v>268</v>
      </c>
      <c r="AB44" s="16">
        <v>27296</v>
      </c>
      <c r="AC44" s="22" t="s">
        <v>268</v>
      </c>
      <c r="AD44" s="22" t="s">
        <v>268</v>
      </c>
    </row>
    <row r="45" spans="1:30">
      <c r="A45" s="21" t="s">
        <v>232</v>
      </c>
      <c r="B45" s="21" t="s">
        <v>233</v>
      </c>
      <c r="C45" s="21" t="s">
        <v>262</v>
      </c>
      <c r="D45" s="21" t="s">
        <v>215</v>
      </c>
      <c r="E45" s="21" t="s">
        <v>466</v>
      </c>
      <c r="F45" s="21" t="s">
        <v>412</v>
      </c>
      <c r="G45" s="16">
        <v>955290</v>
      </c>
      <c r="H45" s="16">
        <v>567759</v>
      </c>
      <c r="I45" s="16">
        <v>513864</v>
      </c>
      <c r="J45" s="22" t="s">
        <v>268</v>
      </c>
      <c r="K45" s="16">
        <v>213460</v>
      </c>
      <c r="L45" s="16">
        <v>49120</v>
      </c>
      <c r="M45" s="16">
        <v>251284</v>
      </c>
      <c r="N45" s="16">
        <v>53895</v>
      </c>
      <c r="O45" s="22" t="s">
        <v>268</v>
      </c>
      <c r="P45" s="16">
        <v>9</v>
      </c>
      <c r="Q45" s="16">
        <v>7</v>
      </c>
      <c r="R45" s="16">
        <v>698</v>
      </c>
      <c r="S45" s="16">
        <v>1320</v>
      </c>
      <c r="T45" s="16">
        <v>5809</v>
      </c>
      <c r="U45" s="16">
        <v>2162</v>
      </c>
      <c r="V45" s="16">
        <v>4049</v>
      </c>
      <c r="W45" s="16">
        <v>28275</v>
      </c>
      <c r="X45" s="16">
        <v>11566</v>
      </c>
      <c r="Y45" s="16">
        <v>22520</v>
      </c>
      <c r="Z45" s="16">
        <v>365011</v>
      </c>
      <c r="AA45" s="22" t="s">
        <v>268</v>
      </c>
      <c r="AB45" s="16">
        <v>13008</v>
      </c>
      <c r="AC45" s="22" t="s">
        <v>268</v>
      </c>
      <c r="AD45" s="22" t="s">
        <v>268</v>
      </c>
    </row>
    <row r="46" spans="1:30">
      <c r="A46" s="21" t="s">
        <v>232</v>
      </c>
      <c r="B46" s="21" t="s">
        <v>233</v>
      </c>
      <c r="C46" s="21" t="s">
        <v>262</v>
      </c>
      <c r="D46" s="21" t="s">
        <v>215</v>
      </c>
      <c r="E46" s="21" t="s">
        <v>466</v>
      </c>
      <c r="F46" s="21" t="s">
        <v>413</v>
      </c>
      <c r="G46" s="16">
        <v>697639</v>
      </c>
      <c r="H46" s="16">
        <v>358464</v>
      </c>
      <c r="I46" s="16">
        <v>307862</v>
      </c>
      <c r="J46" s="22" t="s">
        <v>268</v>
      </c>
      <c r="K46" s="16">
        <v>82536</v>
      </c>
      <c r="L46" s="16">
        <v>31366</v>
      </c>
      <c r="M46" s="16">
        <v>193960</v>
      </c>
      <c r="N46" s="16">
        <v>50602</v>
      </c>
      <c r="O46" s="22" t="s">
        <v>268</v>
      </c>
      <c r="P46" s="16">
        <v>20</v>
      </c>
      <c r="Q46" s="16">
        <v>1</v>
      </c>
      <c r="R46" s="16">
        <v>122</v>
      </c>
      <c r="S46" s="16">
        <v>1674</v>
      </c>
      <c r="T46" s="16">
        <v>3151</v>
      </c>
      <c r="U46" s="16">
        <v>1906</v>
      </c>
      <c r="V46" s="16">
        <v>2469</v>
      </c>
      <c r="W46" s="16">
        <v>32481</v>
      </c>
      <c r="X46" s="16">
        <v>8778</v>
      </c>
      <c r="Y46" s="16">
        <v>16493</v>
      </c>
      <c r="Z46" s="16">
        <v>322682</v>
      </c>
      <c r="AA46" s="22" t="s">
        <v>268</v>
      </c>
      <c r="AB46" s="16">
        <v>6980</v>
      </c>
      <c r="AC46" s="22" t="s">
        <v>268</v>
      </c>
      <c r="AD46" s="22" t="s">
        <v>268</v>
      </c>
    </row>
    <row r="47" spans="1:30">
      <c r="A47" s="21" t="s">
        <v>232</v>
      </c>
      <c r="B47" s="21" t="s">
        <v>233</v>
      </c>
      <c r="C47" s="21" t="s">
        <v>262</v>
      </c>
      <c r="D47" s="21" t="s">
        <v>215</v>
      </c>
      <c r="E47" s="21" t="s">
        <v>466</v>
      </c>
      <c r="F47" s="21" t="s">
        <v>414</v>
      </c>
      <c r="G47" s="16">
        <v>505636</v>
      </c>
      <c r="H47" s="16">
        <v>203684</v>
      </c>
      <c r="I47" s="16">
        <v>148413</v>
      </c>
      <c r="J47" s="22" t="s">
        <v>268</v>
      </c>
      <c r="K47" s="16">
        <v>21006</v>
      </c>
      <c r="L47" s="16">
        <v>14825</v>
      </c>
      <c r="M47" s="16">
        <v>112582</v>
      </c>
      <c r="N47" s="16">
        <v>55271</v>
      </c>
      <c r="O47" s="22" t="s">
        <v>268</v>
      </c>
      <c r="P47" s="16">
        <v>33</v>
      </c>
      <c r="Q47" s="22" t="s">
        <v>268</v>
      </c>
      <c r="R47" s="16">
        <v>127</v>
      </c>
      <c r="S47" s="16">
        <v>2822</v>
      </c>
      <c r="T47" s="16">
        <v>2500</v>
      </c>
      <c r="U47" s="16">
        <v>1475</v>
      </c>
      <c r="V47" s="16">
        <v>1549</v>
      </c>
      <c r="W47" s="16">
        <v>39679</v>
      </c>
      <c r="X47" s="16">
        <v>7086</v>
      </c>
      <c r="Y47" s="16">
        <v>12287</v>
      </c>
      <c r="Z47" s="16">
        <v>289665</v>
      </c>
      <c r="AA47" s="22" t="s">
        <v>268</v>
      </c>
      <c r="AB47" s="16">
        <v>3871</v>
      </c>
      <c r="AC47" s="22" t="s">
        <v>268</v>
      </c>
      <c r="AD47" s="22" t="s">
        <v>268</v>
      </c>
    </row>
    <row r="48" spans="1:30">
      <c r="A48" s="21" t="s">
        <v>232</v>
      </c>
      <c r="B48" s="21" t="s">
        <v>233</v>
      </c>
      <c r="C48" s="21" t="s">
        <v>262</v>
      </c>
      <c r="D48" s="21" t="s">
        <v>215</v>
      </c>
      <c r="E48" s="21" t="s">
        <v>466</v>
      </c>
      <c r="F48" s="21" t="s">
        <v>415</v>
      </c>
      <c r="G48" s="16">
        <v>428505</v>
      </c>
      <c r="H48" s="16">
        <v>120179</v>
      </c>
      <c r="I48" s="16">
        <v>58569</v>
      </c>
      <c r="J48" s="22" t="s">
        <v>268</v>
      </c>
      <c r="K48" s="16">
        <v>3825</v>
      </c>
      <c r="L48" s="16">
        <v>5598</v>
      </c>
      <c r="M48" s="16">
        <v>49146</v>
      </c>
      <c r="N48" s="16">
        <v>61610</v>
      </c>
      <c r="O48" s="22" t="s">
        <v>268</v>
      </c>
      <c r="P48" s="16">
        <v>46</v>
      </c>
      <c r="Q48" s="22" t="s">
        <v>268</v>
      </c>
      <c r="R48" s="16">
        <v>163</v>
      </c>
      <c r="S48" s="16">
        <v>3996</v>
      </c>
      <c r="T48" s="16">
        <v>2689</v>
      </c>
      <c r="U48" s="16">
        <v>955</v>
      </c>
      <c r="V48" s="16">
        <v>1175</v>
      </c>
      <c r="W48" s="16">
        <v>46036</v>
      </c>
      <c r="X48" s="16">
        <v>6550</v>
      </c>
      <c r="Y48" s="16">
        <v>11656</v>
      </c>
      <c r="Z48" s="16">
        <v>296670</v>
      </c>
      <c r="AA48" s="22" t="s">
        <v>268</v>
      </c>
      <c r="AB48" s="16">
        <v>2652</v>
      </c>
      <c r="AC48" s="22" t="s">
        <v>268</v>
      </c>
      <c r="AD48" s="16">
        <v>296670</v>
      </c>
    </row>
    <row r="49" spans="1:30">
      <c r="A49" s="21" t="s">
        <v>232</v>
      </c>
      <c r="B49" s="21" t="s">
        <v>233</v>
      </c>
      <c r="C49" s="21" t="s">
        <v>262</v>
      </c>
      <c r="D49" s="21" t="s">
        <v>215</v>
      </c>
      <c r="E49" s="21" t="s">
        <v>466</v>
      </c>
      <c r="F49" s="21" t="s">
        <v>416</v>
      </c>
      <c r="G49" s="16">
        <v>297154</v>
      </c>
      <c r="H49" s="16">
        <v>61616</v>
      </c>
      <c r="I49" s="16">
        <v>15547</v>
      </c>
      <c r="J49" s="22" t="s">
        <v>268</v>
      </c>
      <c r="K49" s="16">
        <v>427</v>
      </c>
      <c r="L49" s="16">
        <v>1776</v>
      </c>
      <c r="M49" s="16">
        <v>13344</v>
      </c>
      <c r="N49" s="16">
        <v>46069</v>
      </c>
      <c r="O49" s="22" t="s">
        <v>268</v>
      </c>
      <c r="P49" s="16">
        <v>53</v>
      </c>
      <c r="Q49" s="22" t="s">
        <v>268</v>
      </c>
      <c r="R49" s="16">
        <v>209</v>
      </c>
      <c r="S49" s="16">
        <v>3058</v>
      </c>
      <c r="T49" s="16">
        <v>1751</v>
      </c>
      <c r="U49" s="16">
        <v>360</v>
      </c>
      <c r="V49" s="16">
        <v>653</v>
      </c>
      <c r="W49" s="16">
        <v>34935</v>
      </c>
      <c r="X49" s="16">
        <v>5050</v>
      </c>
      <c r="Y49" s="16">
        <v>9739</v>
      </c>
      <c r="Z49" s="16">
        <v>225799</v>
      </c>
      <c r="AA49" s="22" t="s">
        <v>268</v>
      </c>
      <c r="AB49" s="16">
        <v>1546</v>
      </c>
      <c r="AC49" s="22" t="s">
        <v>268</v>
      </c>
      <c r="AD49" s="16">
        <v>225799</v>
      </c>
    </row>
    <row r="50" spans="1:30">
      <c r="A50" s="21" t="s">
        <v>232</v>
      </c>
      <c r="B50" s="21" t="s">
        <v>233</v>
      </c>
      <c r="C50" s="21" t="s">
        <v>262</v>
      </c>
      <c r="D50" s="21" t="s">
        <v>215</v>
      </c>
      <c r="E50" s="21" t="s">
        <v>466</v>
      </c>
      <c r="F50" s="21" t="s">
        <v>417</v>
      </c>
      <c r="G50" s="16">
        <v>105732</v>
      </c>
      <c r="H50" s="16">
        <v>19624</v>
      </c>
      <c r="I50" s="16">
        <v>1620</v>
      </c>
      <c r="J50" s="22" t="s">
        <v>268</v>
      </c>
      <c r="K50" s="16">
        <v>17</v>
      </c>
      <c r="L50" s="16">
        <v>627</v>
      </c>
      <c r="M50" s="16">
        <v>976</v>
      </c>
      <c r="N50" s="16">
        <v>18004</v>
      </c>
      <c r="O50" s="22" t="s">
        <v>268</v>
      </c>
      <c r="P50" s="16">
        <v>36</v>
      </c>
      <c r="Q50" s="22" t="s">
        <v>268</v>
      </c>
      <c r="R50" s="16">
        <v>252</v>
      </c>
      <c r="S50" s="16">
        <v>1272</v>
      </c>
      <c r="T50" s="16">
        <v>704</v>
      </c>
      <c r="U50" s="16">
        <v>148</v>
      </c>
      <c r="V50" s="16">
        <v>303</v>
      </c>
      <c r="W50" s="16">
        <v>12983</v>
      </c>
      <c r="X50" s="16">
        <v>2306</v>
      </c>
      <c r="Y50" s="16">
        <v>4835</v>
      </c>
      <c r="Z50" s="16">
        <v>81273</v>
      </c>
      <c r="AA50" s="22" t="s">
        <v>268</v>
      </c>
      <c r="AB50" s="16">
        <v>862</v>
      </c>
      <c r="AC50" s="22" t="s">
        <v>268</v>
      </c>
      <c r="AD50" s="16">
        <v>81273</v>
      </c>
    </row>
    <row r="51" spans="1:30">
      <c r="A51" s="21" t="s">
        <v>232</v>
      </c>
      <c r="B51" s="21" t="s">
        <v>233</v>
      </c>
      <c r="C51" s="21" t="s">
        <v>262</v>
      </c>
      <c r="D51" s="21" t="s">
        <v>215</v>
      </c>
      <c r="E51" s="21" t="s">
        <v>466</v>
      </c>
      <c r="F51" s="21" t="s">
        <v>418</v>
      </c>
      <c r="G51" s="16">
        <v>39046</v>
      </c>
      <c r="H51" s="16">
        <v>7806</v>
      </c>
      <c r="I51" s="16">
        <v>548</v>
      </c>
      <c r="J51" s="22" t="s">
        <v>268</v>
      </c>
      <c r="K51" s="16">
        <v>2</v>
      </c>
      <c r="L51" s="16">
        <v>461</v>
      </c>
      <c r="M51" s="16">
        <v>85</v>
      </c>
      <c r="N51" s="16">
        <v>7258</v>
      </c>
      <c r="O51" s="22" t="s">
        <v>268</v>
      </c>
      <c r="P51" s="16">
        <v>43</v>
      </c>
      <c r="Q51" s="22" t="s">
        <v>268</v>
      </c>
      <c r="R51" s="16">
        <v>164</v>
      </c>
      <c r="S51" s="16">
        <v>567</v>
      </c>
      <c r="T51" s="16">
        <v>330</v>
      </c>
      <c r="U51" s="16">
        <v>117</v>
      </c>
      <c r="V51" s="16">
        <v>158</v>
      </c>
      <c r="W51" s="16">
        <v>4758</v>
      </c>
      <c r="X51" s="16">
        <v>1121</v>
      </c>
      <c r="Y51" s="16">
        <v>2355</v>
      </c>
      <c r="Z51" s="16">
        <v>28885</v>
      </c>
      <c r="AA51" s="22" t="s">
        <v>268</v>
      </c>
      <c r="AB51" s="16">
        <v>476</v>
      </c>
      <c r="AC51" s="22" t="s">
        <v>268</v>
      </c>
      <c r="AD51" s="16">
        <v>28885</v>
      </c>
    </row>
    <row r="52" spans="1:30">
      <c r="A52" s="21" t="s">
        <v>232</v>
      </c>
      <c r="B52" s="21" t="s">
        <v>233</v>
      </c>
      <c r="C52" s="21" t="s">
        <v>262</v>
      </c>
      <c r="D52" s="21" t="s">
        <v>215</v>
      </c>
      <c r="E52" s="21" t="s">
        <v>466</v>
      </c>
      <c r="F52" s="21" t="s">
        <v>419</v>
      </c>
      <c r="G52" s="16">
        <v>13107</v>
      </c>
      <c r="H52" s="16">
        <v>2875</v>
      </c>
      <c r="I52" s="16">
        <v>289</v>
      </c>
      <c r="J52" s="22" t="s">
        <v>268</v>
      </c>
      <c r="K52" s="22" t="s">
        <v>268</v>
      </c>
      <c r="L52" s="16">
        <v>282</v>
      </c>
      <c r="M52" s="16">
        <v>7</v>
      </c>
      <c r="N52" s="16">
        <v>2586</v>
      </c>
      <c r="O52" s="22" t="s">
        <v>268</v>
      </c>
      <c r="P52" s="16">
        <v>46</v>
      </c>
      <c r="Q52" s="22" t="s">
        <v>268</v>
      </c>
      <c r="R52" s="16">
        <v>76</v>
      </c>
      <c r="S52" s="16">
        <v>245</v>
      </c>
      <c r="T52" s="16">
        <v>127</v>
      </c>
      <c r="U52" s="16">
        <v>39</v>
      </c>
      <c r="V52" s="16">
        <v>78</v>
      </c>
      <c r="W52" s="16">
        <v>1473</v>
      </c>
      <c r="X52" s="16">
        <v>502</v>
      </c>
      <c r="Y52" s="16">
        <v>1090</v>
      </c>
      <c r="Z52" s="16">
        <v>9142</v>
      </c>
      <c r="AA52" s="22" t="s">
        <v>268</v>
      </c>
      <c r="AB52" s="16">
        <v>237</v>
      </c>
      <c r="AC52" s="22" t="s">
        <v>268</v>
      </c>
      <c r="AD52" s="16">
        <v>9142</v>
      </c>
    </row>
    <row r="53" spans="1:30">
      <c r="A53" s="21" t="s">
        <v>232</v>
      </c>
      <c r="B53" s="21" t="s">
        <v>233</v>
      </c>
      <c r="C53" s="21" t="s">
        <v>262</v>
      </c>
      <c r="D53" s="21" t="s">
        <v>215</v>
      </c>
      <c r="E53" s="21" t="s">
        <v>466</v>
      </c>
      <c r="F53" s="21" t="s">
        <v>420</v>
      </c>
      <c r="G53" s="16">
        <v>3065</v>
      </c>
      <c r="H53" s="16">
        <v>791</v>
      </c>
      <c r="I53" s="16">
        <v>104</v>
      </c>
      <c r="J53" s="22" t="s">
        <v>268</v>
      </c>
      <c r="K53" s="22" t="s">
        <v>268</v>
      </c>
      <c r="L53" s="16">
        <v>103</v>
      </c>
      <c r="M53" s="16">
        <v>1</v>
      </c>
      <c r="N53" s="16">
        <v>687</v>
      </c>
      <c r="O53" s="22" t="s">
        <v>268</v>
      </c>
      <c r="P53" s="16">
        <v>42</v>
      </c>
      <c r="Q53" s="22" t="s">
        <v>268</v>
      </c>
      <c r="R53" s="16">
        <v>42</v>
      </c>
      <c r="S53" s="16">
        <v>67</v>
      </c>
      <c r="T53" s="16">
        <v>36</v>
      </c>
      <c r="U53" s="16">
        <v>13</v>
      </c>
      <c r="V53" s="16">
        <v>35</v>
      </c>
      <c r="W53" s="16">
        <v>305</v>
      </c>
      <c r="X53" s="16">
        <v>147</v>
      </c>
      <c r="Y53" s="16">
        <v>115</v>
      </c>
      <c r="Z53" s="16">
        <v>2159</v>
      </c>
      <c r="AA53" s="22" t="s">
        <v>268</v>
      </c>
      <c r="AB53" s="16">
        <v>109</v>
      </c>
      <c r="AC53" s="22" t="s">
        <v>268</v>
      </c>
      <c r="AD53" s="16">
        <v>2159</v>
      </c>
    </row>
    <row r="54" spans="1:30">
      <c r="A54" s="21" t="s">
        <v>232</v>
      </c>
      <c r="B54" s="21" t="s">
        <v>233</v>
      </c>
      <c r="C54" s="21" t="s">
        <v>262</v>
      </c>
      <c r="D54" s="21" t="s">
        <v>215</v>
      </c>
      <c r="E54" s="21" t="s">
        <v>466</v>
      </c>
      <c r="F54" s="21" t="s">
        <v>421</v>
      </c>
      <c r="G54" s="16">
        <v>390</v>
      </c>
      <c r="H54" s="16">
        <v>115</v>
      </c>
      <c r="I54" s="16">
        <v>26</v>
      </c>
      <c r="J54" s="22" t="s">
        <v>268</v>
      </c>
      <c r="K54" s="22" t="s">
        <v>268</v>
      </c>
      <c r="L54" s="16">
        <v>26</v>
      </c>
      <c r="M54" s="22" t="s">
        <v>268</v>
      </c>
      <c r="N54" s="16">
        <v>89</v>
      </c>
      <c r="O54" s="22" t="s">
        <v>268</v>
      </c>
      <c r="P54" s="16">
        <v>15</v>
      </c>
      <c r="Q54" s="22" t="s">
        <v>268</v>
      </c>
      <c r="R54" s="16">
        <v>9</v>
      </c>
      <c r="S54" s="16">
        <v>10</v>
      </c>
      <c r="T54" s="16">
        <v>7</v>
      </c>
      <c r="U54" s="16">
        <v>3</v>
      </c>
      <c r="V54" s="16">
        <v>6</v>
      </c>
      <c r="W54" s="16">
        <v>25</v>
      </c>
      <c r="X54" s="16">
        <v>14</v>
      </c>
      <c r="Y54" s="16">
        <v>16</v>
      </c>
      <c r="Z54" s="16">
        <v>259</v>
      </c>
      <c r="AA54" s="22" t="s">
        <v>268</v>
      </c>
      <c r="AB54" s="16">
        <v>22</v>
      </c>
      <c r="AC54" s="22" t="s">
        <v>268</v>
      </c>
      <c r="AD54" s="16">
        <v>259</v>
      </c>
    </row>
    <row r="55" spans="1:30">
      <c r="A55" s="21" t="s">
        <v>232</v>
      </c>
      <c r="B55" s="21" t="s">
        <v>233</v>
      </c>
      <c r="C55" s="21" t="s">
        <v>262</v>
      </c>
      <c r="D55" s="21" t="s">
        <v>215</v>
      </c>
      <c r="E55" s="21" t="s">
        <v>466</v>
      </c>
      <c r="F55" s="21" t="s">
        <v>422</v>
      </c>
      <c r="G55" s="16">
        <v>80</v>
      </c>
      <c r="H55" s="16">
        <v>22</v>
      </c>
      <c r="I55" s="16">
        <v>7</v>
      </c>
      <c r="J55" s="22" t="s">
        <v>268</v>
      </c>
      <c r="K55" s="22" t="s">
        <v>268</v>
      </c>
      <c r="L55" s="16">
        <v>7</v>
      </c>
      <c r="M55" s="22" t="s">
        <v>268</v>
      </c>
      <c r="N55" s="16">
        <v>15</v>
      </c>
      <c r="O55" s="22" t="s">
        <v>268</v>
      </c>
      <c r="P55" s="16">
        <v>2</v>
      </c>
      <c r="Q55" s="22" t="s">
        <v>268</v>
      </c>
      <c r="R55" s="16">
        <v>3</v>
      </c>
      <c r="S55" s="16">
        <v>3</v>
      </c>
      <c r="T55" s="16">
        <v>1</v>
      </c>
      <c r="U55" s="22" t="s">
        <v>268</v>
      </c>
      <c r="V55" s="22" t="s">
        <v>268</v>
      </c>
      <c r="W55" s="16">
        <v>3</v>
      </c>
      <c r="X55" s="16">
        <v>3</v>
      </c>
      <c r="Y55" s="16">
        <v>6</v>
      </c>
      <c r="Z55" s="16">
        <v>52</v>
      </c>
      <c r="AA55" s="22" t="s">
        <v>268</v>
      </c>
      <c r="AB55" s="16">
        <v>4</v>
      </c>
      <c r="AC55" s="22" t="s">
        <v>268</v>
      </c>
      <c r="AD55" s="16">
        <v>52</v>
      </c>
    </row>
    <row r="56" spans="1:30">
      <c r="A56" s="21" t="s">
        <v>232</v>
      </c>
      <c r="B56" s="21" t="s">
        <v>233</v>
      </c>
      <c r="C56" s="21" t="s">
        <v>262</v>
      </c>
      <c r="D56" s="21" t="s">
        <v>215</v>
      </c>
      <c r="E56" s="21" t="s">
        <v>466</v>
      </c>
      <c r="F56" s="21" t="s">
        <v>423</v>
      </c>
      <c r="G56" s="22" t="s">
        <v>268</v>
      </c>
      <c r="H56" s="22" t="s">
        <v>268</v>
      </c>
      <c r="I56" s="22" t="s">
        <v>268</v>
      </c>
      <c r="J56" s="22" t="s">
        <v>268</v>
      </c>
      <c r="K56" s="22" t="s">
        <v>268</v>
      </c>
      <c r="L56" s="22" t="s">
        <v>268</v>
      </c>
      <c r="M56" s="22" t="s">
        <v>268</v>
      </c>
      <c r="N56" s="22" t="s">
        <v>268</v>
      </c>
      <c r="O56" s="22" t="s">
        <v>268</v>
      </c>
      <c r="P56" s="22" t="s">
        <v>268</v>
      </c>
      <c r="Q56" s="22" t="s">
        <v>268</v>
      </c>
      <c r="R56" s="22" t="s">
        <v>268</v>
      </c>
      <c r="S56" s="22" t="s">
        <v>268</v>
      </c>
      <c r="T56" s="22" t="s">
        <v>268</v>
      </c>
      <c r="U56" s="22" t="s">
        <v>268</v>
      </c>
      <c r="V56" s="22" t="s">
        <v>268</v>
      </c>
      <c r="W56" s="22" t="s">
        <v>268</v>
      </c>
      <c r="X56" s="22" t="s">
        <v>268</v>
      </c>
      <c r="Y56" s="22" t="s">
        <v>268</v>
      </c>
      <c r="Z56" s="22" t="s">
        <v>268</v>
      </c>
      <c r="AA56" s="22" t="s">
        <v>268</v>
      </c>
      <c r="AB56" s="22" t="s">
        <v>268</v>
      </c>
      <c r="AC56" s="22" t="s">
        <v>268</v>
      </c>
      <c r="AD56" s="22" t="s">
        <v>268</v>
      </c>
    </row>
    <row r="57" spans="1:30">
      <c r="A57" s="21" t="s">
        <v>232</v>
      </c>
      <c r="B57" s="21" t="s">
        <v>233</v>
      </c>
      <c r="C57" s="21" t="s">
        <v>262</v>
      </c>
      <c r="D57" s="21" t="s">
        <v>215</v>
      </c>
      <c r="E57" s="21" t="s">
        <v>466</v>
      </c>
      <c r="F57" s="21" t="s">
        <v>386</v>
      </c>
      <c r="G57" s="16">
        <v>7639031</v>
      </c>
      <c r="H57" s="16">
        <v>7608794</v>
      </c>
      <c r="I57" s="16">
        <v>6705626</v>
      </c>
      <c r="J57" s="22" t="s">
        <v>268</v>
      </c>
      <c r="K57" s="16">
        <v>6038342</v>
      </c>
      <c r="L57" s="16">
        <v>53615</v>
      </c>
      <c r="M57" s="16">
        <v>613669</v>
      </c>
      <c r="N57" s="16">
        <v>903168</v>
      </c>
      <c r="O57" s="22" t="s">
        <v>268</v>
      </c>
      <c r="P57" s="22" t="s">
        <v>268</v>
      </c>
      <c r="Q57" s="16">
        <v>258390</v>
      </c>
      <c r="R57" s="16">
        <v>257306</v>
      </c>
      <c r="S57" s="16">
        <v>8570</v>
      </c>
      <c r="T57" s="16">
        <v>133659</v>
      </c>
      <c r="U57" s="16">
        <v>12910</v>
      </c>
      <c r="V57" s="16">
        <v>134311</v>
      </c>
      <c r="W57" s="16">
        <v>327</v>
      </c>
      <c r="X57" s="16">
        <v>97695</v>
      </c>
      <c r="Y57" s="16">
        <v>30143</v>
      </c>
      <c r="Z57" s="16">
        <v>94</v>
      </c>
      <c r="AA57" s="22" t="s">
        <v>268</v>
      </c>
      <c r="AB57" s="16">
        <v>875253</v>
      </c>
      <c r="AC57" s="22" t="s">
        <v>268</v>
      </c>
      <c r="AD57" s="22" t="s">
        <v>268</v>
      </c>
    </row>
    <row r="58" spans="1:30">
      <c r="A58" s="21" t="s">
        <v>232</v>
      </c>
      <c r="B58" s="21" t="s">
        <v>233</v>
      </c>
      <c r="C58" s="21" t="s">
        <v>262</v>
      </c>
      <c r="D58" s="21" t="s">
        <v>215</v>
      </c>
      <c r="E58" s="21" t="s">
        <v>466</v>
      </c>
      <c r="F58" s="21" t="s">
        <v>387</v>
      </c>
      <c r="G58" s="16">
        <v>14454361</v>
      </c>
      <c r="H58" s="16">
        <v>9958084</v>
      </c>
      <c r="I58" s="16">
        <v>8350382</v>
      </c>
      <c r="J58" s="22" t="s">
        <v>268</v>
      </c>
      <c r="K58" s="16">
        <v>5683932</v>
      </c>
      <c r="L58" s="16">
        <v>449119</v>
      </c>
      <c r="M58" s="16">
        <v>2217331</v>
      </c>
      <c r="N58" s="16">
        <v>1607702</v>
      </c>
      <c r="O58" s="22" t="s">
        <v>268</v>
      </c>
      <c r="P58" s="16">
        <v>73</v>
      </c>
      <c r="Q58" s="16">
        <v>220345</v>
      </c>
      <c r="R58" s="16">
        <v>517773</v>
      </c>
      <c r="S58" s="16">
        <v>39251</v>
      </c>
      <c r="T58" s="16">
        <v>186690</v>
      </c>
      <c r="U58" s="16">
        <v>19779</v>
      </c>
      <c r="V58" s="16">
        <v>96364</v>
      </c>
      <c r="W58" s="16">
        <v>206066</v>
      </c>
      <c r="X58" s="16">
        <v>321361</v>
      </c>
      <c r="Y58" s="16">
        <v>360216</v>
      </c>
      <c r="Z58" s="16">
        <v>4136061</v>
      </c>
      <c r="AA58" s="22" t="s">
        <v>268</v>
      </c>
      <c r="AB58" s="16">
        <v>1220649</v>
      </c>
      <c r="AC58" s="22" t="s">
        <v>268</v>
      </c>
      <c r="AD58" s="22" t="s">
        <v>268</v>
      </c>
    </row>
    <row r="59" spans="1:30">
      <c r="A59" s="21" t="s">
        <v>232</v>
      </c>
      <c r="B59" s="21" t="s">
        <v>233</v>
      </c>
      <c r="C59" s="21" t="s">
        <v>262</v>
      </c>
      <c r="D59" s="21" t="s">
        <v>215</v>
      </c>
      <c r="E59" s="21" t="s">
        <v>466</v>
      </c>
      <c r="F59" s="21" t="s">
        <v>388</v>
      </c>
      <c r="G59" s="16">
        <v>887079</v>
      </c>
      <c r="H59" s="16">
        <v>213028</v>
      </c>
      <c r="I59" s="16">
        <v>76710</v>
      </c>
      <c r="J59" s="22" t="s">
        <v>268</v>
      </c>
      <c r="K59" s="16">
        <v>4271</v>
      </c>
      <c r="L59" s="16">
        <v>8880</v>
      </c>
      <c r="M59" s="16">
        <v>63559</v>
      </c>
      <c r="N59" s="16">
        <v>136318</v>
      </c>
      <c r="O59" s="22" t="s">
        <v>268</v>
      </c>
      <c r="P59" s="16">
        <v>283</v>
      </c>
      <c r="Q59" s="22" t="s">
        <v>268</v>
      </c>
      <c r="R59" s="16">
        <v>918</v>
      </c>
      <c r="S59" s="16">
        <v>9218</v>
      </c>
      <c r="T59" s="16">
        <v>5645</v>
      </c>
      <c r="U59" s="16">
        <v>1635</v>
      </c>
      <c r="V59" s="16">
        <v>2408</v>
      </c>
      <c r="W59" s="16">
        <v>100518</v>
      </c>
      <c r="X59" s="16">
        <v>15693</v>
      </c>
      <c r="Y59" s="16">
        <v>29812</v>
      </c>
      <c r="Z59" s="16">
        <v>644239</v>
      </c>
      <c r="AA59" s="22" t="s">
        <v>268</v>
      </c>
      <c r="AB59" s="16">
        <v>5908</v>
      </c>
      <c r="AC59" s="22" t="s">
        <v>268</v>
      </c>
      <c r="AD59" s="16">
        <v>644239</v>
      </c>
    </row>
    <row r="60" spans="1:30">
      <c r="A60" s="21" t="s">
        <v>232</v>
      </c>
      <c r="B60" s="21" t="s">
        <v>233</v>
      </c>
      <c r="C60" s="21" t="s">
        <v>262</v>
      </c>
      <c r="D60" s="21" t="s">
        <v>215</v>
      </c>
      <c r="E60" s="21" t="s">
        <v>466</v>
      </c>
      <c r="F60" s="21" t="s">
        <v>389</v>
      </c>
      <c r="G60" s="16">
        <v>161420</v>
      </c>
      <c r="H60" s="16">
        <v>31233</v>
      </c>
      <c r="I60" s="16">
        <v>2594</v>
      </c>
      <c r="J60" s="22" t="s">
        <v>268</v>
      </c>
      <c r="K60" s="16">
        <v>19</v>
      </c>
      <c r="L60" s="16">
        <v>1506</v>
      </c>
      <c r="M60" s="16">
        <v>1069</v>
      </c>
      <c r="N60" s="16">
        <v>28639</v>
      </c>
      <c r="O60" s="22" t="s">
        <v>268</v>
      </c>
      <c r="P60" s="16">
        <v>184</v>
      </c>
      <c r="Q60" s="22" t="s">
        <v>268</v>
      </c>
      <c r="R60" s="16">
        <v>546</v>
      </c>
      <c r="S60" s="16">
        <v>2164</v>
      </c>
      <c r="T60" s="16">
        <v>1205</v>
      </c>
      <c r="U60" s="16">
        <v>320</v>
      </c>
      <c r="V60" s="16">
        <v>580</v>
      </c>
      <c r="W60" s="16">
        <v>19547</v>
      </c>
      <c r="X60" s="16">
        <v>4093</v>
      </c>
      <c r="Y60" s="16">
        <v>8417</v>
      </c>
      <c r="Z60" s="16">
        <v>121770</v>
      </c>
      <c r="AA60" s="22" t="s">
        <v>268</v>
      </c>
      <c r="AB60" s="16">
        <v>1710</v>
      </c>
      <c r="AC60" s="22" t="s">
        <v>268</v>
      </c>
      <c r="AD60" s="16">
        <v>121770</v>
      </c>
    </row>
    <row r="61" spans="1:30">
      <c r="A61" s="21" t="s">
        <v>232</v>
      </c>
      <c r="B61" s="21" t="s">
        <v>233</v>
      </c>
      <c r="C61" s="21" t="s">
        <v>262</v>
      </c>
      <c r="D61" s="21" t="s">
        <v>215</v>
      </c>
      <c r="E61" s="21" t="s">
        <v>466</v>
      </c>
      <c r="F61" s="21" t="s">
        <v>390</v>
      </c>
      <c r="G61" s="16">
        <v>16642</v>
      </c>
      <c r="H61" s="16">
        <v>3803</v>
      </c>
      <c r="I61" s="16">
        <v>426</v>
      </c>
      <c r="J61" s="22" t="s">
        <v>268</v>
      </c>
      <c r="K61" s="22" t="s">
        <v>268</v>
      </c>
      <c r="L61" s="16">
        <v>418</v>
      </c>
      <c r="M61" s="16">
        <v>8</v>
      </c>
      <c r="N61" s="16">
        <v>3377</v>
      </c>
      <c r="O61" s="22" t="s">
        <v>268</v>
      </c>
      <c r="P61" s="16">
        <v>105</v>
      </c>
      <c r="Q61" s="22" t="s">
        <v>268</v>
      </c>
      <c r="R61" s="16">
        <v>130</v>
      </c>
      <c r="S61" s="16">
        <v>325</v>
      </c>
      <c r="T61" s="16">
        <v>171</v>
      </c>
      <c r="U61" s="16">
        <v>55</v>
      </c>
      <c r="V61" s="16">
        <v>119</v>
      </c>
      <c r="W61" s="16">
        <v>1806</v>
      </c>
      <c r="X61" s="16">
        <v>666</v>
      </c>
      <c r="Y61" s="16">
        <v>1227</v>
      </c>
      <c r="Z61" s="16">
        <v>11612</v>
      </c>
      <c r="AA61" s="22" t="s">
        <v>268</v>
      </c>
      <c r="AB61" s="16">
        <v>372</v>
      </c>
      <c r="AC61" s="22" t="s">
        <v>268</v>
      </c>
      <c r="AD61" s="16">
        <v>11612</v>
      </c>
    </row>
    <row r="62" spans="1:30">
      <c r="A62" s="21" t="s">
        <v>232</v>
      </c>
      <c r="B62" s="21" t="s">
        <v>233</v>
      </c>
      <c r="C62" s="21" t="s">
        <v>262</v>
      </c>
      <c r="D62" s="21" t="s">
        <v>215</v>
      </c>
      <c r="E62" s="21" t="s">
        <v>466</v>
      </c>
      <c r="F62" s="21" t="s">
        <v>391</v>
      </c>
      <c r="G62" s="16">
        <v>12125448</v>
      </c>
      <c r="H62" s="16">
        <v>7479543</v>
      </c>
      <c r="I62" s="16">
        <v>6220006</v>
      </c>
      <c r="J62" s="22" t="s">
        <v>268</v>
      </c>
      <c r="K62" s="16">
        <v>3937722</v>
      </c>
      <c r="L62" s="16">
        <v>401445</v>
      </c>
      <c r="M62" s="16">
        <v>1880839</v>
      </c>
      <c r="N62" s="16">
        <v>1259537</v>
      </c>
      <c r="O62" s="22" t="s">
        <v>268</v>
      </c>
      <c r="P62" s="16">
        <v>119</v>
      </c>
      <c r="Q62" s="16">
        <v>116722</v>
      </c>
      <c r="R62" s="16">
        <v>376894</v>
      </c>
      <c r="S62" s="16">
        <v>34898</v>
      </c>
      <c r="T62" s="16">
        <v>131643</v>
      </c>
      <c r="U62" s="16">
        <v>18614</v>
      </c>
      <c r="V62" s="16">
        <v>69935</v>
      </c>
      <c r="W62" s="16">
        <v>247028</v>
      </c>
      <c r="X62" s="16">
        <v>263684</v>
      </c>
      <c r="Y62" s="16">
        <v>356210</v>
      </c>
      <c r="Z62" s="16">
        <v>4289695</v>
      </c>
      <c r="AA62" s="22" t="s">
        <v>268</v>
      </c>
      <c r="AB62" s="16">
        <v>840871</v>
      </c>
      <c r="AC62" s="22" t="s">
        <v>268</v>
      </c>
      <c r="AD62" s="16">
        <v>296670</v>
      </c>
    </row>
    <row r="63" spans="1:30">
      <c r="A63" s="21" t="s">
        <v>232</v>
      </c>
      <c r="B63" s="21" t="s">
        <v>233</v>
      </c>
      <c r="C63" s="21" t="s">
        <v>262</v>
      </c>
      <c r="D63" s="21" t="s">
        <v>216</v>
      </c>
      <c r="E63" s="21" t="s">
        <v>466</v>
      </c>
      <c r="F63" s="21" t="s">
        <v>401</v>
      </c>
      <c r="G63" s="16">
        <v>19624861</v>
      </c>
      <c r="H63" s="16">
        <v>15983078</v>
      </c>
      <c r="I63" s="16">
        <v>13509245</v>
      </c>
      <c r="J63" s="22" t="s">
        <v>268</v>
      </c>
      <c r="K63" s="16">
        <v>10687156</v>
      </c>
      <c r="L63" s="16">
        <v>349966</v>
      </c>
      <c r="M63" s="16">
        <v>2472123</v>
      </c>
      <c r="N63" s="16">
        <v>2473833</v>
      </c>
      <c r="O63" s="22" t="s">
        <v>268</v>
      </c>
      <c r="P63" s="16">
        <v>1966</v>
      </c>
      <c r="Q63" s="16">
        <v>447310</v>
      </c>
      <c r="R63" s="16">
        <v>689764</v>
      </c>
      <c r="S63" s="16">
        <v>51797</v>
      </c>
      <c r="T63" s="16">
        <v>316329</v>
      </c>
      <c r="U63" s="16">
        <v>33777</v>
      </c>
      <c r="V63" s="16">
        <v>229593</v>
      </c>
      <c r="W63" s="16">
        <v>307933</v>
      </c>
      <c r="X63" s="16">
        <v>395364</v>
      </c>
      <c r="Y63" s="16">
        <v>406110</v>
      </c>
      <c r="Z63" s="16">
        <v>3235673</v>
      </c>
      <c r="AA63" s="22" t="s">
        <v>268</v>
      </c>
      <c r="AB63" s="16">
        <v>1951365</v>
      </c>
      <c r="AC63" s="22" t="s">
        <v>268</v>
      </c>
      <c r="AD63" s="16">
        <v>463471</v>
      </c>
    </row>
    <row r="64" spans="1:30">
      <c r="A64" s="21" t="s">
        <v>232</v>
      </c>
      <c r="B64" s="21" t="s">
        <v>233</v>
      </c>
      <c r="C64" s="21" t="s">
        <v>262</v>
      </c>
      <c r="D64" s="21" t="s">
        <v>216</v>
      </c>
      <c r="E64" s="21" t="s">
        <v>466</v>
      </c>
      <c r="F64" s="21" t="s">
        <v>405</v>
      </c>
      <c r="G64" s="16">
        <v>2663351</v>
      </c>
      <c r="H64" s="16">
        <v>2533395</v>
      </c>
      <c r="I64" s="16">
        <v>2134568</v>
      </c>
      <c r="J64" s="22" t="s">
        <v>268</v>
      </c>
      <c r="K64" s="16">
        <v>1701195</v>
      </c>
      <c r="L64" s="16">
        <v>45237</v>
      </c>
      <c r="M64" s="16">
        <v>388136</v>
      </c>
      <c r="N64" s="16">
        <v>398827</v>
      </c>
      <c r="O64" s="22" t="s">
        <v>268</v>
      </c>
      <c r="P64" s="22" t="s">
        <v>268</v>
      </c>
      <c r="Q64" s="16">
        <v>100128</v>
      </c>
      <c r="R64" s="16">
        <v>136514</v>
      </c>
      <c r="S64" s="16">
        <v>7811</v>
      </c>
      <c r="T64" s="16">
        <v>55671</v>
      </c>
      <c r="U64" s="16">
        <v>2050</v>
      </c>
      <c r="V64" s="16">
        <v>27070</v>
      </c>
      <c r="W64" s="16">
        <v>7502</v>
      </c>
      <c r="X64" s="16">
        <v>62081</v>
      </c>
      <c r="Y64" s="16">
        <v>15931</v>
      </c>
      <c r="Z64" s="16">
        <v>114025</v>
      </c>
      <c r="AA64" s="22" t="s">
        <v>268</v>
      </c>
      <c r="AB64" s="16">
        <v>369553</v>
      </c>
      <c r="AC64" s="22" t="s">
        <v>268</v>
      </c>
      <c r="AD64" s="22" t="s">
        <v>268</v>
      </c>
    </row>
    <row r="65" spans="1:30">
      <c r="A65" s="21" t="s">
        <v>232</v>
      </c>
      <c r="B65" s="21" t="s">
        <v>233</v>
      </c>
      <c r="C65" s="21" t="s">
        <v>262</v>
      </c>
      <c r="D65" s="21" t="s">
        <v>216</v>
      </c>
      <c r="E65" s="21" t="s">
        <v>466</v>
      </c>
      <c r="F65" s="21" t="s">
        <v>406</v>
      </c>
      <c r="G65" s="16">
        <v>2509333</v>
      </c>
      <c r="H65" s="16">
        <v>1837585</v>
      </c>
      <c r="I65" s="16">
        <v>1493603</v>
      </c>
      <c r="J65" s="22" t="s">
        <v>268</v>
      </c>
      <c r="K65" s="16">
        <v>1144011</v>
      </c>
      <c r="L65" s="16">
        <v>46408</v>
      </c>
      <c r="M65" s="16">
        <v>303184</v>
      </c>
      <c r="N65" s="16">
        <v>343982</v>
      </c>
      <c r="O65" s="22" t="s">
        <v>268</v>
      </c>
      <c r="P65" s="22" t="s">
        <v>268</v>
      </c>
      <c r="Q65" s="16">
        <v>60344</v>
      </c>
      <c r="R65" s="16">
        <v>122021</v>
      </c>
      <c r="S65" s="16">
        <v>8859</v>
      </c>
      <c r="T65" s="16">
        <v>40083</v>
      </c>
      <c r="U65" s="16">
        <v>2409</v>
      </c>
      <c r="V65" s="16">
        <v>15992</v>
      </c>
      <c r="W65" s="16">
        <v>30033</v>
      </c>
      <c r="X65" s="16">
        <v>64241</v>
      </c>
      <c r="Y65" s="16">
        <v>70970</v>
      </c>
      <c r="Z65" s="16">
        <v>600778</v>
      </c>
      <c r="AA65" s="22" t="s">
        <v>268</v>
      </c>
      <c r="AB65" s="16">
        <v>286320</v>
      </c>
      <c r="AC65" s="22" t="s">
        <v>268</v>
      </c>
      <c r="AD65" s="22" t="s">
        <v>268</v>
      </c>
    </row>
    <row r="66" spans="1:30">
      <c r="A66" s="21" t="s">
        <v>232</v>
      </c>
      <c r="B66" s="21" t="s">
        <v>233</v>
      </c>
      <c r="C66" s="21" t="s">
        <v>262</v>
      </c>
      <c r="D66" s="21" t="s">
        <v>216</v>
      </c>
      <c r="E66" s="21" t="s">
        <v>466</v>
      </c>
      <c r="F66" s="21" t="s">
        <v>407</v>
      </c>
      <c r="G66" s="16">
        <v>1712877</v>
      </c>
      <c r="H66" s="16">
        <v>1088726</v>
      </c>
      <c r="I66" s="16">
        <v>861979</v>
      </c>
      <c r="J66" s="22" t="s">
        <v>268</v>
      </c>
      <c r="K66" s="16">
        <v>639984</v>
      </c>
      <c r="L66" s="16">
        <v>33501</v>
      </c>
      <c r="M66" s="16">
        <v>188494</v>
      </c>
      <c r="N66" s="16">
        <v>226747</v>
      </c>
      <c r="O66" s="22" t="s">
        <v>268</v>
      </c>
      <c r="P66" s="22" t="s">
        <v>268</v>
      </c>
      <c r="Q66" s="16">
        <v>27468</v>
      </c>
      <c r="R66" s="16">
        <v>88698</v>
      </c>
      <c r="S66" s="16">
        <v>4178</v>
      </c>
      <c r="T66" s="16">
        <v>23120</v>
      </c>
      <c r="U66" s="16">
        <v>2141</v>
      </c>
      <c r="V66" s="16">
        <v>11231</v>
      </c>
      <c r="W66" s="16">
        <v>23880</v>
      </c>
      <c r="X66" s="16">
        <v>46031</v>
      </c>
      <c r="Y66" s="16">
        <v>96719</v>
      </c>
      <c r="Z66" s="16">
        <v>527432</v>
      </c>
      <c r="AA66" s="22" t="s">
        <v>268</v>
      </c>
      <c r="AB66" s="16">
        <v>183563</v>
      </c>
      <c r="AC66" s="22" t="s">
        <v>268</v>
      </c>
      <c r="AD66" s="22" t="s">
        <v>268</v>
      </c>
    </row>
    <row r="67" spans="1:30">
      <c r="A67" s="21" t="s">
        <v>232</v>
      </c>
      <c r="B67" s="21" t="s">
        <v>233</v>
      </c>
      <c r="C67" s="21" t="s">
        <v>262</v>
      </c>
      <c r="D67" s="21" t="s">
        <v>216</v>
      </c>
      <c r="E67" s="21" t="s">
        <v>466</v>
      </c>
      <c r="F67" s="21" t="s">
        <v>408</v>
      </c>
      <c r="G67" s="16">
        <v>1063542</v>
      </c>
      <c r="H67" s="16">
        <v>697216</v>
      </c>
      <c r="I67" s="16">
        <v>563965</v>
      </c>
      <c r="J67" s="22" t="s">
        <v>268</v>
      </c>
      <c r="K67" s="16">
        <v>403426</v>
      </c>
      <c r="L67" s="16">
        <v>26346</v>
      </c>
      <c r="M67" s="16">
        <v>134193</v>
      </c>
      <c r="N67" s="16">
        <v>133251</v>
      </c>
      <c r="O67" s="22" t="s">
        <v>268</v>
      </c>
      <c r="P67" s="22" t="s">
        <v>268</v>
      </c>
      <c r="Q67" s="16">
        <v>9207</v>
      </c>
      <c r="R67" s="16">
        <v>51105</v>
      </c>
      <c r="S67" s="16">
        <v>1788</v>
      </c>
      <c r="T67" s="16">
        <v>15283</v>
      </c>
      <c r="U67" s="16">
        <v>1682</v>
      </c>
      <c r="V67" s="16">
        <v>9212</v>
      </c>
      <c r="W67" s="16">
        <v>15789</v>
      </c>
      <c r="X67" s="16">
        <v>29185</v>
      </c>
      <c r="Y67" s="16">
        <v>44630</v>
      </c>
      <c r="Z67" s="16">
        <v>321696</v>
      </c>
      <c r="AA67" s="22" t="s">
        <v>268</v>
      </c>
      <c r="AB67" s="16">
        <v>104351</v>
      </c>
      <c r="AC67" s="22" t="s">
        <v>268</v>
      </c>
      <c r="AD67" s="22" t="s">
        <v>268</v>
      </c>
    </row>
    <row r="68" spans="1:30">
      <c r="A68" s="21" t="s">
        <v>232</v>
      </c>
      <c r="B68" s="21" t="s">
        <v>233</v>
      </c>
      <c r="C68" s="21" t="s">
        <v>262</v>
      </c>
      <c r="D68" s="21" t="s">
        <v>216</v>
      </c>
      <c r="E68" s="21" t="s">
        <v>466</v>
      </c>
      <c r="F68" s="21" t="s">
        <v>409</v>
      </c>
      <c r="G68" s="16">
        <v>815061</v>
      </c>
      <c r="H68" s="16">
        <v>548834</v>
      </c>
      <c r="I68" s="16">
        <v>464186</v>
      </c>
      <c r="J68" s="22" t="s">
        <v>268</v>
      </c>
      <c r="K68" s="16">
        <v>313327</v>
      </c>
      <c r="L68" s="16">
        <v>25686</v>
      </c>
      <c r="M68" s="16">
        <v>125173</v>
      </c>
      <c r="N68" s="16">
        <v>84648</v>
      </c>
      <c r="O68" s="22" t="s">
        <v>268</v>
      </c>
      <c r="P68" s="16">
        <v>2</v>
      </c>
      <c r="Q68" s="16">
        <v>2479</v>
      </c>
      <c r="R68" s="16">
        <v>25404</v>
      </c>
      <c r="S68" s="16">
        <v>927</v>
      </c>
      <c r="T68" s="16">
        <v>12838</v>
      </c>
      <c r="U68" s="16">
        <v>1378</v>
      </c>
      <c r="V68" s="16">
        <v>8347</v>
      </c>
      <c r="W68" s="16">
        <v>13215</v>
      </c>
      <c r="X68" s="16">
        <v>20058</v>
      </c>
      <c r="Y68" s="16">
        <v>26365</v>
      </c>
      <c r="Z68" s="16">
        <v>239862</v>
      </c>
      <c r="AA68" s="22" t="s">
        <v>268</v>
      </c>
      <c r="AB68" s="16">
        <v>61409</v>
      </c>
      <c r="AC68" s="22" t="s">
        <v>268</v>
      </c>
      <c r="AD68" s="22" t="s">
        <v>268</v>
      </c>
    </row>
    <row r="69" spans="1:30">
      <c r="A69" s="21" t="s">
        <v>232</v>
      </c>
      <c r="B69" s="21" t="s">
        <v>233</v>
      </c>
      <c r="C69" s="21" t="s">
        <v>262</v>
      </c>
      <c r="D69" s="21" t="s">
        <v>216</v>
      </c>
      <c r="E69" s="21" t="s">
        <v>466</v>
      </c>
      <c r="F69" s="21" t="s">
        <v>410</v>
      </c>
      <c r="G69" s="16">
        <v>759408</v>
      </c>
      <c r="H69" s="16">
        <v>518173</v>
      </c>
      <c r="I69" s="16">
        <v>455559</v>
      </c>
      <c r="J69" s="22" t="s">
        <v>268</v>
      </c>
      <c r="K69" s="16">
        <v>282688</v>
      </c>
      <c r="L69" s="16">
        <v>29489</v>
      </c>
      <c r="M69" s="16">
        <v>143382</v>
      </c>
      <c r="N69" s="16">
        <v>62614</v>
      </c>
      <c r="O69" s="22" t="s">
        <v>268</v>
      </c>
      <c r="P69" s="16">
        <v>4</v>
      </c>
      <c r="Q69" s="16">
        <v>479</v>
      </c>
      <c r="R69" s="16">
        <v>10482</v>
      </c>
      <c r="S69" s="16">
        <v>759</v>
      </c>
      <c r="T69" s="16">
        <v>11785</v>
      </c>
      <c r="U69" s="16">
        <v>1503</v>
      </c>
      <c r="V69" s="16">
        <v>7934</v>
      </c>
      <c r="W69" s="16">
        <v>14150</v>
      </c>
      <c r="X69" s="16">
        <v>15518</v>
      </c>
      <c r="Y69" s="16">
        <v>22585</v>
      </c>
      <c r="Z69" s="16">
        <v>218650</v>
      </c>
      <c r="AA69" s="22" t="s">
        <v>268</v>
      </c>
      <c r="AB69" s="16">
        <v>38772</v>
      </c>
      <c r="AC69" s="22" t="s">
        <v>268</v>
      </c>
      <c r="AD69" s="22" t="s">
        <v>268</v>
      </c>
    </row>
    <row r="70" spans="1:30">
      <c r="A70" s="21" t="s">
        <v>232</v>
      </c>
      <c r="B70" s="21" t="s">
        <v>233</v>
      </c>
      <c r="C70" s="21" t="s">
        <v>262</v>
      </c>
      <c r="D70" s="21" t="s">
        <v>216</v>
      </c>
      <c r="E70" s="21" t="s">
        <v>466</v>
      </c>
      <c r="F70" s="21" t="s">
        <v>411</v>
      </c>
      <c r="G70" s="16">
        <v>799360</v>
      </c>
      <c r="H70" s="16">
        <v>534405</v>
      </c>
      <c r="I70" s="16">
        <v>476026</v>
      </c>
      <c r="J70" s="22" t="s">
        <v>268</v>
      </c>
      <c r="K70" s="16">
        <v>252510</v>
      </c>
      <c r="L70" s="16">
        <v>36753</v>
      </c>
      <c r="M70" s="16">
        <v>186763</v>
      </c>
      <c r="N70" s="16">
        <v>58379</v>
      </c>
      <c r="O70" s="22" t="s">
        <v>268</v>
      </c>
      <c r="P70" s="16">
        <v>26</v>
      </c>
      <c r="Q70" s="16">
        <v>68</v>
      </c>
      <c r="R70" s="16">
        <v>3183</v>
      </c>
      <c r="S70" s="16">
        <v>948</v>
      </c>
      <c r="T70" s="16">
        <v>9901</v>
      </c>
      <c r="U70" s="16">
        <v>2097</v>
      </c>
      <c r="V70" s="16">
        <v>7690</v>
      </c>
      <c r="W70" s="16">
        <v>20132</v>
      </c>
      <c r="X70" s="16">
        <v>14334</v>
      </c>
      <c r="Y70" s="16">
        <v>25628</v>
      </c>
      <c r="Z70" s="16">
        <v>239327</v>
      </c>
      <c r="AA70" s="22" t="s">
        <v>268</v>
      </c>
      <c r="AB70" s="16">
        <v>27457</v>
      </c>
      <c r="AC70" s="22" t="s">
        <v>268</v>
      </c>
      <c r="AD70" s="22" t="s">
        <v>268</v>
      </c>
    </row>
    <row r="71" spans="1:30">
      <c r="A71" s="21" t="s">
        <v>232</v>
      </c>
      <c r="B71" s="21" t="s">
        <v>233</v>
      </c>
      <c r="C71" s="21" t="s">
        <v>262</v>
      </c>
      <c r="D71" s="21" t="s">
        <v>216</v>
      </c>
      <c r="E71" s="21" t="s">
        <v>466</v>
      </c>
      <c r="F71" s="21" t="s">
        <v>412</v>
      </c>
      <c r="G71" s="16">
        <v>611411</v>
      </c>
      <c r="H71" s="16">
        <v>383108</v>
      </c>
      <c r="I71" s="16">
        <v>332980</v>
      </c>
      <c r="J71" s="22" t="s">
        <v>268</v>
      </c>
      <c r="K71" s="16">
        <v>135042</v>
      </c>
      <c r="L71" s="16">
        <v>30055</v>
      </c>
      <c r="M71" s="16">
        <v>167883</v>
      </c>
      <c r="N71" s="16">
        <v>50128</v>
      </c>
      <c r="O71" s="22" t="s">
        <v>268</v>
      </c>
      <c r="P71" s="16">
        <v>48</v>
      </c>
      <c r="Q71" s="16">
        <v>2</v>
      </c>
      <c r="R71" s="16">
        <v>533</v>
      </c>
      <c r="S71" s="16">
        <v>1075</v>
      </c>
      <c r="T71" s="16">
        <v>5679</v>
      </c>
      <c r="U71" s="16">
        <v>2302</v>
      </c>
      <c r="V71" s="16">
        <v>5445</v>
      </c>
      <c r="W71" s="16">
        <v>23601</v>
      </c>
      <c r="X71" s="16">
        <v>11443</v>
      </c>
      <c r="Y71" s="16">
        <v>20827</v>
      </c>
      <c r="Z71" s="16">
        <v>207476</v>
      </c>
      <c r="AA71" s="22" t="s">
        <v>268</v>
      </c>
      <c r="AB71" s="16">
        <v>16216</v>
      </c>
      <c r="AC71" s="22" t="s">
        <v>268</v>
      </c>
      <c r="AD71" s="22" t="s">
        <v>268</v>
      </c>
    </row>
    <row r="72" spans="1:30">
      <c r="A72" s="21" t="s">
        <v>232</v>
      </c>
      <c r="B72" s="21" t="s">
        <v>233</v>
      </c>
      <c r="C72" s="21" t="s">
        <v>262</v>
      </c>
      <c r="D72" s="21" t="s">
        <v>216</v>
      </c>
      <c r="E72" s="21" t="s">
        <v>466</v>
      </c>
      <c r="F72" s="21" t="s">
        <v>413</v>
      </c>
      <c r="G72" s="16">
        <v>415015</v>
      </c>
      <c r="H72" s="16">
        <v>232110</v>
      </c>
      <c r="I72" s="16">
        <v>188460</v>
      </c>
      <c r="J72" s="22" t="s">
        <v>268</v>
      </c>
      <c r="K72" s="16">
        <v>50171</v>
      </c>
      <c r="L72" s="16">
        <v>18712</v>
      </c>
      <c r="M72" s="16">
        <v>119577</v>
      </c>
      <c r="N72" s="16">
        <v>43650</v>
      </c>
      <c r="O72" s="22" t="s">
        <v>268</v>
      </c>
      <c r="P72" s="16">
        <v>58</v>
      </c>
      <c r="Q72" s="22" t="s">
        <v>268</v>
      </c>
      <c r="R72" s="16">
        <v>332</v>
      </c>
      <c r="S72" s="16">
        <v>1529</v>
      </c>
      <c r="T72" s="16">
        <v>3029</v>
      </c>
      <c r="U72" s="16">
        <v>2188</v>
      </c>
      <c r="V72" s="16">
        <v>3431</v>
      </c>
      <c r="W72" s="16">
        <v>24717</v>
      </c>
      <c r="X72" s="16">
        <v>8366</v>
      </c>
      <c r="Y72" s="16">
        <v>14614</v>
      </c>
      <c r="Z72" s="16">
        <v>168291</v>
      </c>
      <c r="AA72" s="22" t="s">
        <v>268</v>
      </c>
      <c r="AB72" s="16">
        <v>9028</v>
      </c>
      <c r="AC72" s="22" t="s">
        <v>268</v>
      </c>
      <c r="AD72" s="22" t="s">
        <v>268</v>
      </c>
    </row>
    <row r="73" spans="1:30">
      <c r="A73" s="21" t="s">
        <v>232</v>
      </c>
      <c r="B73" s="21" t="s">
        <v>233</v>
      </c>
      <c r="C73" s="21" t="s">
        <v>262</v>
      </c>
      <c r="D73" s="21" t="s">
        <v>216</v>
      </c>
      <c r="E73" s="21" t="s">
        <v>466</v>
      </c>
      <c r="F73" s="21" t="s">
        <v>414</v>
      </c>
      <c r="G73" s="16">
        <v>270342</v>
      </c>
      <c r="H73" s="16">
        <v>126048</v>
      </c>
      <c r="I73" s="16">
        <v>84417</v>
      </c>
      <c r="J73" s="22" t="s">
        <v>268</v>
      </c>
      <c r="K73" s="16">
        <v>11483</v>
      </c>
      <c r="L73" s="16">
        <v>8069</v>
      </c>
      <c r="M73" s="16">
        <v>64865</v>
      </c>
      <c r="N73" s="16">
        <v>41631</v>
      </c>
      <c r="O73" s="22" t="s">
        <v>268</v>
      </c>
      <c r="P73" s="16">
        <v>78</v>
      </c>
      <c r="Q73" s="22" t="s">
        <v>268</v>
      </c>
      <c r="R73" s="16">
        <v>489</v>
      </c>
      <c r="S73" s="16">
        <v>2323</v>
      </c>
      <c r="T73" s="16">
        <v>2325</v>
      </c>
      <c r="U73" s="16">
        <v>1642</v>
      </c>
      <c r="V73" s="16">
        <v>2005</v>
      </c>
      <c r="W73" s="16">
        <v>26645</v>
      </c>
      <c r="X73" s="16">
        <v>6124</v>
      </c>
      <c r="Y73" s="16">
        <v>9663</v>
      </c>
      <c r="Z73" s="16">
        <v>134631</v>
      </c>
      <c r="AA73" s="22" t="s">
        <v>268</v>
      </c>
      <c r="AB73" s="16">
        <v>4920</v>
      </c>
      <c r="AC73" s="22" t="s">
        <v>268</v>
      </c>
      <c r="AD73" s="22" t="s">
        <v>268</v>
      </c>
    </row>
    <row r="74" spans="1:30">
      <c r="A74" s="21" t="s">
        <v>232</v>
      </c>
      <c r="B74" s="21" t="s">
        <v>233</v>
      </c>
      <c r="C74" s="21" t="s">
        <v>262</v>
      </c>
      <c r="D74" s="21" t="s">
        <v>216</v>
      </c>
      <c r="E74" s="21" t="s">
        <v>466</v>
      </c>
      <c r="F74" s="21" t="s">
        <v>415</v>
      </c>
      <c r="G74" s="16">
        <v>220144</v>
      </c>
      <c r="H74" s="16">
        <v>81880</v>
      </c>
      <c r="I74" s="16">
        <v>35793</v>
      </c>
      <c r="J74" s="22" t="s">
        <v>268</v>
      </c>
      <c r="K74" s="16">
        <v>2008</v>
      </c>
      <c r="L74" s="16">
        <v>2721</v>
      </c>
      <c r="M74" s="16">
        <v>31064</v>
      </c>
      <c r="N74" s="16">
        <v>46087</v>
      </c>
      <c r="O74" s="22" t="s">
        <v>268</v>
      </c>
      <c r="P74" s="16">
        <v>101</v>
      </c>
      <c r="Q74" s="22" t="s">
        <v>268</v>
      </c>
      <c r="R74" s="16">
        <v>798</v>
      </c>
      <c r="S74" s="16">
        <v>3420</v>
      </c>
      <c r="T74" s="16">
        <v>2546</v>
      </c>
      <c r="U74" s="16">
        <v>972</v>
      </c>
      <c r="V74" s="16">
        <v>1277</v>
      </c>
      <c r="W74" s="16">
        <v>31234</v>
      </c>
      <c r="X74" s="16">
        <v>5739</v>
      </c>
      <c r="Y74" s="16">
        <v>8245</v>
      </c>
      <c r="Z74" s="16">
        <v>130019</v>
      </c>
      <c r="AA74" s="22" t="s">
        <v>268</v>
      </c>
      <c r="AB74" s="16">
        <v>3679</v>
      </c>
      <c r="AC74" s="22" t="s">
        <v>268</v>
      </c>
      <c r="AD74" s="16">
        <v>130019</v>
      </c>
    </row>
    <row r="75" spans="1:30">
      <c r="A75" s="21" t="s">
        <v>232</v>
      </c>
      <c r="B75" s="21" t="s">
        <v>233</v>
      </c>
      <c r="C75" s="21" t="s">
        <v>262</v>
      </c>
      <c r="D75" s="21" t="s">
        <v>216</v>
      </c>
      <c r="E75" s="21" t="s">
        <v>466</v>
      </c>
      <c r="F75" s="21" t="s">
        <v>416</v>
      </c>
      <c r="G75" s="16">
        <v>208261</v>
      </c>
      <c r="H75" s="16">
        <v>63228</v>
      </c>
      <c r="I75" s="16">
        <v>15712</v>
      </c>
      <c r="J75" s="22" t="s">
        <v>268</v>
      </c>
      <c r="K75" s="16">
        <v>268</v>
      </c>
      <c r="L75" s="16">
        <v>740</v>
      </c>
      <c r="M75" s="16">
        <v>14704</v>
      </c>
      <c r="N75" s="16">
        <v>47516</v>
      </c>
      <c r="O75" s="22" t="s">
        <v>268</v>
      </c>
      <c r="P75" s="16">
        <v>179</v>
      </c>
      <c r="Q75" s="22" t="s">
        <v>268</v>
      </c>
      <c r="R75" s="16">
        <v>1071</v>
      </c>
      <c r="S75" s="16">
        <v>3777</v>
      </c>
      <c r="T75" s="16">
        <v>2364</v>
      </c>
      <c r="U75" s="16">
        <v>516</v>
      </c>
      <c r="V75" s="16">
        <v>897</v>
      </c>
      <c r="W75" s="16">
        <v>32860</v>
      </c>
      <c r="X75" s="16">
        <v>5852</v>
      </c>
      <c r="Y75" s="16">
        <v>8142</v>
      </c>
      <c r="Z75" s="16">
        <v>136891</v>
      </c>
      <c r="AA75" s="22" t="s">
        <v>268</v>
      </c>
      <c r="AB75" s="16">
        <v>3237</v>
      </c>
      <c r="AC75" s="22" t="s">
        <v>268</v>
      </c>
      <c r="AD75" s="16">
        <v>136891</v>
      </c>
    </row>
    <row r="76" spans="1:30">
      <c r="A76" s="21" t="s">
        <v>232</v>
      </c>
      <c r="B76" s="21" t="s">
        <v>233</v>
      </c>
      <c r="C76" s="21" t="s">
        <v>262</v>
      </c>
      <c r="D76" s="21" t="s">
        <v>216</v>
      </c>
      <c r="E76" s="21" t="s">
        <v>466</v>
      </c>
      <c r="F76" s="21" t="s">
        <v>417</v>
      </c>
      <c r="G76" s="16">
        <v>130289</v>
      </c>
      <c r="H76" s="16">
        <v>36042</v>
      </c>
      <c r="I76" s="16">
        <v>5538</v>
      </c>
      <c r="J76" s="22" t="s">
        <v>268</v>
      </c>
      <c r="K76" s="16">
        <v>15</v>
      </c>
      <c r="L76" s="16">
        <v>53</v>
      </c>
      <c r="M76" s="16">
        <v>5470</v>
      </c>
      <c r="N76" s="16">
        <v>30504</v>
      </c>
      <c r="O76" s="22" t="s">
        <v>268</v>
      </c>
      <c r="P76" s="16">
        <v>243</v>
      </c>
      <c r="Q76" s="22" t="s">
        <v>268</v>
      </c>
      <c r="R76" s="16">
        <v>1050</v>
      </c>
      <c r="S76" s="16">
        <v>2313</v>
      </c>
      <c r="T76" s="16">
        <v>1503</v>
      </c>
      <c r="U76" s="16">
        <v>245</v>
      </c>
      <c r="V76" s="16">
        <v>500</v>
      </c>
      <c r="W76" s="16">
        <v>20425</v>
      </c>
      <c r="X76" s="16">
        <v>4225</v>
      </c>
      <c r="Y76" s="16">
        <v>5555</v>
      </c>
      <c r="Z76" s="16">
        <v>88692</v>
      </c>
      <c r="AA76" s="22" t="s">
        <v>268</v>
      </c>
      <c r="AB76" s="16">
        <v>2326</v>
      </c>
      <c r="AC76" s="22" t="s">
        <v>268</v>
      </c>
      <c r="AD76" s="16">
        <v>88692</v>
      </c>
    </row>
    <row r="77" spans="1:30">
      <c r="A77" s="21" t="s">
        <v>232</v>
      </c>
      <c r="B77" s="21" t="s">
        <v>233</v>
      </c>
      <c r="C77" s="21" t="s">
        <v>262</v>
      </c>
      <c r="D77" s="21" t="s">
        <v>216</v>
      </c>
      <c r="E77" s="21" t="s">
        <v>466</v>
      </c>
      <c r="F77" s="21" t="s">
        <v>418</v>
      </c>
      <c r="G77" s="16">
        <v>84436</v>
      </c>
      <c r="H77" s="16">
        <v>24341</v>
      </c>
      <c r="I77" s="16">
        <v>3654</v>
      </c>
      <c r="J77" s="22" t="s">
        <v>268</v>
      </c>
      <c r="K77" s="22" t="s">
        <v>268</v>
      </c>
      <c r="L77" s="16">
        <v>6</v>
      </c>
      <c r="M77" s="16">
        <v>3648</v>
      </c>
      <c r="N77" s="16">
        <v>20687</v>
      </c>
      <c r="O77" s="22" t="s">
        <v>268</v>
      </c>
      <c r="P77" s="16">
        <v>305</v>
      </c>
      <c r="Q77" s="22" t="s">
        <v>268</v>
      </c>
      <c r="R77" s="16">
        <v>928</v>
      </c>
      <c r="S77" s="16">
        <v>1700</v>
      </c>
      <c r="T77" s="16">
        <v>1053</v>
      </c>
      <c r="U77" s="16">
        <v>198</v>
      </c>
      <c r="V77" s="16">
        <v>460</v>
      </c>
      <c r="W77" s="16">
        <v>12574</v>
      </c>
      <c r="X77" s="16">
        <v>3469</v>
      </c>
      <c r="Y77" s="16">
        <v>3882</v>
      </c>
      <c r="Z77" s="16">
        <v>56213</v>
      </c>
      <c r="AA77" s="22" t="s">
        <v>268</v>
      </c>
      <c r="AB77" s="16">
        <v>2050</v>
      </c>
      <c r="AC77" s="22" t="s">
        <v>268</v>
      </c>
      <c r="AD77" s="16">
        <v>56213</v>
      </c>
    </row>
    <row r="78" spans="1:30">
      <c r="A78" s="21" t="s">
        <v>232</v>
      </c>
      <c r="B78" s="21" t="s">
        <v>233</v>
      </c>
      <c r="C78" s="21" t="s">
        <v>262</v>
      </c>
      <c r="D78" s="21" t="s">
        <v>216</v>
      </c>
      <c r="E78" s="21" t="s">
        <v>466</v>
      </c>
      <c r="F78" s="21" t="s">
        <v>419</v>
      </c>
      <c r="G78" s="16">
        <v>54147</v>
      </c>
      <c r="H78" s="16">
        <v>16447</v>
      </c>
      <c r="I78" s="16">
        <v>2398</v>
      </c>
      <c r="J78" s="22" t="s">
        <v>268</v>
      </c>
      <c r="K78" s="22" t="s">
        <v>268</v>
      </c>
      <c r="L78" s="22" t="s">
        <v>268</v>
      </c>
      <c r="M78" s="16">
        <v>2398</v>
      </c>
      <c r="N78" s="16">
        <v>14049</v>
      </c>
      <c r="O78" s="22" t="s">
        <v>268</v>
      </c>
      <c r="P78" s="16">
        <v>434</v>
      </c>
      <c r="Q78" s="22" t="s">
        <v>268</v>
      </c>
      <c r="R78" s="16">
        <v>712</v>
      </c>
      <c r="S78" s="16">
        <v>1297</v>
      </c>
      <c r="T78" s="16">
        <v>752</v>
      </c>
      <c r="U78" s="16">
        <v>186</v>
      </c>
      <c r="V78" s="16">
        <v>363</v>
      </c>
      <c r="W78" s="16">
        <v>7592</v>
      </c>
      <c r="X78" s="16">
        <v>2713</v>
      </c>
      <c r="Y78" s="16">
        <v>2566</v>
      </c>
      <c r="Z78" s="16">
        <v>35134</v>
      </c>
      <c r="AA78" s="22" t="s">
        <v>268</v>
      </c>
      <c r="AB78" s="16">
        <v>1562</v>
      </c>
      <c r="AC78" s="22" t="s">
        <v>268</v>
      </c>
      <c r="AD78" s="16">
        <v>35134</v>
      </c>
    </row>
    <row r="79" spans="1:30">
      <c r="A79" s="21" t="s">
        <v>232</v>
      </c>
      <c r="B79" s="21" t="s">
        <v>233</v>
      </c>
      <c r="C79" s="21" t="s">
        <v>262</v>
      </c>
      <c r="D79" s="21" t="s">
        <v>216</v>
      </c>
      <c r="E79" s="21" t="s">
        <v>466</v>
      </c>
      <c r="F79" s="21" t="s">
        <v>420</v>
      </c>
      <c r="G79" s="16">
        <v>22428</v>
      </c>
      <c r="H79" s="16">
        <v>7651</v>
      </c>
      <c r="I79" s="16">
        <v>1105</v>
      </c>
      <c r="J79" s="22" t="s">
        <v>268</v>
      </c>
      <c r="K79" s="22" t="s">
        <v>268</v>
      </c>
      <c r="L79" s="22" t="s">
        <v>268</v>
      </c>
      <c r="M79" s="16">
        <v>1105</v>
      </c>
      <c r="N79" s="16">
        <v>6546</v>
      </c>
      <c r="O79" s="22" t="s">
        <v>268</v>
      </c>
      <c r="P79" s="16">
        <v>352</v>
      </c>
      <c r="Q79" s="22" t="s">
        <v>268</v>
      </c>
      <c r="R79" s="16">
        <v>409</v>
      </c>
      <c r="S79" s="16">
        <v>655</v>
      </c>
      <c r="T79" s="16">
        <v>415</v>
      </c>
      <c r="U79" s="16">
        <v>124</v>
      </c>
      <c r="V79" s="16">
        <v>245</v>
      </c>
      <c r="W79" s="16">
        <v>2844</v>
      </c>
      <c r="X79" s="16">
        <v>1502</v>
      </c>
      <c r="Y79" s="16">
        <v>804</v>
      </c>
      <c r="Z79" s="16">
        <v>13973</v>
      </c>
      <c r="AA79" s="22" t="s">
        <v>268</v>
      </c>
      <c r="AB79" s="16">
        <v>905</v>
      </c>
      <c r="AC79" s="22" t="s">
        <v>268</v>
      </c>
      <c r="AD79" s="16">
        <v>13973</v>
      </c>
    </row>
    <row r="80" spans="1:30">
      <c r="A80" s="21" t="s">
        <v>232</v>
      </c>
      <c r="B80" s="21" t="s">
        <v>233</v>
      </c>
      <c r="C80" s="21" t="s">
        <v>262</v>
      </c>
      <c r="D80" s="21" t="s">
        <v>216</v>
      </c>
      <c r="E80" s="21" t="s">
        <v>466</v>
      </c>
      <c r="F80" s="21" t="s">
        <v>421</v>
      </c>
      <c r="G80" s="16">
        <v>4116</v>
      </c>
      <c r="H80" s="16">
        <v>1630</v>
      </c>
      <c r="I80" s="16">
        <v>305</v>
      </c>
      <c r="J80" s="22" t="s">
        <v>268</v>
      </c>
      <c r="K80" s="22" t="s">
        <v>268</v>
      </c>
      <c r="L80" s="22" t="s">
        <v>268</v>
      </c>
      <c r="M80" s="16">
        <v>305</v>
      </c>
      <c r="N80" s="16">
        <v>1325</v>
      </c>
      <c r="O80" s="22" t="s">
        <v>268</v>
      </c>
      <c r="P80" s="16">
        <v>112</v>
      </c>
      <c r="Q80" s="22" t="s">
        <v>268</v>
      </c>
      <c r="R80" s="16">
        <v>103</v>
      </c>
      <c r="S80" s="16">
        <v>137</v>
      </c>
      <c r="T80" s="16">
        <v>78</v>
      </c>
      <c r="U80" s="16">
        <v>37</v>
      </c>
      <c r="V80" s="16">
        <v>50</v>
      </c>
      <c r="W80" s="16">
        <v>410</v>
      </c>
      <c r="X80" s="16">
        <v>398</v>
      </c>
      <c r="Y80" s="16">
        <v>150</v>
      </c>
      <c r="Z80" s="16">
        <v>2336</v>
      </c>
      <c r="AA80" s="22" t="s">
        <v>268</v>
      </c>
      <c r="AB80" s="16">
        <v>233</v>
      </c>
      <c r="AC80" s="22" t="s">
        <v>268</v>
      </c>
      <c r="AD80" s="16">
        <v>2336</v>
      </c>
    </row>
    <row r="81" spans="1:30">
      <c r="A81" s="21" t="s">
        <v>232</v>
      </c>
      <c r="B81" s="21" t="s">
        <v>233</v>
      </c>
      <c r="C81" s="21" t="s">
        <v>262</v>
      </c>
      <c r="D81" s="21" t="s">
        <v>216</v>
      </c>
      <c r="E81" s="21" t="s">
        <v>466</v>
      </c>
      <c r="F81" s="21" t="s">
        <v>422</v>
      </c>
      <c r="G81" s="16">
        <v>445</v>
      </c>
      <c r="H81" s="16">
        <v>209</v>
      </c>
      <c r="I81" s="16">
        <v>40</v>
      </c>
      <c r="J81" s="22" t="s">
        <v>268</v>
      </c>
      <c r="K81" s="22" t="s">
        <v>268</v>
      </c>
      <c r="L81" s="22" t="s">
        <v>268</v>
      </c>
      <c r="M81" s="16">
        <v>40</v>
      </c>
      <c r="N81" s="16">
        <v>169</v>
      </c>
      <c r="O81" s="22" t="s">
        <v>268</v>
      </c>
      <c r="P81" s="16">
        <v>24</v>
      </c>
      <c r="Q81" s="22" t="s">
        <v>268</v>
      </c>
      <c r="R81" s="16">
        <v>17</v>
      </c>
      <c r="S81" s="16">
        <v>13</v>
      </c>
      <c r="T81" s="16">
        <v>11</v>
      </c>
      <c r="U81" s="16">
        <v>6</v>
      </c>
      <c r="V81" s="16">
        <v>12</v>
      </c>
      <c r="W81" s="16">
        <v>32</v>
      </c>
      <c r="X81" s="16">
        <v>54</v>
      </c>
      <c r="Y81" s="16">
        <v>23</v>
      </c>
      <c r="Z81" s="16">
        <v>213</v>
      </c>
      <c r="AA81" s="22" t="s">
        <v>268</v>
      </c>
      <c r="AB81" s="16">
        <v>39</v>
      </c>
      <c r="AC81" s="22" t="s">
        <v>268</v>
      </c>
      <c r="AD81" s="16">
        <v>213</v>
      </c>
    </row>
    <row r="82" spans="1:30">
      <c r="A82" s="21" t="s">
        <v>232</v>
      </c>
      <c r="B82" s="21" t="s">
        <v>233</v>
      </c>
      <c r="C82" s="21" t="s">
        <v>262</v>
      </c>
      <c r="D82" s="21" t="s">
        <v>216</v>
      </c>
      <c r="E82" s="21" t="s">
        <v>466</v>
      </c>
      <c r="F82" s="21" t="s">
        <v>423</v>
      </c>
      <c r="G82" s="22" t="s">
        <v>268</v>
      </c>
      <c r="H82" s="22" t="s">
        <v>268</v>
      </c>
      <c r="I82" s="22" t="s">
        <v>268</v>
      </c>
      <c r="J82" s="22" t="s">
        <v>268</v>
      </c>
      <c r="K82" s="22" t="s">
        <v>268</v>
      </c>
      <c r="L82" s="22" t="s">
        <v>268</v>
      </c>
      <c r="M82" s="22" t="s">
        <v>268</v>
      </c>
      <c r="N82" s="22" t="s">
        <v>268</v>
      </c>
      <c r="O82" s="22" t="s">
        <v>268</v>
      </c>
      <c r="P82" s="22" t="s">
        <v>268</v>
      </c>
      <c r="Q82" s="22" t="s">
        <v>268</v>
      </c>
      <c r="R82" s="22" t="s">
        <v>268</v>
      </c>
      <c r="S82" s="22" t="s">
        <v>268</v>
      </c>
      <c r="T82" s="22" t="s">
        <v>268</v>
      </c>
      <c r="U82" s="22" t="s">
        <v>268</v>
      </c>
      <c r="V82" s="22" t="s">
        <v>268</v>
      </c>
      <c r="W82" s="22" t="s">
        <v>268</v>
      </c>
      <c r="X82" s="22" t="s">
        <v>268</v>
      </c>
      <c r="Y82" s="22" t="s">
        <v>268</v>
      </c>
      <c r="Z82" s="22" t="s">
        <v>268</v>
      </c>
      <c r="AA82" s="22" t="s">
        <v>268</v>
      </c>
      <c r="AB82" s="22" t="s">
        <v>268</v>
      </c>
      <c r="AC82" s="22" t="s">
        <v>268</v>
      </c>
      <c r="AD82" s="22" t="s">
        <v>268</v>
      </c>
    </row>
    <row r="83" spans="1:30">
      <c r="A83" s="21" t="s">
        <v>232</v>
      </c>
      <c r="B83" s="21" t="s">
        <v>233</v>
      </c>
      <c r="C83" s="21" t="s">
        <v>262</v>
      </c>
      <c r="D83" s="21" t="s">
        <v>216</v>
      </c>
      <c r="E83" s="21" t="s">
        <v>466</v>
      </c>
      <c r="F83" s="21" t="s">
        <v>386</v>
      </c>
      <c r="G83" s="16">
        <v>7280895</v>
      </c>
      <c r="H83" s="16">
        <v>7252050</v>
      </c>
      <c r="I83" s="16">
        <v>6388957</v>
      </c>
      <c r="J83" s="22" t="s">
        <v>268</v>
      </c>
      <c r="K83" s="16">
        <v>5751028</v>
      </c>
      <c r="L83" s="16">
        <v>46190</v>
      </c>
      <c r="M83" s="16">
        <v>591739</v>
      </c>
      <c r="N83" s="16">
        <v>863093</v>
      </c>
      <c r="O83" s="22" t="s">
        <v>268</v>
      </c>
      <c r="P83" s="22" t="s">
        <v>268</v>
      </c>
      <c r="Q83" s="16">
        <v>247135</v>
      </c>
      <c r="R83" s="16">
        <v>245915</v>
      </c>
      <c r="S83" s="16">
        <v>8288</v>
      </c>
      <c r="T83" s="16">
        <v>127893</v>
      </c>
      <c r="U83" s="16">
        <v>12101</v>
      </c>
      <c r="V83" s="16">
        <v>127432</v>
      </c>
      <c r="W83" s="16">
        <v>298</v>
      </c>
      <c r="X83" s="16">
        <v>94031</v>
      </c>
      <c r="Y83" s="16">
        <v>28811</v>
      </c>
      <c r="Z83" s="16">
        <v>34</v>
      </c>
      <c r="AA83" s="22" t="s">
        <v>268</v>
      </c>
      <c r="AB83" s="16">
        <v>835745</v>
      </c>
      <c r="AC83" s="22" t="s">
        <v>268</v>
      </c>
      <c r="AD83" s="22" t="s">
        <v>268</v>
      </c>
    </row>
    <row r="84" spans="1:30">
      <c r="A84" s="21" t="s">
        <v>232</v>
      </c>
      <c r="B84" s="21" t="s">
        <v>233</v>
      </c>
      <c r="C84" s="21" t="s">
        <v>262</v>
      </c>
      <c r="D84" s="21" t="s">
        <v>216</v>
      </c>
      <c r="E84" s="21" t="s">
        <v>466</v>
      </c>
      <c r="F84" s="21" t="s">
        <v>387</v>
      </c>
      <c r="G84" s="16">
        <v>11619700</v>
      </c>
      <c r="H84" s="16">
        <v>8499600</v>
      </c>
      <c r="I84" s="16">
        <v>7055743</v>
      </c>
      <c r="J84" s="22" t="s">
        <v>268</v>
      </c>
      <c r="K84" s="16">
        <v>4933837</v>
      </c>
      <c r="L84" s="16">
        <v>300256</v>
      </c>
      <c r="M84" s="16">
        <v>1821650</v>
      </c>
      <c r="N84" s="16">
        <v>1443857</v>
      </c>
      <c r="O84" s="22" t="s">
        <v>268</v>
      </c>
      <c r="P84" s="16">
        <v>216</v>
      </c>
      <c r="Q84" s="16">
        <v>200175</v>
      </c>
      <c r="R84" s="16">
        <v>438761</v>
      </c>
      <c r="S84" s="16">
        <v>30197</v>
      </c>
      <c r="T84" s="16">
        <v>179714</v>
      </c>
      <c r="U84" s="16">
        <v>19392</v>
      </c>
      <c r="V84" s="16">
        <v>98357</v>
      </c>
      <c r="W84" s="16">
        <v>199664</v>
      </c>
      <c r="X84" s="16">
        <v>277381</v>
      </c>
      <c r="Y84" s="16">
        <v>347932</v>
      </c>
      <c r="Z84" s="16">
        <v>2772168</v>
      </c>
      <c r="AA84" s="22" t="s">
        <v>268</v>
      </c>
      <c r="AB84" s="16">
        <v>1101589</v>
      </c>
      <c r="AC84" s="22" t="s">
        <v>268</v>
      </c>
      <c r="AD84" s="22" t="s">
        <v>268</v>
      </c>
    </row>
    <row r="85" spans="1:30">
      <c r="A85" s="21" t="s">
        <v>232</v>
      </c>
      <c r="B85" s="21" t="s">
        <v>233</v>
      </c>
      <c r="C85" s="21" t="s">
        <v>262</v>
      </c>
      <c r="D85" s="21" t="s">
        <v>216</v>
      </c>
      <c r="E85" s="21" t="s">
        <v>466</v>
      </c>
      <c r="F85" s="21" t="s">
        <v>388</v>
      </c>
      <c r="G85" s="16">
        <v>724266</v>
      </c>
      <c r="H85" s="16">
        <v>231428</v>
      </c>
      <c r="I85" s="16">
        <v>64545</v>
      </c>
      <c r="J85" s="22" t="s">
        <v>268</v>
      </c>
      <c r="K85" s="16">
        <v>2291</v>
      </c>
      <c r="L85" s="16">
        <v>3520</v>
      </c>
      <c r="M85" s="16">
        <v>58734</v>
      </c>
      <c r="N85" s="16">
        <v>166883</v>
      </c>
      <c r="O85" s="22" t="s">
        <v>268</v>
      </c>
      <c r="P85" s="16">
        <v>1750</v>
      </c>
      <c r="Q85" s="22" t="s">
        <v>268</v>
      </c>
      <c r="R85" s="16">
        <v>5088</v>
      </c>
      <c r="S85" s="16">
        <v>13312</v>
      </c>
      <c r="T85" s="16">
        <v>8722</v>
      </c>
      <c r="U85" s="16">
        <v>2284</v>
      </c>
      <c r="V85" s="16">
        <v>3804</v>
      </c>
      <c r="W85" s="16">
        <v>107971</v>
      </c>
      <c r="X85" s="16">
        <v>23952</v>
      </c>
      <c r="Y85" s="16">
        <v>29367</v>
      </c>
      <c r="Z85" s="16">
        <v>463471</v>
      </c>
      <c r="AA85" s="22" t="s">
        <v>268</v>
      </c>
      <c r="AB85" s="16">
        <v>14031</v>
      </c>
      <c r="AC85" s="22" t="s">
        <v>268</v>
      </c>
      <c r="AD85" s="16">
        <v>463471</v>
      </c>
    </row>
    <row r="86" spans="1:30">
      <c r="A86" s="21" t="s">
        <v>232</v>
      </c>
      <c r="B86" s="21" t="s">
        <v>233</v>
      </c>
      <c r="C86" s="21" t="s">
        <v>262</v>
      </c>
      <c r="D86" s="21" t="s">
        <v>216</v>
      </c>
      <c r="E86" s="21" t="s">
        <v>466</v>
      </c>
      <c r="F86" s="21" t="s">
        <v>389</v>
      </c>
      <c r="G86" s="16">
        <v>295861</v>
      </c>
      <c r="H86" s="16">
        <v>86320</v>
      </c>
      <c r="I86" s="16">
        <v>13040</v>
      </c>
      <c r="J86" s="22" t="s">
        <v>268</v>
      </c>
      <c r="K86" s="16">
        <v>15</v>
      </c>
      <c r="L86" s="16">
        <v>59</v>
      </c>
      <c r="M86" s="16">
        <v>12966</v>
      </c>
      <c r="N86" s="16">
        <v>73280</v>
      </c>
      <c r="O86" s="22" t="s">
        <v>268</v>
      </c>
      <c r="P86" s="16">
        <v>1470</v>
      </c>
      <c r="Q86" s="22" t="s">
        <v>268</v>
      </c>
      <c r="R86" s="16">
        <v>3219</v>
      </c>
      <c r="S86" s="16">
        <v>6115</v>
      </c>
      <c r="T86" s="16">
        <v>3812</v>
      </c>
      <c r="U86" s="16">
        <v>796</v>
      </c>
      <c r="V86" s="16">
        <v>1630</v>
      </c>
      <c r="W86" s="16">
        <v>43877</v>
      </c>
      <c r="X86" s="16">
        <v>12361</v>
      </c>
      <c r="Y86" s="16">
        <v>12980</v>
      </c>
      <c r="Z86" s="16">
        <v>196561</v>
      </c>
      <c r="AA86" s="22" t="s">
        <v>268</v>
      </c>
      <c r="AB86" s="16">
        <v>7115</v>
      </c>
      <c r="AC86" s="22" t="s">
        <v>268</v>
      </c>
      <c r="AD86" s="16">
        <v>196561</v>
      </c>
    </row>
    <row r="87" spans="1:30">
      <c r="A87" s="21" t="s">
        <v>232</v>
      </c>
      <c r="B87" s="21" t="s">
        <v>233</v>
      </c>
      <c r="C87" s="21" t="s">
        <v>262</v>
      </c>
      <c r="D87" s="21" t="s">
        <v>216</v>
      </c>
      <c r="E87" s="21" t="s">
        <v>466</v>
      </c>
      <c r="F87" s="21" t="s">
        <v>390</v>
      </c>
      <c r="G87" s="16">
        <v>81136</v>
      </c>
      <c r="H87" s="16">
        <v>25937</v>
      </c>
      <c r="I87" s="16">
        <v>3848</v>
      </c>
      <c r="J87" s="22" t="s">
        <v>268</v>
      </c>
      <c r="K87" s="22" t="s">
        <v>268</v>
      </c>
      <c r="L87" s="22" t="s">
        <v>268</v>
      </c>
      <c r="M87" s="16">
        <v>3848</v>
      </c>
      <c r="N87" s="16">
        <v>22089</v>
      </c>
      <c r="O87" s="22" t="s">
        <v>268</v>
      </c>
      <c r="P87" s="16">
        <v>922</v>
      </c>
      <c r="Q87" s="22" t="s">
        <v>268</v>
      </c>
      <c r="R87" s="16">
        <v>1241</v>
      </c>
      <c r="S87" s="16">
        <v>2102</v>
      </c>
      <c r="T87" s="16">
        <v>1256</v>
      </c>
      <c r="U87" s="16">
        <v>353</v>
      </c>
      <c r="V87" s="16">
        <v>670</v>
      </c>
      <c r="W87" s="16">
        <v>10878</v>
      </c>
      <c r="X87" s="16">
        <v>4667</v>
      </c>
      <c r="Y87" s="16">
        <v>3543</v>
      </c>
      <c r="Z87" s="16">
        <v>51656</v>
      </c>
      <c r="AA87" s="22" t="s">
        <v>268</v>
      </c>
      <c r="AB87" s="16">
        <v>2739</v>
      </c>
      <c r="AC87" s="22" t="s">
        <v>268</v>
      </c>
      <c r="AD87" s="16">
        <v>51656</v>
      </c>
    </row>
    <row r="88" spans="1:30">
      <c r="A88" s="21" t="s">
        <v>232</v>
      </c>
      <c r="B88" s="21" t="s">
        <v>233</v>
      </c>
      <c r="C88" s="21" t="s">
        <v>262</v>
      </c>
      <c r="D88" s="21" t="s">
        <v>216</v>
      </c>
      <c r="E88" s="21" t="s">
        <v>466</v>
      </c>
      <c r="F88" s="21" t="s">
        <v>391</v>
      </c>
      <c r="G88" s="16">
        <v>9176493</v>
      </c>
      <c r="H88" s="16">
        <v>6048085</v>
      </c>
      <c r="I88" s="16">
        <v>4956968</v>
      </c>
      <c r="J88" s="22" t="s">
        <v>268</v>
      </c>
      <c r="K88" s="16">
        <v>3234650</v>
      </c>
      <c r="L88" s="16">
        <v>257740</v>
      </c>
      <c r="M88" s="16">
        <v>1464578</v>
      </c>
      <c r="N88" s="16">
        <v>1091117</v>
      </c>
      <c r="O88" s="22" t="s">
        <v>268</v>
      </c>
      <c r="P88" s="16">
        <v>317</v>
      </c>
      <c r="Q88" s="16">
        <v>100047</v>
      </c>
      <c r="R88" s="16">
        <v>303045</v>
      </c>
      <c r="S88" s="16">
        <v>25806</v>
      </c>
      <c r="T88" s="16">
        <v>126589</v>
      </c>
      <c r="U88" s="16">
        <v>18314</v>
      </c>
      <c r="V88" s="16">
        <v>72564</v>
      </c>
      <c r="W88" s="16">
        <v>223396</v>
      </c>
      <c r="X88" s="16">
        <v>221039</v>
      </c>
      <c r="Y88" s="16">
        <v>340246</v>
      </c>
      <c r="Z88" s="16">
        <v>2788162</v>
      </c>
      <c r="AA88" s="22" t="s">
        <v>268</v>
      </c>
      <c r="AB88" s="16">
        <v>735715</v>
      </c>
      <c r="AC88" s="22" t="s">
        <v>268</v>
      </c>
      <c r="AD88" s="16">
        <v>130019</v>
      </c>
    </row>
    <row r="89" spans="1:30">
      <c r="A89" s="21" t="s">
        <v>232</v>
      </c>
      <c r="B89" s="21" t="s">
        <v>237</v>
      </c>
      <c r="C89" s="21" t="s">
        <v>264</v>
      </c>
      <c r="D89" s="21" t="s">
        <v>214</v>
      </c>
      <c r="E89" s="21" t="s">
        <v>466</v>
      </c>
      <c r="F89" s="21" t="s">
        <v>401</v>
      </c>
      <c r="G89" s="16">
        <v>576797</v>
      </c>
      <c r="H89" s="16">
        <v>475284</v>
      </c>
      <c r="I89" s="16">
        <v>378715</v>
      </c>
      <c r="J89" s="22" t="s">
        <v>268</v>
      </c>
      <c r="K89" s="16">
        <v>291430</v>
      </c>
      <c r="L89" s="16">
        <v>11025</v>
      </c>
      <c r="M89" s="16">
        <v>76260</v>
      </c>
      <c r="N89" s="16">
        <v>96569</v>
      </c>
      <c r="O89" s="22" t="s">
        <v>268</v>
      </c>
      <c r="P89" s="16">
        <v>38</v>
      </c>
      <c r="Q89" s="16">
        <v>19225</v>
      </c>
      <c r="R89" s="16">
        <v>24012</v>
      </c>
      <c r="S89" s="16">
        <v>2190</v>
      </c>
      <c r="T89" s="16">
        <v>13311</v>
      </c>
      <c r="U89" s="16">
        <v>1903</v>
      </c>
      <c r="V89" s="16">
        <v>11676</v>
      </c>
      <c r="W89" s="16">
        <v>8848</v>
      </c>
      <c r="X89" s="16">
        <v>15366</v>
      </c>
      <c r="Y89" s="16">
        <v>8617</v>
      </c>
      <c r="Z89" s="16">
        <v>92896</v>
      </c>
      <c r="AA89" s="22" t="s">
        <v>268</v>
      </c>
      <c r="AB89" s="16">
        <v>79343</v>
      </c>
      <c r="AC89" s="22" t="s">
        <v>268</v>
      </c>
      <c r="AD89" s="16">
        <v>15180</v>
      </c>
    </row>
    <row r="90" spans="1:30">
      <c r="A90" s="21" t="s">
        <v>232</v>
      </c>
      <c r="B90" s="21" t="s">
        <v>237</v>
      </c>
      <c r="C90" s="21" t="s">
        <v>264</v>
      </c>
      <c r="D90" s="21" t="s">
        <v>214</v>
      </c>
      <c r="E90" s="21" t="s">
        <v>466</v>
      </c>
      <c r="F90" s="21" t="s">
        <v>405</v>
      </c>
      <c r="G90" s="16">
        <v>74439</v>
      </c>
      <c r="H90" s="16">
        <v>70343</v>
      </c>
      <c r="I90" s="16">
        <v>55328</v>
      </c>
      <c r="J90" s="22" t="s">
        <v>268</v>
      </c>
      <c r="K90" s="16">
        <v>42422</v>
      </c>
      <c r="L90" s="16">
        <v>1234</v>
      </c>
      <c r="M90" s="16">
        <v>11672</v>
      </c>
      <c r="N90" s="16">
        <v>15015</v>
      </c>
      <c r="O90" s="22" t="s">
        <v>268</v>
      </c>
      <c r="P90" s="22" t="s">
        <v>268</v>
      </c>
      <c r="Q90" s="16">
        <v>4009</v>
      </c>
      <c r="R90" s="16">
        <v>4326</v>
      </c>
      <c r="S90" s="16">
        <v>325</v>
      </c>
      <c r="T90" s="16">
        <v>2345</v>
      </c>
      <c r="U90" s="16">
        <v>117</v>
      </c>
      <c r="V90" s="16">
        <v>1279</v>
      </c>
      <c r="W90" s="16">
        <v>243</v>
      </c>
      <c r="X90" s="16">
        <v>2371</v>
      </c>
      <c r="Y90" s="16">
        <v>357</v>
      </c>
      <c r="Z90" s="16">
        <v>3739</v>
      </c>
      <c r="AA90" s="22" t="s">
        <v>268</v>
      </c>
      <c r="AB90" s="16">
        <v>13950</v>
      </c>
      <c r="AC90" s="22" t="s">
        <v>268</v>
      </c>
      <c r="AD90" s="22" t="s">
        <v>268</v>
      </c>
    </row>
    <row r="91" spans="1:30">
      <c r="A91" s="21" t="s">
        <v>232</v>
      </c>
      <c r="B91" s="21" t="s">
        <v>237</v>
      </c>
      <c r="C91" s="21" t="s">
        <v>264</v>
      </c>
      <c r="D91" s="21" t="s">
        <v>214</v>
      </c>
      <c r="E91" s="21" t="s">
        <v>466</v>
      </c>
      <c r="F91" s="21" t="s">
        <v>406</v>
      </c>
      <c r="G91" s="16">
        <v>60565</v>
      </c>
      <c r="H91" s="16">
        <v>42229</v>
      </c>
      <c r="I91" s="16">
        <v>31129</v>
      </c>
      <c r="J91" s="22" t="s">
        <v>268</v>
      </c>
      <c r="K91" s="16">
        <v>22851</v>
      </c>
      <c r="L91" s="16">
        <v>1084</v>
      </c>
      <c r="M91" s="16">
        <v>7194</v>
      </c>
      <c r="N91" s="16">
        <v>11100</v>
      </c>
      <c r="O91" s="22" t="s">
        <v>268</v>
      </c>
      <c r="P91" s="22" t="s">
        <v>268</v>
      </c>
      <c r="Q91" s="16">
        <v>2196</v>
      </c>
      <c r="R91" s="16">
        <v>3541</v>
      </c>
      <c r="S91" s="16">
        <v>323</v>
      </c>
      <c r="T91" s="16">
        <v>1418</v>
      </c>
      <c r="U91" s="16">
        <v>97</v>
      </c>
      <c r="V91" s="16">
        <v>729</v>
      </c>
      <c r="W91" s="16">
        <v>646</v>
      </c>
      <c r="X91" s="16">
        <v>2150</v>
      </c>
      <c r="Y91" s="16">
        <v>1414</v>
      </c>
      <c r="Z91" s="16">
        <v>16922</v>
      </c>
      <c r="AA91" s="22" t="s">
        <v>268</v>
      </c>
      <c r="AB91" s="16">
        <v>9595</v>
      </c>
      <c r="AC91" s="22" t="s">
        <v>268</v>
      </c>
      <c r="AD91" s="22" t="s">
        <v>268</v>
      </c>
    </row>
    <row r="92" spans="1:30">
      <c r="A92" s="21" t="s">
        <v>232</v>
      </c>
      <c r="B92" s="21" t="s">
        <v>237</v>
      </c>
      <c r="C92" s="21" t="s">
        <v>264</v>
      </c>
      <c r="D92" s="21" t="s">
        <v>214</v>
      </c>
      <c r="E92" s="21" t="s">
        <v>466</v>
      </c>
      <c r="F92" s="21" t="s">
        <v>407</v>
      </c>
      <c r="G92" s="16">
        <v>42920</v>
      </c>
      <c r="H92" s="16">
        <v>28011</v>
      </c>
      <c r="I92" s="16">
        <v>20127</v>
      </c>
      <c r="J92" s="22" t="s">
        <v>268</v>
      </c>
      <c r="K92" s="16">
        <v>14551</v>
      </c>
      <c r="L92" s="16">
        <v>906</v>
      </c>
      <c r="M92" s="16">
        <v>4670</v>
      </c>
      <c r="N92" s="16">
        <v>7884</v>
      </c>
      <c r="O92" s="22" t="s">
        <v>268</v>
      </c>
      <c r="P92" s="22" t="s">
        <v>268</v>
      </c>
      <c r="Q92" s="16">
        <v>1164</v>
      </c>
      <c r="R92" s="16">
        <v>2906</v>
      </c>
      <c r="S92" s="16">
        <v>168</v>
      </c>
      <c r="T92" s="16">
        <v>905</v>
      </c>
      <c r="U92" s="16">
        <v>85</v>
      </c>
      <c r="V92" s="16">
        <v>521</v>
      </c>
      <c r="W92" s="16">
        <v>472</v>
      </c>
      <c r="X92" s="16">
        <v>1663</v>
      </c>
      <c r="Y92" s="16">
        <v>1767</v>
      </c>
      <c r="Z92" s="16">
        <v>13142</v>
      </c>
      <c r="AA92" s="22" t="s">
        <v>268</v>
      </c>
      <c r="AB92" s="16">
        <v>6740</v>
      </c>
      <c r="AC92" s="22" t="s">
        <v>268</v>
      </c>
      <c r="AD92" s="22" t="s">
        <v>268</v>
      </c>
    </row>
    <row r="93" spans="1:30">
      <c r="A93" s="21" t="s">
        <v>232</v>
      </c>
      <c r="B93" s="21" t="s">
        <v>237</v>
      </c>
      <c r="C93" s="21" t="s">
        <v>264</v>
      </c>
      <c r="D93" s="21" t="s">
        <v>214</v>
      </c>
      <c r="E93" s="21" t="s">
        <v>466</v>
      </c>
      <c r="F93" s="21" t="s">
        <v>408</v>
      </c>
      <c r="G93" s="16">
        <v>30151</v>
      </c>
      <c r="H93" s="16">
        <v>21083</v>
      </c>
      <c r="I93" s="16">
        <v>15858</v>
      </c>
      <c r="J93" s="22" t="s">
        <v>268</v>
      </c>
      <c r="K93" s="16">
        <v>11279</v>
      </c>
      <c r="L93" s="16">
        <v>856</v>
      </c>
      <c r="M93" s="16">
        <v>3723</v>
      </c>
      <c r="N93" s="16">
        <v>5225</v>
      </c>
      <c r="O93" s="22" t="s">
        <v>268</v>
      </c>
      <c r="P93" s="22" t="s">
        <v>268</v>
      </c>
      <c r="Q93" s="16">
        <v>495</v>
      </c>
      <c r="R93" s="16">
        <v>2013</v>
      </c>
      <c r="S93" s="16">
        <v>85</v>
      </c>
      <c r="T93" s="16">
        <v>648</v>
      </c>
      <c r="U93" s="16">
        <v>70</v>
      </c>
      <c r="V93" s="16">
        <v>397</v>
      </c>
      <c r="W93" s="16">
        <v>324</v>
      </c>
      <c r="X93" s="16">
        <v>1193</v>
      </c>
      <c r="Y93" s="16">
        <v>891</v>
      </c>
      <c r="Z93" s="16">
        <v>8177</v>
      </c>
      <c r="AA93" s="22" t="s">
        <v>268</v>
      </c>
      <c r="AB93" s="16">
        <v>4341</v>
      </c>
      <c r="AC93" s="22" t="s">
        <v>268</v>
      </c>
      <c r="AD93" s="22" t="s">
        <v>268</v>
      </c>
    </row>
    <row r="94" spans="1:30">
      <c r="A94" s="21" t="s">
        <v>232</v>
      </c>
      <c r="B94" s="21" t="s">
        <v>237</v>
      </c>
      <c r="C94" s="21" t="s">
        <v>264</v>
      </c>
      <c r="D94" s="21" t="s">
        <v>214</v>
      </c>
      <c r="E94" s="21" t="s">
        <v>466</v>
      </c>
      <c r="F94" s="21" t="s">
        <v>409</v>
      </c>
      <c r="G94" s="16">
        <v>25434</v>
      </c>
      <c r="H94" s="16">
        <v>18563</v>
      </c>
      <c r="I94" s="16">
        <v>14875</v>
      </c>
      <c r="J94" s="22" t="s">
        <v>268</v>
      </c>
      <c r="K94" s="16">
        <v>10089</v>
      </c>
      <c r="L94" s="16">
        <v>982</v>
      </c>
      <c r="M94" s="16">
        <v>3804</v>
      </c>
      <c r="N94" s="16">
        <v>3688</v>
      </c>
      <c r="O94" s="22" t="s">
        <v>268</v>
      </c>
      <c r="P94" s="22" t="s">
        <v>268</v>
      </c>
      <c r="Q94" s="16">
        <v>151</v>
      </c>
      <c r="R94" s="16">
        <v>1257</v>
      </c>
      <c r="S94" s="16">
        <v>36</v>
      </c>
      <c r="T94" s="16">
        <v>541</v>
      </c>
      <c r="U94" s="16">
        <v>54</v>
      </c>
      <c r="V94" s="16">
        <v>404</v>
      </c>
      <c r="W94" s="16">
        <v>325</v>
      </c>
      <c r="X94" s="16">
        <v>920</v>
      </c>
      <c r="Y94" s="16">
        <v>614</v>
      </c>
      <c r="Z94" s="16">
        <v>6257</v>
      </c>
      <c r="AA94" s="22" t="s">
        <v>268</v>
      </c>
      <c r="AB94" s="16">
        <v>2853</v>
      </c>
      <c r="AC94" s="22" t="s">
        <v>268</v>
      </c>
      <c r="AD94" s="22" t="s">
        <v>268</v>
      </c>
    </row>
    <row r="95" spans="1:30">
      <c r="A95" s="21" t="s">
        <v>232</v>
      </c>
      <c r="B95" s="21" t="s">
        <v>237</v>
      </c>
      <c r="C95" s="21" t="s">
        <v>264</v>
      </c>
      <c r="D95" s="21" t="s">
        <v>214</v>
      </c>
      <c r="E95" s="21" t="s">
        <v>466</v>
      </c>
      <c r="F95" s="21" t="s">
        <v>410</v>
      </c>
      <c r="G95" s="16">
        <v>23247</v>
      </c>
      <c r="H95" s="16">
        <v>16783</v>
      </c>
      <c r="I95" s="16">
        <v>14371</v>
      </c>
      <c r="J95" s="22" t="s">
        <v>268</v>
      </c>
      <c r="K95" s="16">
        <v>9047</v>
      </c>
      <c r="L95" s="16">
        <v>993</v>
      </c>
      <c r="M95" s="16">
        <v>4331</v>
      </c>
      <c r="N95" s="16">
        <v>2412</v>
      </c>
      <c r="O95" s="22" t="s">
        <v>268</v>
      </c>
      <c r="P95" s="22" t="s">
        <v>268</v>
      </c>
      <c r="Q95" s="16">
        <v>34</v>
      </c>
      <c r="R95" s="16">
        <v>445</v>
      </c>
      <c r="S95" s="16">
        <v>32</v>
      </c>
      <c r="T95" s="16">
        <v>479</v>
      </c>
      <c r="U95" s="16">
        <v>63</v>
      </c>
      <c r="V95" s="16">
        <v>314</v>
      </c>
      <c r="W95" s="16">
        <v>328</v>
      </c>
      <c r="X95" s="16">
        <v>717</v>
      </c>
      <c r="Y95" s="16">
        <v>497</v>
      </c>
      <c r="Z95" s="16">
        <v>5967</v>
      </c>
      <c r="AA95" s="22" t="s">
        <v>268</v>
      </c>
      <c r="AB95" s="16">
        <v>1620</v>
      </c>
      <c r="AC95" s="22" t="s">
        <v>268</v>
      </c>
      <c r="AD95" s="22" t="s">
        <v>268</v>
      </c>
    </row>
    <row r="96" spans="1:30">
      <c r="A96" s="21" t="s">
        <v>232</v>
      </c>
      <c r="B96" s="21" t="s">
        <v>237</v>
      </c>
      <c r="C96" s="21" t="s">
        <v>264</v>
      </c>
      <c r="D96" s="21" t="s">
        <v>214</v>
      </c>
      <c r="E96" s="21" t="s">
        <v>466</v>
      </c>
      <c r="F96" s="21" t="s">
        <v>411</v>
      </c>
      <c r="G96" s="16">
        <v>22742</v>
      </c>
      <c r="H96" s="16">
        <v>15853</v>
      </c>
      <c r="I96" s="16">
        <v>13997</v>
      </c>
      <c r="J96" s="22" t="s">
        <v>268</v>
      </c>
      <c r="K96" s="16">
        <v>7764</v>
      </c>
      <c r="L96" s="16">
        <v>1092</v>
      </c>
      <c r="M96" s="16">
        <v>5141</v>
      </c>
      <c r="N96" s="16">
        <v>1856</v>
      </c>
      <c r="O96" s="22" t="s">
        <v>268</v>
      </c>
      <c r="P96" s="16">
        <v>2</v>
      </c>
      <c r="Q96" s="16">
        <v>3</v>
      </c>
      <c r="R96" s="16">
        <v>194</v>
      </c>
      <c r="S96" s="16">
        <v>25</v>
      </c>
      <c r="T96" s="16">
        <v>382</v>
      </c>
      <c r="U96" s="16">
        <v>85</v>
      </c>
      <c r="V96" s="16">
        <v>261</v>
      </c>
      <c r="W96" s="16">
        <v>424</v>
      </c>
      <c r="X96" s="16">
        <v>480</v>
      </c>
      <c r="Y96" s="16">
        <v>550</v>
      </c>
      <c r="Z96" s="16">
        <v>6339</v>
      </c>
      <c r="AA96" s="22" t="s">
        <v>268</v>
      </c>
      <c r="AB96" s="16">
        <v>1016</v>
      </c>
      <c r="AC96" s="22" t="s">
        <v>268</v>
      </c>
      <c r="AD96" s="22" t="s">
        <v>268</v>
      </c>
    </row>
    <row r="97" spans="1:30">
      <c r="A97" s="21" t="s">
        <v>232</v>
      </c>
      <c r="B97" s="21" t="s">
        <v>237</v>
      </c>
      <c r="C97" s="21" t="s">
        <v>264</v>
      </c>
      <c r="D97" s="21" t="s">
        <v>214</v>
      </c>
      <c r="E97" s="21" t="s">
        <v>466</v>
      </c>
      <c r="F97" s="21" t="s">
        <v>412</v>
      </c>
      <c r="G97" s="16">
        <v>18350</v>
      </c>
      <c r="H97" s="16">
        <v>12255</v>
      </c>
      <c r="I97" s="16">
        <v>10657</v>
      </c>
      <c r="J97" s="22" t="s">
        <v>268</v>
      </c>
      <c r="K97" s="16">
        <v>4691</v>
      </c>
      <c r="L97" s="16">
        <v>975</v>
      </c>
      <c r="M97" s="16">
        <v>4991</v>
      </c>
      <c r="N97" s="16">
        <v>1598</v>
      </c>
      <c r="O97" s="22" t="s">
        <v>268</v>
      </c>
      <c r="P97" s="22" t="s">
        <v>268</v>
      </c>
      <c r="Q97" s="22" t="s">
        <v>268</v>
      </c>
      <c r="R97" s="16">
        <v>26</v>
      </c>
      <c r="S97" s="16">
        <v>35</v>
      </c>
      <c r="T97" s="16">
        <v>229</v>
      </c>
      <c r="U97" s="16">
        <v>101</v>
      </c>
      <c r="V97" s="16">
        <v>218</v>
      </c>
      <c r="W97" s="16">
        <v>600</v>
      </c>
      <c r="X97" s="16">
        <v>389</v>
      </c>
      <c r="Y97" s="16">
        <v>442</v>
      </c>
      <c r="Z97" s="16">
        <v>5653</v>
      </c>
      <c r="AA97" s="22" t="s">
        <v>268</v>
      </c>
      <c r="AB97" s="16">
        <v>620</v>
      </c>
      <c r="AC97" s="22" t="s">
        <v>268</v>
      </c>
      <c r="AD97" s="22" t="s">
        <v>268</v>
      </c>
    </row>
    <row r="98" spans="1:30">
      <c r="A98" s="21" t="s">
        <v>232</v>
      </c>
      <c r="B98" s="21" t="s">
        <v>237</v>
      </c>
      <c r="C98" s="21" t="s">
        <v>264</v>
      </c>
      <c r="D98" s="21" t="s">
        <v>214</v>
      </c>
      <c r="E98" s="21" t="s">
        <v>466</v>
      </c>
      <c r="F98" s="21" t="s">
        <v>413</v>
      </c>
      <c r="G98" s="16">
        <v>15043</v>
      </c>
      <c r="H98" s="16">
        <v>9184</v>
      </c>
      <c r="I98" s="16">
        <v>7560</v>
      </c>
      <c r="J98" s="22" t="s">
        <v>268</v>
      </c>
      <c r="K98" s="16">
        <v>2187</v>
      </c>
      <c r="L98" s="16">
        <v>745</v>
      </c>
      <c r="M98" s="16">
        <v>4628</v>
      </c>
      <c r="N98" s="16">
        <v>1624</v>
      </c>
      <c r="O98" s="22" t="s">
        <v>268</v>
      </c>
      <c r="P98" s="16">
        <v>1</v>
      </c>
      <c r="Q98" s="22" t="s">
        <v>268</v>
      </c>
      <c r="R98" s="16">
        <v>5</v>
      </c>
      <c r="S98" s="16">
        <v>61</v>
      </c>
      <c r="T98" s="16">
        <v>159</v>
      </c>
      <c r="U98" s="16">
        <v>131</v>
      </c>
      <c r="V98" s="16">
        <v>140</v>
      </c>
      <c r="W98" s="16">
        <v>794</v>
      </c>
      <c r="X98" s="16">
        <v>333</v>
      </c>
      <c r="Y98" s="16">
        <v>338</v>
      </c>
      <c r="Z98" s="16">
        <v>5521</v>
      </c>
      <c r="AA98" s="22" t="s">
        <v>268</v>
      </c>
      <c r="AB98" s="16">
        <v>383</v>
      </c>
      <c r="AC98" s="22" t="s">
        <v>268</v>
      </c>
      <c r="AD98" s="22" t="s">
        <v>268</v>
      </c>
    </row>
    <row r="99" spans="1:30">
      <c r="A99" s="21" t="s">
        <v>232</v>
      </c>
      <c r="B99" s="21" t="s">
        <v>237</v>
      </c>
      <c r="C99" s="21" t="s">
        <v>264</v>
      </c>
      <c r="D99" s="21" t="s">
        <v>214</v>
      </c>
      <c r="E99" s="21" t="s">
        <v>466</v>
      </c>
      <c r="F99" s="21" t="s">
        <v>414</v>
      </c>
      <c r="G99" s="16">
        <v>12339</v>
      </c>
      <c r="H99" s="16">
        <v>6099</v>
      </c>
      <c r="I99" s="16">
        <v>4214</v>
      </c>
      <c r="J99" s="22" t="s">
        <v>268</v>
      </c>
      <c r="K99" s="16">
        <v>626</v>
      </c>
      <c r="L99" s="16">
        <v>413</v>
      </c>
      <c r="M99" s="16">
        <v>3175</v>
      </c>
      <c r="N99" s="16">
        <v>1885</v>
      </c>
      <c r="O99" s="22" t="s">
        <v>268</v>
      </c>
      <c r="P99" s="16">
        <v>2</v>
      </c>
      <c r="Q99" s="22" t="s">
        <v>268</v>
      </c>
      <c r="R99" s="16">
        <v>12</v>
      </c>
      <c r="S99" s="16">
        <v>115</v>
      </c>
      <c r="T99" s="16">
        <v>114</v>
      </c>
      <c r="U99" s="16">
        <v>94</v>
      </c>
      <c r="V99" s="16">
        <v>124</v>
      </c>
      <c r="W99" s="16">
        <v>1121</v>
      </c>
      <c r="X99" s="16">
        <v>303</v>
      </c>
      <c r="Y99" s="16">
        <v>245</v>
      </c>
      <c r="Z99" s="16">
        <v>5995</v>
      </c>
      <c r="AA99" s="22" t="s">
        <v>268</v>
      </c>
      <c r="AB99" s="16">
        <v>241</v>
      </c>
      <c r="AC99" s="22" t="s">
        <v>268</v>
      </c>
      <c r="AD99" s="22" t="s">
        <v>268</v>
      </c>
    </row>
    <row r="100" spans="1:30">
      <c r="A100" s="21" t="s">
        <v>232</v>
      </c>
      <c r="B100" s="21" t="s">
        <v>237</v>
      </c>
      <c r="C100" s="21" t="s">
        <v>264</v>
      </c>
      <c r="D100" s="21" t="s">
        <v>214</v>
      </c>
      <c r="E100" s="21" t="s">
        <v>466</v>
      </c>
      <c r="F100" s="21" t="s">
        <v>415</v>
      </c>
      <c r="G100" s="16">
        <v>10241</v>
      </c>
      <c r="H100" s="16">
        <v>3914</v>
      </c>
      <c r="I100" s="16">
        <v>1745</v>
      </c>
      <c r="J100" s="22" t="s">
        <v>268</v>
      </c>
      <c r="K100" s="16">
        <v>120</v>
      </c>
      <c r="L100" s="16">
        <v>169</v>
      </c>
      <c r="M100" s="16">
        <v>1456</v>
      </c>
      <c r="N100" s="16">
        <v>2169</v>
      </c>
      <c r="O100" s="22" t="s">
        <v>268</v>
      </c>
      <c r="P100" s="16">
        <v>2</v>
      </c>
      <c r="Q100" s="22" t="s">
        <v>268</v>
      </c>
      <c r="R100" s="16">
        <v>11</v>
      </c>
      <c r="S100" s="16">
        <v>185</v>
      </c>
      <c r="T100" s="16">
        <v>138</v>
      </c>
      <c r="U100" s="16">
        <v>57</v>
      </c>
      <c r="V100" s="16">
        <v>81</v>
      </c>
      <c r="W100" s="16">
        <v>1432</v>
      </c>
      <c r="X100" s="16">
        <v>263</v>
      </c>
      <c r="Y100" s="16">
        <v>253</v>
      </c>
      <c r="Z100" s="16">
        <v>6074</v>
      </c>
      <c r="AA100" s="22" t="s">
        <v>268</v>
      </c>
      <c r="AB100" s="16">
        <v>154</v>
      </c>
      <c r="AC100" s="22" t="s">
        <v>268</v>
      </c>
      <c r="AD100" s="16">
        <v>6074</v>
      </c>
    </row>
    <row r="101" spans="1:30">
      <c r="A101" s="21" t="s">
        <v>232</v>
      </c>
      <c r="B101" s="21" t="s">
        <v>237</v>
      </c>
      <c r="C101" s="21" t="s">
        <v>264</v>
      </c>
      <c r="D101" s="21" t="s">
        <v>214</v>
      </c>
      <c r="E101" s="21" t="s">
        <v>466</v>
      </c>
      <c r="F101" s="21" t="s">
        <v>416</v>
      </c>
      <c r="G101" s="16">
        <v>6985</v>
      </c>
      <c r="H101" s="16">
        <v>2111</v>
      </c>
      <c r="I101" s="16">
        <v>523</v>
      </c>
      <c r="J101" s="22" t="s">
        <v>268</v>
      </c>
      <c r="K101" s="16">
        <v>14</v>
      </c>
      <c r="L101" s="16">
        <v>35</v>
      </c>
      <c r="M101" s="16">
        <v>474</v>
      </c>
      <c r="N101" s="16">
        <v>1588</v>
      </c>
      <c r="O101" s="22" t="s">
        <v>268</v>
      </c>
      <c r="P101" s="16">
        <v>1</v>
      </c>
      <c r="Q101" s="22" t="s">
        <v>268</v>
      </c>
      <c r="R101" s="16">
        <v>17</v>
      </c>
      <c r="S101" s="16">
        <v>157</v>
      </c>
      <c r="T101" s="16">
        <v>93</v>
      </c>
      <c r="U101" s="16">
        <v>29</v>
      </c>
      <c r="V101" s="16">
        <v>43</v>
      </c>
      <c r="W101" s="16">
        <v>1057</v>
      </c>
      <c r="X101" s="16">
        <v>191</v>
      </c>
      <c r="Y101" s="16">
        <v>196</v>
      </c>
      <c r="Z101" s="16">
        <v>4678</v>
      </c>
      <c r="AA101" s="22" t="s">
        <v>268</v>
      </c>
      <c r="AB101" s="16">
        <v>109</v>
      </c>
      <c r="AC101" s="22" t="s">
        <v>268</v>
      </c>
      <c r="AD101" s="16">
        <v>4678</v>
      </c>
    </row>
    <row r="102" spans="1:30">
      <c r="A102" s="21" t="s">
        <v>232</v>
      </c>
      <c r="B102" s="21" t="s">
        <v>237</v>
      </c>
      <c r="C102" s="21" t="s">
        <v>264</v>
      </c>
      <c r="D102" s="21" t="s">
        <v>214</v>
      </c>
      <c r="E102" s="21" t="s">
        <v>466</v>
      </c>
      <c r="F102" s="21" t="s">
        <v>417</v>
      </c>
      <c r="G102" s="16">
        <v>3232</v>
      </c>
      <c r="H102" s="16">
        <v>941</v>
      </c>
      <c r="I102" s="16">
        <v>78</v>
      </c>
      <c r="J102" s="22" t="s">
        <v>268</v>
      </c>
      <c r="K102" s="16">
        <v>1</v>
      </c>
      <c r="L102" s="16">
        <v>4</v>
      </c>
      <c r="M102" s="16">
        <v>73</v>
      </c>
      <c r="N102" s="16">
        <v>863</v>
      </c>
      <c r="O102" s="22" t="s">
        <v>268</v>
      </c>
      <c r="P102" s="16">
        <v>7</v>
      </c>
      <c r="Q102" s="22" t="s">
        <v>268</v>
      </c>
      <c r="R102" s="16">
        <v>8</v>
      </c>
      <c r="S102" s="16">
        <v>104</v>
      </c>
      <c r="T102" s="16">
        <v>55</v>
      </c>
      <c r="U102" s="16">
        <v>11</v>
      </c>
      <c r="V102" s="16">
        <v>15</v>
      </c>
      <c r="W102" s="16">
        <v>545</v>
      </c>
      <c r="X102" s="16">
        <v>118</v>
      </c>
      <c r="Y102" s="16">
        <v>107</v>
      </c>
      <c r="Z102" s="16">
        <v>2184</v>
      </c>
      <c r="AA102" s="22" t="s">
        <v>268</v>
      </c>
      <c r="AB102" s="16">
        <v>37</v>
      </c>
      <c r="AC102" s="22" t="s">
        <v>268</v>
      </c>
      <c r="AD102" s="16">
        <v>2184</v>
      </c>
    </row>
    <row r="103" spans="1:30">
      <c r="A103" s="21" t="s">
        <v>232</v>
      </c>
      <c r="B103" s="21" t="s">
        <v>237</v>
      </c>
      <c r="C103" s="21" t="s">
        <v>264</v>
      </c>
      <c r="D103" s="21" t="s">
        <v>214</v>
      </c>
      <c r="E103" s="21" t="s">
        <v>466</v>
      </c>
      <c r="F103" s="21" t="s">
        <v>418</v>
      </c>
      <c r="G103" s="16">
        <v>1913</v>
      </c>
      <c r="H103" s="16">
        <v>612</v>
      </c>
      <c r="I103" s="16">
        <v>42</v>
      </c>
      <c r="J103" s="22" t="s">
        <v>268</v>
      </c>
      <c r="K103" s="22" t="s">
        <v>268</v>
      </c>
      <c r="L103" s="16">
        <v>4</v>
      </c>
      <c r="M103" s="16">
        <v>38</v>
      </c>
      <c r="N103" s="16">
        <v>570</v>
      </c>
      <c r="O103" s="22" t="s">
        <v>268</v>
      </c>
      <c r="P103" s="16">
        <v>4</v>
      </c>
      <c r="Q103" s="22" t="s">
        <v>268</v>
      </c>
      <c r="R103" s="16">
        <v>17</v>
      </c>
      <c r="S103" s="16">
        <v>78</v>
      </c>
      <c r="T103" s="16">
        <v>40</v>
      </c>
      <c r="U103" s="16">
        <v>11</v>
      </c>
      <c r="V103" s="16">
        <v>28</v>
      </c>
      <c r="W103" s="16">
        <v>297</v>
      </c>
      <c r="X103" s="16">
        <v>95</v>
      </c>
      <c r="Y103" s="16">
        <v>73</v>
      </c>
      <c r="Z103" s="16">
        <v>1228</v>
      </c>
      <c r="AA103" s="22" t="s">
        <v>268</v>
      </c>
      <c r="AB103" s="16">
        <v>57</v>
      </c>
      <c r="AC103" s="22" t="s">
        <v>268</v>
      </c>
      <c r="AD103" s="16">
        <v>1228</v>
      </c>
    </row>
    <row r="104" spans="1:30">
      <c r="A104" s="21" t="s">
        <v>232</v>
      </c>
      <c r="B104" s="21" t="s">
        <v>237</v>
      </c>
      <c r="C104" s="21" t="s">
        <v>264</v>
      </c>
      <c r="D104" s="21" t="s">
        <v>214</v>
      </c>
      <c r="E104" s="21" t="s">
        <v>466</v>
      </c>
      <c r="F104" s="21" t="s">
        <v>419</v>
      </c>
      <c r="G104" s="16">
        <v>1081</v>
      </c>
      <c r="H104" s="16">
        <v>350</v>
      </c>
      <c r="I104" s="16">
        <v>32</v>
      </c>
      <c r="J104" s="22" t="s">
        <v>268</v>
      </c>
      <c r="K104" s="22" t="s">
        <v>268</v>
      </c>
      <c r="L104" s="22" t="s">
        <v>268</v>
      </c>
      <c r="M104" s="16">
        <v>32</v>
      </c>
      <c r="N104" s="16">
        <v>318</v>
      </c>
      <c r="O104" s="22" t="s">
        <v>268</v>
      </c>
      <c r="P104" s="16">
        <v>8</v>
      </c>
      <c r="Q104" s="22" t="s">
        <v>268</v>
      </c>
      <c r="R104" s="16">
        <v>5</v>
      </c>
      <c r="S104" s="16">
        <v>27</v>
      </c>
      <c r="T104" s="16">
        <v>28</v>
      </c>
      <c r="U104" s="16">
        <v>6</v>
      </c>
      <c r="V104" s="16">
        <v>16</v>
      </c>
      <c r="W104" s="16">
        <v>159</v>
      </c>
      <c r="X104" s="16">
        <v>69</v>
      </c>
      <c r="Y104" s="16">
        <v>30</v>
      </c>
      <c r="Z104" s="16">
        <v>701</v>
      </c>
      <c r="AA104" s="22" t="s">
        <v>268</v>
      </c>
      <c r="AB104" s="16">
        <v>30</v>
      </c>
      <c r="AC104" s="22" t="s">
        <v>268</v>
      </c>
      <c r="AD104" s="16">
        <v>701</v>
      </c>
    </row>
    <row r="105" spans="1:30">
      <c r="A105" s="21" t="s">
        <v>232</v>
      </c>
      <c r="B105" s="21" t="s">
        <v>237</v>
      </c>
      <c r="C105" s="21" t="s">
        <v>264</v>
      </c>
      <c r="D105" s="21" t="s">
        <v>214</v>
      </c>
      <c r="E105" s="21" t="s">
        <v>466</v>
      </c>
      <c r="F105" s="21" t="s">
        <v>420</v>
      </c>
      <c r="G105" s="16">
        <v>449</v>
      </c>
      <c r="H105" s="16">
        <v>183</v>
      </c>
      <c r="I105" s="16">
        <v>14</v>
      </c>
      <c r="J105" s="22" t="s">
        <v>268</v>
      </c>
      <c r="K105" s="22" t="s">
        <v>268</v>
      </c>
      <c r="L105" s="16">
        <v>2</v>
      </c>
      <c r="M105" s="16">
        <v>12</v>
      </c>
      <c r="N105" s="16">
        <v>169</v>
      </c>
      <c r="O105" s="22" t="s">
        <v>268</v>
      </c>
      <c r="P105" s="16">
        <v>6</v>
      </c>
      <c r="Q105" s="22" t="s">
        <v>268</v>
      </c>
      <c r="R105" s="16">
        <v>5</v>
      </c>
      <c r="S105" s="16">
        <v>25</v>
      </c>
      <c r="T105" s="16">
        <v>10</v>
      </c>
      <c r="U105" s="16">
        <v>4</v>
      </c>
      <c r="V105" s="16">
        <v>11</v>
      </c>
      <c r="W105" s="16">
        <v>61</v>
      </c>
      <c r="X105" s="16">
        <v>47</v>
      </c>
      <c r="Y105" s="16">
        <v>6</v>
      </c>
      <c r="Z105" s="16">
        <v>260</v>
      </c>
      <c r="AA105" s="22" t="s">
        <v>268</v>
      </c>
      <c r="AB105" s="16">
        <v>21</v>
      </c>
      <c r="AC105" s="22" t="s">
        <v>268</v>
      </c>
      <c r="AD105" s="16">
        <v>260</v>
      </c>
    </row>
    <row r="106" spans="1:30">
      <c r="A106" s="21" t="s">
        <v>232</v>
      </c>
      <c r="B106" s="21" t="s">
        <v>237</v>
      </c>
      <c r="C106" s="21" t="s">
        <v>264</v>
      </c>
      <c r="D106" s="21" t="s">
        <v>214</v>
      </c>
      <c r="E106" s="21" t="s">
        <v>466</v>
      </c>
      <c r="F106" s="21" t="s">
        <v>421</v>
      </c>
      <c r="G106" s="16">
        <v>105</v>
      </c>
      <c r="H106" s="16">
        <v>51</v>
      </c>
      <c r="I106" s="16">
        <v>9</v>
      </c>
      <c r="J106" s="22" t="s">
        <v>268</v>
      </c>
      <c r="K106" s="22" t="s">
        <v>268</v>
      </c>
      <c r="L106" s="22" t="s">
        <v>268</v>
      </c>
      <c r="M106" s="16">
        <v>9</v>
      </c>
      <c r="N106" s="16">
        <v>42</v>
      </c>
      <c r="O106" s="22" t="s">
        <v>268</v>
      </c>
      <c r="P106" s="16">
        <v>4</v>
      </c>
      <c r="Q106" s="22" t="s">
        <v>268</v>
      </c>
      <c r="R106" s="16">
        <v>1</v>
      </c>
      <c r="S106" s="16">
        <v>4</v>
      </c>
      <c r="T106" s="16">
        <v>1</v>
      </c>
      <c r="U106" s="16">
        <v>1</v>
      </c>
      <c r="V106" s="16">
        <v>2</v>
      </c>
      <c r="W106" s="16">
        <v>12</v>
      </c>
      <c r="X106" s="16">
        <v>17</v>
      </c>
      <c r="Y106" s="16">
        <v>1</v>
      </c>
      <c r="Z106" s="16">
        <v>53</v>
      </c>
      <c r="AA106" s="22" t="s">
        <v>268</v>
      </c>
      <c r="AB106" s="16">
        <v>4</v>
      </c>
      <c r="AC106" s="22" t="s">
        <v>268</v>
      </c>
      <c r="AD106" s="16">
        <v>53</v>
      </c>
    </row>
    <row r="107" spans="1:30">
      <c r="A107" s="21" t="s">
        <v>232</v>
      </c>
      <c r="B107" s="21" t="s">
        <v>237</v>
      </c>
      <c r="C107" s="21" t="s">
        <v>264</v>
      </c>
      <c r="D107" s="21" t="s">
        <v>214</v>
      </c>
      <c r="E107" s="21" t="s">
        <v>466</v>
      </c>
      <c r="F107" s="21" t="s">
        <v>422</v>
      </c>
      <c r="G107" s="16">
        <v>7</v>
      </c>
      <c r="H107" s="16">
        <v>5</v>
      </c>
      <c r="I107" s="22" t="s">
        <v>268</v>
      </c>
      <c r="J107" s="22" t="s">
        <v>268</v>
      </c>
      <c r="K107" s="22" t="s">
        <v>268</v>
      </c>
      <c r="L107" s="22" t="s">
        <v>268</v>
      </c>
      <c r="M107" s="22" t="s">
        <v>268</v>
      </c>
      <c r="N107" s="16">
        <v>5</v>
      </c>
      <c r="O107" s="22" t="s">
        <v>268</v>
      </c>
      <c r="P107" s="16">
        <v>1</v>
      </c>
      <c r="Q107" s="22" t="s">
        <v>268</v>
      </c>
      <c r="R107" s="22" t="s">
        <v>268</v>
      </c>
      <c r="S107" s="16">
        <v>3</v>
      </c>
      <c r="T107" s="22" t="s">
        <v>268</v>
      </c>
      <c r="U107" s="22" t="s">
        <v>268</v>
      </c>
      <c r="V107" s="22" t="s">
        <v>268</v>
      </c>
      <c r="W107" s="16">
        <v>1</v>
      </c>
      <c r="X107" s="22" t="s">
        <v>268</v>
      </c>
      <c r="Y107" s="22" t="s">
        <v>268</v>
      </c>
      <c r="Z107" s="16">
        <v>2</v>
      </c>
      <c r="AA107" s="22" t="s">
        <v>268</v>
      </c>
      <c r="AB107" s="22" t="s">
        <v>268</v>
      </c>
      <c r="AC107" s="22" t="s">
        <v>268</v>
      </c>
      <c r="AD107" s="16">
        <v>2</v>
      </c>
    </row>
    <row r="108" spans="1:30">
      <c r="A108" s="21" t="s">
        <v>232</v>
      </c>
      <c r="B108" s="21" t="s">
        <v>237</v>
      </c>
      <c r="C108" s="21" t="s">
        <v>264</v>
      </c>
      <c r="D108" s="21" t="s">
        <v>214</v>
      </c>
      <c r="E108" s="21" t="s">
        <v>466</v>
      </c>
      <c r="F108" s="21" t="s">
        <v>423</v>
      </c>
      <c r="G108" s="22" t="s">
        <v>268</v>
      </c>
      <c r="H108" s="22" t="s">
        <v>268</v>
      </c>
      <c r="I108" s="22" t="s">
        <v>268</v>
      </c>
      <c r="J108" s="22" t="s">
        <v>268</v>
      </c>
      <c r="K108" s="22" t="s">
        <v>268</v>
      </c>
      <c r="L108" s="22" t="s">
        <v>268</v>
      </c>
      <c r="M108" s="22" t="s">
        <v>268</v>
      </c>
      <c r="N108" s="22" t="s">
        <v>268</v>
      </c>
      <c r="O108" s="22" t="s">
        <v>268</v>
      </c>
      <c r="P108" s="22" t="s">
        <v>268</v>
      </c>
      <c r="Q108" s="22" t="s">
        <v>268</v>
      </c>
      <c r="R108" s="22" t="s">
        <v>268</v>
      </c>
      <c r="S108" s="22" t="s">
        <v>268</v>
      </c>
      <c r="T108" s="22" t="s">
        <v>268</v>
      </c>
      <c r="U108" s="22" t="s">
        <v>268</v>
      </c>
      <c r="V108" s="22" t="s">
        <v>268</v>
      </c>
      <c r="W108" s="22" t="s">
        <v>268</v>
      </c>
      <c r="X108" s="22" t="s">
        <v>268</v>
      </c>
      <c r="Y108" s="22" t="s">
        <v>268</v>
      </c>
      <c r="Z108" s="22" t="s">
        <v>268</v>
      </c>
      <c r="AA108" s="22" t="s">
        <v>268</v>
      </c>
      <c r="AB108" s="22" t="s">
        <v>268</v>
      </c>
      <c r="AC108" s="22" t="s">
        <v>268</v>
      </c>
      <c r="AD108" s="22" t="s">
        <v>268</v>
      </c>
    </row>
    <row r="109" spans="1:30">
      <c r="A109" s="21" t="s">
        <v>232</v>
      </c>
      <c r="B109" s="21" t="s">
        <v>237</v>
      </c>
      <c r="C109" s="21" t="s">
        <v>264</v>
      </c>
      <c r="D109" s="21" t="s">
        <v>214</v>
      </c>
      <c r="E109" s="21" t="s">
        <v>466</v>
      </c>
      <c r="F109" s="21" t="s">
        <v>386</v>
      </c>
      <c r="G109" s="16">
        <v>227554</v>
      </c>
      <c r="H109" s="16">
        <v>226714</v>
      </c>
      <c r="I109" s="16">
        <v>188156</v>
      </c>
      <c r="J109" s="22" t="s">
        <v>268</v>
      </c>
      <c r="K109" s="16">
        <v>165788</v>
      </c>
      <c r="L109" s="16">
        <v>1531</v>
      </c>
      <c r="M109" s="16">
        <v>20837</v>
      </c>
      <c r="N109" s="16">
        <v>38558</v>
      </c>
      <c r="O109" s="22" t="s">
        <v>268</v>
      </c>
      <c r="P109" s="22" t="s">
        <v>268</v>
      </c>
      <c r="Q109" s="16">
        <v>11173</v>
      </c>
      <c r="R109" s="16">
        <v>9223</v>
      </c>
      <c r="S109" s="16">
        <v>402</v>
      </c>
      <c r="T109" s="16">
        <v>5726</v>
      </c>
      <c r="U109" s="16">
        <v>887</v>
      </c>
      <c r="V109" s="16">
        <v>7093</v>
      </c>
      <c r="W109" s="16">
        <v>7</v>
      </c>
      <c r="X109" s="16">
        <v>4047</v>
      </c>
      <c r="Y109" s="16">
        <v>836</v>
      </c>
      <c r="Z109" s="16">
        <v>4</v>
      </c>
      <c r="AA109" s="22" t="s">
        <v>268</v>
      </c>
      <c r="AB109" s="16">
        <v>37572</v>
      </c>
      <c r="AC109" s="22" t="s">
        <v>268</v>
      </c>
      <c r="AD109" s="22" t="s">
        <v>268</v>
      </c>
    </row>
    <row r="110" spans="1:30">
      <c r="A110" s="21" t="s">
        <v>232</v>
      </c>
      <c r="B110" s="21" t="s">
        <v>237</v>
      </c>
      <c r="C110" s="21" t="s">
        <v>264</v>
      </c>
      <c r="D110" s="21" t="s">
        <v>214</v>
      </c>
      <c r="E110" s="21" t="s">
        <v>466</v>
      </c>
      <c r="F110" s="21" t="s">
        <v>387</v>
      </c>
      <c r="G110" s="16">
        <v>325230</v>
      </c>
      <c r="H110" s="16">
        <v>240403</v>
      </c>
      <c r="I110" s="16">
        <v>188116</v>
      </c>
      <c r="J110" s="22" t="s">
        <v>268</v>
      </c>
      <c r="K110" s="16">
        <v>125507</v>
      </c>
      <c r="L110" s="16">
        <v>9280</v>
      </c>
      <c r="M110" s="16">
        <v>53329</v>
      </c>
      <c r="N110" s="16">
        <v>52287</v>
      </c>
      <c r="O110" s="22" t="s">
        <v>268</v>
      </c>
      <c r="P110" s="16">
        <v>5</v>
      </c>
      <c r="Q110" s="16">
        <v>8052</v>
      </c>
      <c r="R110" s="16">
        <v>14725</v>
      </c>
      <c r="S110" s="16">
        <v>1205</v>
      </c>
      <c r="T110" s="16">
        <v>7220</v>
      </c>
      <c r="U110" s="16">
        <v>897</v>
      </c>
      <c r="V110" s="16">
        <v>4387</v>
      </c>
      <c r="W110" s="16">
        <v>5277</v>
      </c>
      <c r="X110" s="16">
        <v>10519</v>
      </c>
      <c r="Y110" s="16">
        <v>7115</v>
      </c>
      <c r="Z110" s="16">
        <v>77712</v>
      </c>
      <c r="AA110" s="22" t="s">
        <v>268</v>
      </c>
      <c r="AB110" s="16">
        <v>41359</v>
      </c>
      <c r="AC110" s="22" t="s">
        <v>268</v>
      </c>
      <c r="AD110" s="22" t="s">
        <v>268</v>
      </c>
    </row>
    <row r="111" spans="1:30">
      <c r="A111" s="21" t="s">
        <v>232</v>
      </c>
      <c r="B111" s="21" t="s">
        <v>237</v>
      </c>
      <c r="C111" s="21" t="s">
        <v>264</v>
      </c>
      <c r="D111" s="21" t="s">
        <v>214</v>
      </c>
      <c r="E111" s="21" t="s">
        <v>466</v>
      </c>
      <c r="F111" s="21" t="s">
        <v>388</v>
      </c>
      <c r="G111" s="16">
        <v>24013</v>
      </c>
      <c r="H111" s="16">
        <v>8167</v>
      </c>
      <c r="I111" s="16">
        <v>2443</v>
      </c>
      <c r="J111" s="22" t="s">
        <v>268</v>
      </c>
      <c r="K111" s="16">
        <v>135</v>
      </c>
      <c r="L111" s="16">
        <v>214</v>
      </c>
      <c r="M111" s="16">
        <v>2094</v>
      </c>
      <c r="N111" s="16">
        <v>5724</v>
      </c>
      <c r="O111" s="22" t="s">
        <v>268</v>
      </c>
      <c r="P111" s="16">
        <v>33</v>
      </c>
      <c r="Q111" s="22" t="s">
        <v>268</v>
      </c>
      <c r="R111" s="16">
        <v>64</v>
      </c>
      <c r="S111" s="16">
        <v>583</v>
      </c>
      <c r="T111" s="16">
        <v>365</v>
      </c>
      <c r="U111" s="16">
        <v>119</v>
      </c>
      <c r="V111" s="16">
        <v>196</v>
      </c>
      <c r="W111" s="16">
        <v>3564</v>
      </c>
      <c r="X111" s="16">
        <v>800</v>
      </c>
      <c r="Y111" s="16">
        <v>666</v>
      </c>
      <c r="Z111" s="16">
        <v>15180</v>
      </c>
      <c r="AA111" s="22" t="s">
        <v>268</v>
      </c>
      <c r="AB111" s="16">
        <v>412</v>
      </c>
      <c r="AC111" s="22" t="s">
        <v>268</v>
      </c>
      <c r="AD111" s="16">
        <v>15180</v>
      </c>
    </row>
    <row r="112" spans="1:30">
      <c r="A112" s="21" t="s">
        <v>232</v>
      </c>
      <c r="B112" s="21" t="s">
        <v>237</v>
      </c>
      <c r="C112" s="21" t="s">
        <v>264</v>
      </c>
      <c r="D112" s="21" t="s">
        <v>214</v>
      </c>
      <c r="E112" s="21" t="s">
        <v>466</v>
      </c>
      <c r="F112" s="21" t="s">
        <v>389</v>
      </c>
      <c r="G112" s="16">
        <v>6787</v>
      </c>
      <c r="H112" s="16">
        <v>2142</v>
      </c>
      <c r="I112" s="16">
        <v>175</v>
      </c>
      <c r="J112" s="22" t="s">
        <v>268</v>
      </c>
      <c r="K112" s="16">
        <v>1</v>
      </c>
      <c r="L112" s="16">
        <v>10</v>
      </c>
      <c r="M112" s="16">
        <v>164</v>
      </c>
      <c r="N112" s="16">
        <v>1967</v>
      </c>
      <c r="O112" s="22" t="s">
        <v>268</v>
      </c>
      <c r="P112" s="16">
        <v>30</v>
      </c>
      <c r="Q112" s="22" t="s">
        <v>268</v>
      </c>
      <c r="R112" s="16">
        <v>36</v>
      </c>
      <c r="S112" s="16">
        <v>241</v>
      </c>
      <c r="T112" s="16">
        <v>134</v>
      </c>
      <c r="U112" s="16">
        <v>33</v>
      </c>
      <c r="V112" s="16">
        <v>72</v>
      </c>
      <c r="W112" s="16">
        <v>1075</v>
      </c>
      <c r="X112" s="16">
        <v>346</v>
      </c>
      <c r="Y112" s="16">
        <v>217</v>
      </c>
      <c r="Z112" s="16">
        <v>4428</v>
      </c>
      <c r="AA112" s="22" t="s">
        <v>268</v>
      </c>
      <c r="AB112" s="16">
        <v>149</v>
      </c>
      <c r="AC112" s="22" t="s">
        <v>268</v>
      </c>
      <c r="AD112" s="16">
        <v>4428</v>
      </c>
    </row>
    <row r="113" spans="1:30">
      <c r="A113" s="21" t="s">
        <v>232</v>
      </c>
      <c r="B113" s="21" t="s">
        <v>237</v>
      </c>
      <c r="C113" s="21" t="s">
        <v>264</v>
      </c>
      <c r="D113" s="21" t="s">
        <v>214</v>
      </c>
      <c r="E113" s="21" t="s">
        <v>466</v>
      </c>
      <c r="F113" s="21" t="s">
        <v>390</v>
      </c>
      <c r="G113" s="16">
        <v>1642</v>
      </c>
      <c r="H113" s="16">
        <v>589</v>
      </c>
      <c r="I113" s="16">
        <v>55</v>
      </c>
      <c r="J113" s="22" t="s">
        <v>268</v>
      </c>
      <c r="K113" s="22" t="s">
        <v>268</v>
      </c>
      <c r="L113" s="16">
        <v>2</v>
      </c>
      <c r="M113" s="16">
        <v>53</v>
      </c>
      <c r="N113" s="16">
        <v>534</v>
      </c>
      <c r="O113" s="22" t="s">
        <v>268</v>
      </c>
      <c r="P113" s="16">
        <v>19</v>
      </c>
      <c r="Q113" s="22" t="s">
        <v>268</v>
      </c>
      <c r="R113" s="16">
        <v>11</v>
      </c>
      <c r="S113" s="16">
        <v>59</v>
      </c>
      <c r="T113" s="16">
        <v>39</v>
      </c>
      <c r="U113" s="16">
        <v>11</v>
      </c>
      <c r="V113" s="16">
        <v>29</v>
      </c>
      <c r="W113" s="16">
        <v>233</v>
      </c>
      <c r="X113" s="16">
        <v>133</v>
      </c>
      <c r="Y113" s="16">
        <v>37</v>
      </c>
      <c r="Z113" s="16">
        <v>1016</v>
      </c>
      <c r="AA113" s="22" t="s">
        <v>268</v>
      </c>
      <c r="AB113" s="16">
        <v>55</v>
      </c>
      <c r="AC113" s="22" t="s">
        <v>268</v>
      </c>
      <c r="AD113" s="16">
        <v>1016</v>
      </c>
    </row>
    <row r="114" spans="1:30">
      <c r="A114" s="21" t="s">
        <v>232</v>
      </c>
      <c r="B114" s="21" t="s">
        <v>237</v>
      </c>
      <c r="C114" s="21" t="s">
        <v>264</v>
      </c>
      <c r="D114" s="21" t="s">
        <v>214</v>
      </c>
      <c r="E114" s="21" t="s">
        <v>466</v>
      </c>
      <c r="F114" s="21" t="s">
        <v>391</v>
      </c>
      <c r="G114" s="16">
        <v>261032</v>
      </c>
      <c r="H114" s="16">
        <v>173974</v>
      </c>
      <c r="I114" s="16">
        <v>134533</v>
      </c>
      <c r="J114" s="22" t="s">
        <v>268</v>
      </c>
      <c r="K114" s="16">
        <v>83205</v>
      </c>
      <c r="L114" s="16">
        <v>8215</v>
      </c>
      <c r="M114" s="16">
        <v>43113</v>
      </c>
      <c r="N114" s="16">
        <v>39441</v>
      </c>
      <c r="O114" s="22" t="s">
        <v>268</v>
      </c>
      <c r="P114" s="16">
        <v>7</v>
      </c>
      <c r="Q114" s="16">
        <v>4043</v>
      </c>
      <c r="R114" s="16">
        <v>10410</v>
      </c>
      <c r="S114" s="16">
        <v>1065</v>
      </c>
      <c r="T114" s="16">
        <v>5013</v>
      </c>
      <c r="U114" s="16">
        <v>837</v>
      </c>
      <c r="V114" s="16">
        <v>3189</v>
      </c>
      <c r="W114" s="16">
        <v>6466</v>
      </c>
      <c r="X114" s="16">
        <v>8411</v>
      </c>
      <c r="Y114" s="16">
        <v>7011</v>
      </c>
      <c r="Z114" s="16">
        <v>80047</v>
      </c>
      <c r="AA114" s="22" t="s">
        <v>268</v>
      </c>
      <c r="AB114" s="16">
        <v>27563</v>
      </c>
      <c r="AC114" s="22" t="s">
        <v>268</v>
      </c>
      <c r="AD114" s="16">
        <v>6074</v>
      </c>
    </row>
    <row r="115" spans="1:30">
      <c r="A115" s="21" t="s">
        <v>232</v>
      </c>
      <c r="B115" s="21" t="s">
        <v>237</v>
      </c>
      <c r="C115" s="21" t="s">
        <v>264</v>
      </c>
      <c r="D115" s="21" t="s">
        <v>215</v>
      </c>
      <c r="E115" s="21" t="s">
        <v>466</v>
      </c>
      <c r="F115" s="21" t="s">
        <v>401</v>
      </c>
      <c r="G115" s="16">
        <v>302048</v>
      </c>
      <c r="H115" s="16">
        <v>247084</v>
      </c>
      <c r="I115" s="16">
        <v>198079</v>
      </c>
      <c r="J115" s="22" t="s">
        <v>268</v>
      </c>
      <c r="K115" s="16">
        <v>151433</v>
      </c>
      <c r="L115" s="16">
        <v>6442</v>
      </c>
      <c r="M115" s="16">
        <v>40204</v>
      </c>
      <c r="N115" s="16">
        <v>49005</v>
      </c>
      <c r="O115" s="22" t="s">
        <v>268</v>
      </c>
      <c r="P115" s="16">
        <v>7</v>
      </c>
      <c r="Q115" s="16">
        <v>9719</v>
      </c>
      <c r="R115" s="16">
        <v>12607</v>
      </c>
      <c r="S115" s="16">
        <v>1085</v>
      </c>
      <c r="T115" s="16">
        <v>6722</v>
      </c>
      <c r="U115" s="16">
        <v>948</v>
      </c>
      <c r="V115" s="16">
        <v>5814</v>
      </c>
      <c r="W115" s="16">
        <v>4161</v>
      </c>
      <c r="X115" s="16">
        <v>7942</v>
      </c>
      <c r="Y115" s="16">
        <v>4373</v>
      </c>
      <c r="Z115" s="16">
        <v>50591</v>
      </c>
      <c r="AA115" s="22" t="s">
        <v>268</v>
      </c>
      <c r="AB115" s="16">
        <v>40648</v>
      </c>
      <c r="AC115" s="22" t="s">
        <v>268</v>
      </c>
      <c r="AD115" s="16">
        <v>7454</v>
      </c>
    </row>
    <row r="116" spans="1:30">
      <c r="A116" s="21" t="s">
        <v>232</v>
      </c>
      <c r="B116" s="21" t="s">
        <v>237</v>
      </c>
      <c r="C116" s="21" t="s">
        <v>264</v>
      </c>
      <c r="D116" s="21" t="s">
        <v>215</v>
      </c>
      <c r="E116" s="21" t="s">
        <v>466</v>
      </c>
      <c r="F116" s="21" t="s">
        <v>405</v>
      </c>
      <c r="G116" s="16">
        <v>37723</v>
      </c>
      <c r="H116" s="16">
        <v>35461</v>
      </c>
      <c r="I116" s="16">
        <v>27889</v>
      </c>
      <c r="J116" s="22" t="s">
        <v>268</v>
      </c>
      <c r="K116" s="16">
        <v>21492</v>
      </c>
      <c r="L116" s="16">
        <v>679</v>
      </c>
      <c r="M116" s="16">
        <v>5718</v>
      </c>
      <c r="N116" s="16">
        <v>7572</v>
      </c>
      <c r="O116" s="22" t="s">
        <v>268</v>
      </c>
      <c r="P116" s="22" t="s">
        <v>268</v>
      </c>
      <c r="Q116" s="16">
        <v>1926</v>
      </c>
      <c r="R116" s="16">
        <v>2196</v>
      </c>
      <c r="S116" s="16">
        <v>188</v>
      </c>
      <c r="T116" s="16">
        <v>1230</v>
      </c>
      <c r="U116" s="16">
        <v>56</v>
      </c>
      <c r="V116" s="16">
        <v>644</v>
      </c>
      <c r="W116" s="16">
        <v>97</v>
      </c>
      <c r="X116" s="16">
        <v>1235</v>
      </c>
      <c r="Y116" s="16">
        <v>189</v>
      </c>
      <c r="Z116" s="16">
        <v>2073</v>
      </c>
      <c r="AA116" s="22" t="s">
        <v>268</v>
      </c>
      <c r="AB116" s="16">
        <v>7027</v>
      </c>
      <c r="AC116" s="22" t="s">
        <v>268</v>
      </c>
      <c r="AD116" s="22" t="s">
        <v>268</v>
      </c>
    </row>
    <row r="117" spans="1:30">
      <c r="A117" s="21" t="s">
        <v>232</v>
      </c>
      <c r="B117" s="21" t="s">
        <v>237</v>
      </c>
      <c r="C117" s="21" t="s">
        <v>264</v>
      </c>
      <c r="D117" s="21" t="s">
        <v>215</v>
      </c>
      <c r="E117" s="21" t="s">
        <v>466</v>
      </c>
      <c r="F117" s="21" t="s">
        <v>406</v>
      </c>
      <c r="G117" s="16">
        <v>30139</v>
      </c>
      <c r="H117" s="16">
        <v>20667</v>
      </c>
      <c r="I117" s="16">
        <v>15161</v>
      </c>
      <c r="J117" s="22" t="s">
        <v>268</v>
      </c>
      <c r="K117" s="16">
        <v>11136</v>
      </c>
      <c r="L117" s="16">
        <v>593</v>
      </c>
      <c r="M117" s="16">
        <v>3432</v>
      </c>
      <c r="N117" s="16">
        <v>5506</v>
      </c>
      <c r="O117" s="22" t="s">
        <v>268</v>
      </c>
      <c r="P117" s="22" t="s">
        <v>268</v>
      </c>
      <c r="Q117" s="16">
        <v>1112</v>
      </c>
      <c r="R117" s="16">
        <v>1735</v>
      </c>
      <c r="S117" s="16">
        <v>179</v>
      </c>
      <c r="T117" s="16">
        <v>749</v>
      </c>
      <c r="U117" s="16">
        <v>47</v>
      </c>
      <c r="V117" s="16">
        <v>370</v>
      </c>
      <c r="W117" s="16">
        <v>235</v>
      </c>
      <c r="X117" s="16">
        <v>1079</v>
      </c>
      <c r="Y117" s="16">
        <v>609</v>
      </c>
      <c r="Z117" s="16">
        <v>8863</v>
      </c>
      <c r="AA117" s="22" t="s">
        <v>268</v>
      </c>
      <c r="AB117" s="16">
        <v>4815</v>
      </c>
      <c r="AC117" s="22" t="s">
        <v>268</v>
      </c>
      <c r="AD117" s="22" t="s">
        <v>268</v>
      </c>
    </row>
    <row r="118" spans="1:30">
      <c r="A118" s="21" t="s">
        <v>232</v>
      </c>
      <c r="B118" s="21" t="s">
        <v>237</v>
      </c>
      <c r="C118" s="21" t="s">
        <v>264</v>
      </c>
      <c r="D118" s="21" t="s">
        <v>215</v>
      </c>
      <c r="E118" s="21" t="s">
        <v>466</v>
      </c>
      <c r="F118" s="21" t="s">
        <v>407</v>
      </c>
      <c r="G118" s="16">
        <v>22393</v>
      </c>
      <c r="H118" s="16">
        <v>14608</v>
      </c>
      <c r="I118" s="16">
        <v>10394</v>
      </c>
      <c r="J118" s="22" t="s">
        <v>268</v>
      </c>
      <c r="K118" s="16">
        <v>7485</v>
      </c>
      <c r="L118" s="16">
        <v>534</v>
      </c>
      <c r="M118" s="16">
        <v>2375</v>
      </c>
      <c r="N118" s="16">
        <v>4214</v>
      </c>
      <c r="O118" s="22" t="s">
        <v>268</v>
      </c>
      <c r="P118" s="22" t="s">
        <v>268</v>
      </c>
      <c r="Q118" s="16">
        <v>646</v>
      </c>
      <c r="R118" s="16">
        <v>1572</v>
      </c>
      <c r="S118" s="16">
        <v>110</v>
      </c>
      <c r="T118" s="16">
        <v>462</v>
      </c>
      <c r="U118" s="16">
        <v>52</v>
      </c>
      <c r="V118" s="16">
        <v>274</v>
      </c>
      <c r="W118" s="16">
        <v>173</v>
      </c>
      <c r="X118" s="16">
        <v>925</v>
      </c>
      <c r="Y118" s="16">
        <v>868</v>
      </c>
      <c r="Z118" s="16">
        <v>6917</v>
      </c>
      <c r="AA118" s="22" t="s">
        <v>268</v>
      </c>
      <c r="AB118" s="16">
        <v>3626</v>
      </c>
      <c r="AC118" s="22" t="s">
        <v>268</v>
      </c>
      <c r="AD118" s="22" t="s">
        <v>268</v>
      </c>
    </row>
    <row r="119" spans="1:30">
      <c r="A119" s="21" t="s">
        <v>232</v>
      </c>
      <c r="B119" s="21" t="s">
        <v>237</v>
      </c>
      <c r="C119" s="21" t="s">
        <v>264</v>
      </c>
      <c r="D119" s="21" t="s">
        <v>215</v>
      </c>
      <c r="E119" s="21" t="s">
        <v>466</v>
      </c>
      <c r="F119" s="21" t="s">
        <v>408</v>
      </c>
      <c r="G119" s="16">
        <v>16728</v>
      </c>
      <c r="H119" s="16">
        <v>11758</v>
      </c>
      <c r="I119" s="16">
        <v>8803</v>
      </c>
      <c r="J119" s="22" t="s">
        <v>268</v>
      </c>
      <c r="K119" s="16">
        <v>6260</v>
      </c>
      <c r="L119" s="16">
        <v>534</v>
      </c>
      <c r="M119" s="16">
        <v>2009</v>
      </c>
      <c r="N119" s="16">
        <v>2955</v>
      </c>
      <c r="O119" s="22" t="s">
        <v>268</v>
      </c>
      <c r="P119" s="22" t="s">
        <v>268</v>
      </c>
      <c r="Q119" s="16">
        <v>289</v>
      </c>
      <c r="R119" s="16">
        <v>1197</v>
      </c>
      <c r="S119" s="16">
        <v>56</v>
      </c>
      <c r="T119" s="16">
        <v>336</v>
      </c>
      <c r="U119" s="16">
        <v>35</v>
      </c>
      <c r="V119" s="16">
        <v>189</v>
      </c>
      <c r="W119" s="16">
        <v>148</v>
      </c>
      <c r="X119" s="16">
        <v>705</v>
      </c>
      <c r="Y119" s="16">
        <v>488</v>
      </c>
      <c r="Z119" s="16">
        <v>4482</v>
      </c>
      <c r="AA119" s="22" t="s">
        <v>268</v>
      </c>
      <c r="AB119" s="16">
        <v>2472</v>
      </c>
      <c r="AC119" s="22" t="s">
        <v>268</v>
      </c>
      <c r="AD119" s="22" t="s">
        <v>268</v>
      </c>
    </row>
    <row r="120" spans="1:30">
      <c r="A120" s="21" t="s">
        <v>232</v>
      </c>
      <c r="B120" s="21" t="s">
        <v>237</v>
      </c>
      <c r="C120" s="21" t="s">
        <v>264</v>
      </c>
      <c r="D120" s="21" t="s">
        <v>215</v>
      </c>
      <c r="E120" s="21" t="s">
        <v>466</v>
      </c>
      <c r="F120" s="21" t="s">
        <v>409</v>
      </c>
      <c r="G120" s="16">
        <v>14477</v>
      </c>
      <c r="H120" s="16">
        <v>10670</v>
      </c>
      <c r="I120" s="16">
        <v>8636</v>
      </c>
      <c r="J120" s="22" t="s">
        <v>268</v>
      </c>
      <c r="K120" s="16">
        <v>5880</v>
      </c>
      <c r="L120" s="16">
        <v>650</v>
      </c>
      <c r="M120" s="16">
        <v>2106</v>
      </c>
      <c r="N120" s="16">
        <v>2034</v>
      </c>
      <c r="O120" s="22" t="s">
        <v>268</v>
      </c>
      <c r="P120" s="22" t="s">
        <v>268</v>
      </c>
      <c r="Q120" s="16">
        <v>92</v>
      </c>
      <c r="R120" s="16">
        <v>761</v>
      </c>
      <c r="S120" s="16">
        <v>20</v>
      </c>
      <c r="T120" s="16">
        <v>260</v>
      </c>
      <c r="U120" s="16">
        <v>25</v>
      </c>
      <c r="V120" s="16">
        <v>190</v>
      </c>
      <c r="W120" s="16">
        <v>150</v>
      </c>
      <c r="X120" s="16">
        <v>536</v>
      </c>
      <c r="Y120" s="16">
        <v>342</v>
      </c>
      <c r="Z120" s="16">
        <v>3465</v>
      </c>
      <c r="AA120" s="22" t="s">
        <v>268</v>
      </c>
      <c r="AB120" s="16">
        <v>1576</v>
      </c>
      <c r="AC120" s="22" t="s">
        <v>268</v>
      </c>
      <c r="AD120" s="22" t="s">
        <v>268</v>
      </c>
    </row>
    <row r="121" spans="1:30">
      <c r="A121" s="21" t="s">
        <v>232</v>
      </c>
      <c r="B121" s="21" t="s">
        <v>237</v>
      </c>
      <c r="C121" s="21" t="s">
        <v>264</v>
      </c>
      <c r="D121" s="21" t="s">
        <v>215</v>
      </c>
      <c r="E121" s="21" t="s">
        <v>466</v>
      </c>
      <c r="F121" s="21" t="s">
        <v>410</v>
      </c>
      <c r="G121" s="16">
        <v>13225</v>
      </c>
      <c r="H121" s="16">
        <v>9607</v>
      </c>
      <c r="I121" s="16">
        <v>8384</v>
      </c>
      <c r="J121" s="22" t="s">
        <v>268</v>
      </c>
      <c r="K121" s="16">
        <v>5371</v>
      </c>
      <c r="L121" s="16">
        <v>630</v>
      </c>
      <c r="M121" s="16">
        <v>2383</v>
      </c>
      <c r="N121" s="16">
        <v>1223</v>
      </c>
      <c r="O121" s="22" t="s">
        <v>268</v>
      </c>
      <c r="P121" s="22" t="s">
        <v>268</v>
      </c>
      <c r="Q121" s="16">
        <v>20</v>
      </c>
      <c r="R121" s="16">
        <v>282</v>
      </c>
      <c r="S121" s="16">
        <v>15</v>
      </c>
      <c r="T121" s="16">
        <v>220</v>
      </c>
      <c r="U121" s="16">
        <v>37</v>
      </c>
      <c r="V121" s="16">
        <v>124</v>
      </c>
      <c r="W121" s="16">
        <v>150</v>
      </c>
      <c r="X121" s="16">
        <v>375</v>
      </c>
      <c r="Y121" s="16">
        <v>273</v>
      </c>
      <c r="Z121" s="16">
        <v>3345</v>
      </c>
      <c r="AA121" s="22" t="s">
        <v>268</v>
      </c>
      <c r="AB121" s="16">
        <v>814</v>
      </c>
      <c r="AC121" s="22" t="s">
        <v>268</v>
      </c>
      <c r="AD121" s="22" t="s">
        <v>268</v>
      </c>
    </row>
    <row r="122" spans="1:30">
      <c r="A122" s="21" t="s">
        <v>232</v>
      </c>
      <c r="B122" s="21" t="s">
        <v>237</v>
      </c>
      <c r="C122" s="21" t="s">
        <v>264</v>
      </c>
      <c r="D122" s="21" t="s">
        <v>215</v>
      </c>
      <c r="E122" s="21" t="s">
        <v>466</v>
      </c>
      <c r="F122" s="21" t="s">
        <v>411</v>
      </c>
      <c r="G122" s="16">
        <v>12881</v>
      </c>
      <c r="H122" s="16">
        <v>9052</v>
      </c>
      <c r="I122" s="16">
        <v>8103</v>
      </c>
      <c r="J122" s="22" t="s">
        <v>268</v>
      </c>
      <c r="K122" s="16">
        <v>4550</v>
      </c>
      <c r="L122" s="16">
        <v>661</v>
      </c>
      <c r="M122" s="16">
        <v>2892</v>
      </c>
      <c r="N122" s="16">
        <v>949</v>
      </c>
      <c r="O122" s="22" t="s">
        <v>268</v>
      </c>
      <c r="P122" s="22" t="s">
        <v>268</v>
      </c>
      <c r="Q122" s="16">
        <v>1</v>
      </c>
      <c r="R122" s="16">
        <v>118</v>
      </c>
      <c r="S122" s="16">
        <v>16</v>
      </c>
      <c r="T122" s="16">
        <v>184</v>
      </c>
      <c r="U122" s="16">
        <v>44</v>
      </c>
      <c r="V122" s="16">
        <v>101</v>
      </c>
      <c r="W122" s="16">
        <v>210</v>
      </c>
      <c r="X122" s="16">
        <v>275</v>
      </c>
      <c r="Y122" s="16">
        <v>286</v>
      </c>
      <c r="Z122" s="16">
        <v>3543</v>
      </c>
      <c r="AA122" s="22" t="s">
        <v>268</v>
      </c>
      <c r="AB122" s="16">
        <v>510</v>
      </c>
      <c r="AC122" s="22" t="s">
        <v>268</v>
      </c>
      <c r="AD122" s="22" t="s">
        <v>268</v>
      </c>
    </row>
    <row r="123" spans="1:30">
      <c r="A123" s="21" t="s">
        <v>232</v>
      </c>
      <c r="B123" s="21" t="s">
        <v>237</v>
      </c>
      <c r="C123" s="21" t="s">
        <v>264</v>
      </c>
      <c r="D123" s="21" t="s">
        <v>215</v>
      </c>
      <c r="E123" s="21" t="s">
        <v>466</v>
      </c>
      <c r="F123" s="21" t="s">
        <v>412</v>
      </c>
      <c r="G123" s="16">
        <v>10278</v>
      </c>
      <c r="H123" s="16">
        <v>6842</v>
      </c>
      <c r="I123" s="16">
        <v>6094</v>
      </c>
      <c r="J123" s="22" t="s">
        <v>268</v>
      </c>
      <c r="K123" s="16">
        <v>2714</v>
      </c>
      <c r="L123" s="16">
        <v>556</v>
      </c>
      <c r="M123" s="16">
        <v>2824</v>
      </c>
      <c r="N123" s="16">
        <v>748</v>
      </c>
      <c r="O123" s="22" t="s">
        <v>268</v>
      </c>
      <c r="P123" s="22" t="s">
        <v>268</v>
      </c>
      <c r="Q123" s="22" t="s">
        <v>268</v>
      </c>
      <c r="R123" s="16">
        <v>16</v>
      </c>
      <c r="S123" s="16">
        <v>14</v>
      </c>
      <c r="T123" s="16">
        <v>98</v>
      </c>
      <c r="U123" s="16">
        <v>47</v>
      </c>
      <c r="V123" s="16">
        <v>88</v>
      </c>
      <c r="W123" s="16">
        <v>300</v>
      </c>
      <c r="X123" s="16">
        <v>185</v>
      </c>
      <c r="Y123" s="16">
        <v>210</v>
      </c>
      <c r="Z123" s="16">
        <v>3226</v>
      </c>
      <c r="AA123" s="22" t="s">
        <v>268</v>
      </c>
      <c r="AB123" s="16">
        <v>258</v>
      </c>
      <c r="AC123" s="22" t="s">
        <v>268</v>
      </c>
      <c r="AD123" s="22" t="s">
        <v>268</v>
      </c>
    </row>
    <row r="124" spans="1:30">
      <c r="A124" s="21" t="s">
        <v>232</v>
      </c>
      <c r="B124" s="21" t="s">
        <v>237</v>
      </c>
      <c r="C124" s="21" t="s">
        <v>264</v>
      </c>
      <c r="D124" s="21" t="s">
        <v>215</v>
      </c>
      <c r="E124" s="21" t="s">
        <v>466</v>
      </c>
      <c r="F124" s="21" t="s">
        <v>413</v>
      </c>
      <c r="G124" s="16">
        <v>8739</v>
      </c>
      <c r="H124" s="16">
        <v>5202</v>
      </c>
      <c r="I124" s="16">
        <v>4424</v>
      </c>
      <c r="J124" s="22" t="s">
        <v>268</v>
      </c>
      <c r="K124" s="16">
        <v>1269</v>
      </c>
      <c r="L124" s="16">
        <v>425</v>
      </c>
      <c r="M124" s="16">
        <v>2730</v>
      </c>
      <c r="N124" s="16">
        <v>778</v>
      </c>
      <c r="O124" s="22" t="s">
        <v>268</v>
      </c>
      <c r="P124" s="22" t="s">
        <v>268</v>
      </c>
      <c r="Q124" s="22" t="s">
        <v>268</v>
      </c>
      <c r="R124" s="16">
        <v>2</v>
      </c>
      <c r="S124" s="16">
        <v>30</v>
      </c>
      <c r="T124" s="16">
        <v>82</v>
      </c>
      <c r="U124" s="16">
        <v>52</v>
      </c>
      <c r="V124" s="16">
        <v>45</v>
      </c>
      <c r="W124" s="16">
        <v>419</v>
      </c>
      <c r="X124" s="16">
        <v>148</v>
      </c>
      <c r="Y124" s="16">
        <v>181</v>
      </c>
      <c r="Z124" s="16">
        <v>3356</v>
      </c>
      <c r="AA124" s="22" t="s">
        <v>268</v>
      </c>
      <c r="AB124" s="16">
        <v>144</v>
      </c>
      <c r="AC124" s="22" t="s">
        <v>268</v>
      </c>
      <c r="AD124" s="22" t="s">
        <v>268</v>
      </c>
    </row>
    <row r="125" spans="1:30">
      <c r="A125" s="21" t="s">
        <v>232</v>
      </c>
      <c r="B125" s="21" t="s">
        <v>237</v>
      </c>
      <c r="C125" s="21" t="s">
        <v>264</v>
      </c>
      <c r="D125" s="21" t="s">
        <v>215</v>
      </c>
      <c r="E125" s="21" t="s">
        <v>466</v>
      </c>
      <c r="F125" s="21" t="s">
        <v>414</v>
      </c>
      <c r="G125" s="16">
        <v>7661</v>
      </c>
      <c r="H125" s="16">
        <v>3663</v>
      </c>
      <c r="I125" s="16">
        <v>2638</v>
      </c>
      <c r="J125" s="22" t="s">
        <v>268</v>
      </c>
      <c r="K125" s="16">
        <v>398</v>
      </c>
      <c r="L125" s="16">
        <v>249</v>
      </c>
      <c r="M125" s="16">
        <v>1991</v>
      </c>
      <c r="N125" s="16">
        <v>1025</v>
      </c>
      <c r="O125" s="22" t="s">
        <v>268</v>
      </c>
      <c r="P125" s="16">
        <v>2</v>
      </c>
      <c r="Q125" s="22" t="s">
        <v>268</v>
      </c>
      <c r="R125" s="16">
        <v>2</v>
      </c>
      <c r="S125" s="16">
        <v>51</v>
      </c>
      <c r="T125" s="16">
        <v>50</v>
      </c>
      <c r="U125" s="16">
        <v>40</v>
      </c>
      <c r="V125" s="16">
        <v>51</v>
      </c>
      <c r="W125" s="16">
        <v>664</v>
      </c>
      <c r="X125" s="16">
        <v>165</v>
      </c>
      <c r="Y125" s="16">
        <v>135</v>
      </c>
      <c r="Z125" s="16">
        <v>3863</v>
      </c>
      <c r="AA125" s="22" t="s">
        <v>268</v>
      </c>
      <c r="AB125" s="16">
        <v>101</v>
      </c>
      <c r="AC125" s="22" t="s">
        <v>268</v>
      </c>
      <c r="AD125" s="22" t="s">
        <v>268</v>
      </c>
    </row>
    <row r="126" spans="1:30">
      <c r="A126" s="21" t="s">
        <v>232</v>
      </c>
      <c r="B126" s="21" t="s">
        <v>237</v>
      </c>
      <c r="C126" s="21" t="s">
        <v>264</v>
      </c>
      <c r="D126" s="21" t="s">
        <v>215</v>
      </c>
      <c r="E126" s="21" t="s">
        <v>466</v>
      </c>
      <c r="F126" s="21" t="s">
        <v>415</v>
      </c>
      <c r="G126" s="16">
        <v>6236</v>
      </c>
      <c r="H126" s="16">
        <v>2228</v>
      </c>
      <c r="I126" s="16">
        <v>1061</v>
      </c>
      <c r="J126" s="22" t="s">
        <v>268</v>
      </c>
      <c r="K126" s="16">
        <v>78</v>
      </c>
      <c r="L126" s="16">
        <v>105</v>
      </c>
      <c r="M126" s="16">
        <v>878</v>
      </c>
      <c r="N126" s="16">
        <v>1167</v>
      </c>
      <c r="O126" s="22" t="s">
        <v>268</v>
      </c>
      <c r="P126" s="22" t="s">
        <v>268</v>
      </c>
      <c r="Q126" s="22" t="s">
        <v>268</v>
      </c>
      <c r="R126" s="16">
        <v>1</v>
      </c>
      <c r="S126" s="16">
        <v>84</v>
      </c>
      <c r="T126" s="16">
        <v>74</v>
      </c>
      <c r="U126" s="16">
        <v>25</v>
      </c>
      <c r="V126" s="16">
        <v>35</v>
      </c>
      <c r="W126" s="16">
        <v>821</v>
      </c>
      <c r="X126" s="16">
        <v>127</v>
      </c>
      <c r="Y126" s="16">
        <v>152</v>
      </c>
      <c r="Z126" s="16">
        <v>3856</v>
      </c>
      <c r="AA126" s="22" t="s">
        <v>268</v>
      </c>
      <c r="AB126" s="16">
        <v>64</v>
      </c>
      <c r="AC126" s="22" t="s">
        <v>268</v>
      </c>
      <c r="AD126" s="16">
        <v>3856</v>
      </c>
    </row>
    <row r="127" spans="1:30">
      <c r="A127" s="21" t="s">
        <v>232</v>
      </c>
      <c r="B127" s="21" t="s">
        <v>237</v>
      </c>
      <c r="C127" s="21" t="s">
        <v>264</v>
      </c>
      <c r="D127" s="21" t="s">
        <v>215</v>
      </c>
      <c r="E127" s="21" t="s">
        <v>466</v>
      </c>
      <c r="F127" s="21" t="s">
        <v>416</v>
      </c>
      <c r="G127" s="16">
        <v>3478</v>
      </c>
      <c r="H127" s="16">
        <v>941</v>
      </c>
      <c r="I127" s="16">
        <v>248</v>
      </c>
      <c r="J127" s="22" t="s">
        <v>268</v>
      </c>
      <c r="K127" s="16">
        <v>9</v>
      </c>
      <c r="L127" s="16">
        <v>23</v>
      </c>
      <c r="M127" s="16">
        <v>216</v>
      </c>
      <c r="N127" s="16">
        <v>693</v>
      </c>
      <c r="O127" s="22" t="s">
        <v>268</v>
      </c>
      <c r="P127" s="22" t="s">
        <v>268</v>
      </c>
      <c r="Q127" s="22" t="s">
        <v>268</v>
      </c>
      <c r="R127" s="16">
        <v>7</v>
      </c>
      <c r="S127" s="16">
        <v>58</v>
      </c>
      <c r="T127" s="16">
        <v>27</v>
      </c>
      <c r="U127" s="16">
        <v>7</v>
      </c>
      <c r="V127" s="16">
        <v>14</v>
      </c>
      <c r="W127" s="16">
        <v>502</v>
      </c>
      <c r="X127" s="16">
        <v>78</v>
      </c>
      <c r="Y127" s="16">
        <v>109</v>
      </c>
      <c r="Z127" s="16">
        <v>2428</v>
      </c>
      <c r="AA127" s="22" t="s">
        <v>268</v>
      </c>
      <c r="AB127" s="16">
        <v>38</v>
      </c>
      <c r="AC127" s="22" t="s">
        <v>268</v>
      </c>
      <c r="AD127" s="16">
        <v>2428</v>
      </c>
    </row>
    <row r="128" spans="1:30">
      <c r="A128" s="21" t="s">
        <v>232</v>
      </c>
      <c r="B128" s="21" t="s">
        <v>237</v>
      </c>
      <c r="C128" s="21" t="s">
        <v>264</v>
      </c>
      <c r="D128" s="21" t="s">
        <v>215</v>
      </c>
      <c r="E128" s="21" t="s">
        <v>466</v>
      </c>
      <c r="F128" s="21" t="s">
        <v>417</v>
      </c>
      <c r="G128" s="16">
        <v>1104</v>
      </c>
      <c r="H128" s="16">
        <v>285</v>
      </c>
      <c r="I128" s="16">
        <v>16</v>
      </c>
      <c r="J128" s="22" t="s">
        <v>268</v>
      </c>
      <c r="K128" s="22" t="s">
        <v>268</v>
      </c>
      <c r="L128" s="16">
        <v>3</v>
      </c>
      <c r="M128" s="16">
        <v>13</v>
      </c>
      <c r="N128" s="16">
        <v>269</v>
      </c>
      <c r="O128" s="22" t="s">
        <v>268</v>
      </c>
      <c r="P128" s="22" t="s">
        <v>268</v>
      </c>
      <c r="Q128" s="22" t="s">
        <v>268</v>
      </c>
      <c r="R128" s="16">
        <v>1</v>
      </c>
      <c r="S128" s="16">
        <v>29</v>
      </c>
      <c r="T128" s="16">
        <v>14</v>
      </c>
      <c r="U128" s="16">
        <v>3</v>
      </c>
      <c r="V128" s="16">
        <v>3</v>
      </c>
      <c r="W128" s="16">
        <v>186</v>
      </c>
      <c r="X128" s="16">
        <v>33</v>
      </c>
      <c r="Y128" s="16">
        <v>52</v>
      </c>
      <c r="Z128" s="16">
        <v>767</v>
      </c>
      <c r="AA128" s="22" t="s">
        <v>268</v>
      </c>
      <c r="AB128" s="16">
        <v>9</v>
      </c>
      <c r="AC128" s="22" t="s">
        <v>268</v>
      </c>
      <c r="AD128" s="16">
        <v>767</v>
      </c>
    </row>
    <row r="129" spans="1:30">
      <c r="A129" s="21" t="s">
        <v>232</v>
      </c>
      <c r="B129" s="21" t="s">
        <v>237</v>
      </c>
      <c r="C129" s="21" t="s">
        <v>264</v>
      </c>
      <c r="D129" s="21" t="s">
        <v>215</v>
      </c>
      <c r="E129" s="21" t="s">
        <v>466</v>
      </c>
      <c r="F129" s="21" t="s">
        <v>418</v>
      </c>
      <c r="G129" s="16">
        <v>453</v>
      </c>
      <c r="H129" s="16">
        <v>133</v>
      </c>
      <c r="I129" s="16">
        <v>5</v>
      </c>
      <c r="J129" s="22" t="s">
        <v>268</v>
      </c>
      <c r="K129" s="22" t="s">
        <v>268</v>
      </c>
      <c r="L129" s="16">
        <v>4</v>
      </c>
      <c r="M129" s="16">
        <v>1</v>
      </c>
      <c r="N129" s="16">
        <v>128</v>
      </c>
      <c r="O129" s="22" t="s">
        <v>268</v>
      </c>
      <c r="P129" s="16">
        <v>2</v>
      </c>
      <c r="Q129" s="22" t="s">
        <v>268</v>
      </c>
      <c r="R129" s="16">
        <v>2</v>
      </c>
      <c r="S129" s="16">
        <v>15</v>
      </c>
      <c r="T129" s="16">
        <v>8</v>
      </c>
      <c r="U129" s="16">
        <v>5</v>
      </c>
      <c r="V129" s="16">
        <v>8</v>
      </c>
      <c r="W129" s="16">
        <v>69</v>
      </c>
      <c r="X129" s="16">
        <v>19</v>
      </c>
      <c r="Y129" s="16">
        <v>27</v>
      </c>
      <c r="Z129" s="16">
        <v>293</v>
      </c>
      <c r="AA129" s="22" t="s">
        <v>268</v>
      </c>
      <c r="AB129" s="16">
        <v>12</v>
      </c>
      <c r="AC129" s="22" t="s">
        <v>268</v>
      </c>
      <c r="AD129" s="16">
        <v>293</v>
      </c>
    </row>
    <row r="130" spans="1:30">
      <c r="A130" s="21" t="s">
        <v>232</v>
      </c>
      <c r="B130" s="21" t="s">
        <v>237</v>
      </c>
      <c r="C130" s="21" t="s">
        <v>264</v>
      </c>
      <c r="D130" s="21" t="s">
        <v>215</v>
      </c>
      <c r="E130" s="21" t="s">
        <v>466</v>
      </c>
      <c r="F130" s="21" t="s">
        <v>419</v>
      </c>
      <c r="G130" s="16">
        <v>145</v>
      </c>
      <c r="H130" s="16">
        <v>51</v>
      </c>
      <c r="I130" s="16">
        <v>1</v>
      </c>
      <c r="J130" s="22" t="s">
        <v>268</v>
      </c>
      <c r="K130" s="22" t="s">
        <v>268</v>
      </c>
      <c r="L130" s="22" t="s">
        <v>268</v>
      </c>
      <c r="M130" s="16">
        <v>1</v>
      </c>
      <c r="N130" s="16">
        <v>50</v>
      </c>
      <c r="O130" s="22" t="s">
        <v>268</v>
      </c>
      <c r="P130" s="16">
        <v>1</v>
      </c>
      <c r="Q130" s="22" t="s">
        <v>268</v>
      </c>
      <c r="R130" s="22" t="s">
        <v>268</v>
      </c>
      <c r="S130" s="16">
        <v>6</v>
      </c>
      <c r="T130" s="16">
        <v>2</v>
      </c>
      <c r="U130" s="16">
        <v>1</v>
      </c>
      <c r="V130" s="16">
        <v>2</v>
      </c>
      <c r="W130" s="16">
        <v>28</v>
      </c>
      <c r="X130" s="16">
        <v>10</v>
      </c>
      <c r="Y130" s="16">
        <v>11</v>
      </c>
      <c r="Z130" s="16">
        <v>83</v>
      </c>
      <c r="AA130" s="22" t="s">
        <v>268</v>
      </c>
      <c r="AB130" s="16">
        <v>2</v>
      </c>
      <c r="AC130" s="22" t="s">
        <v>268</v>
      </c>
      <c r="AD130" s="16">
        <v>83</v>
      </c>
    </row>
    <row r="131" spans="1:30">
      <c r="A131" s="21" t="s">
        <v>232</v>
      </c>
      <c r="B131" s="21" t="s">
        <v>237</v>
      </c>
      <c r="C131" s="21" t="s">
        <v>264</v>
      </c>
      <c r="D131" s="21" t="s">
        <v>215</v>
      </c>
      <c r="E131" s="21" t="s">
        <v>466</v>
      </c>
      <c r="F131" s="21" t="s">
        <v>420</v>
      </c>
      <c r="G131" s="16">
        <v>37</v>
      </c>
      <c r="H131" s="16">
        <v>12</v>
      </c>
      <c r="I131" s="16">
        <v>2</v>
      </c>
      <c r="J131" s="22" t="s">
        <v>268</v>
      </c>
      <c r="K131" s="22" t="s">
        <v>268</v>
      </c>
      <c r="L131" s="16">
        <v>2</v>
      </c>
      <c r="M131" s="22" t="s">
        <v>268</v>
      </c>
      <c r="N131" s="16">
        <v>10</v>
      </c>
      <c r="O131" s="22" t="s">
        <v>268</v>
      </c>
      <c r="P131" s="16">
        <v>1</v>
      </c>
      <c r="Q131" s="22" t="s">
        <v>268</v>
      </c>
      <c r="R131" s="22" t="s">
        <v>268</v>
      </c>
      <c r="S131" s="22" t="s">
        <v>268</v>
      </c>
      <c r="T131" s="22" t="s">
        <v>268</v>
      </c>
      <c r="U131" s="22" t="s">
        <v>268</v>
      </c>
      <c r="V131" s="16">
        <v>1</v>
      </c>
      <c r="W131" s="16">
        <v>4</v>
      </c>
      <c r="X131" s="16">
        <v>4</v>
      </c>
      <c r="Y131" s="16">
        <v>1</v>
      </c>
      <c r="Z131" s="16">
        <v>24</v>
      </c>
      <c r="AA131" s="22" t="s">
        <v>268</v>
      </c>
      <c r="AB131" s="16">
        <v>1</v>
      </c>
      <c r="AC131" s="22" t="s">
        <v>268</v>
      </c>
      <c r="AD131" s="16">
        <v>24</v>
      </c>
    </row>
    <row r="132" spans="1:30">
      <c r="A132" s="21" t="s">
        <v>232</v>
      </c>
      <c r="B132" s="21" t="s">
        <v>237</v>
      </c>
      <c r="C132" s="21" t="s">
        <v>264</v>
      </c>
      <c r="D132" s="21" t="s">
        <v>215</v>
      </c>
      <c r="E132" s="21" t="s">
        <v>466</v>
      </c>
      <c r="F132" s="21" t="s">
        <v>421</v>
      </c>
      <c r="G132" s="16">
        <v>3</v>
      </c>
      <c r="H132" s="22" t="s">
        <v>268</v>
      </c>
      <c r="I132" s="22" t="s">
        <v>268</v>
      </c>
      <c r="J132" s="22" t="s">
        <v>268</v>
      </c>
      <c r="K132" s="22" t="s">
        <v>268</v>
      </c>
      <c r="L132" s="22" t="s">
        <v>268</v>
      </c>
      <c r="M132" s="22" t="s">
        <v>268</v>
      </c>
      <c r="N132" s="22" t="s">
        <v>268</v>
      </c>
      <c r="O132" s="22" t="s">
        <v>268</v>
      </c>
      <c r="P132" s="22" t="s">
        <v>268</v>
      </c>
      <c r="Q132" s="22" t="s">
        <v>268</v>
      </c>
      <c r="R132" s="22" t="s">
        <v>268</v>
      </c>
      <c r="S132" s="22" t="s">
        <v>268</v>
      </c>
      <c r="T132" s="22" t="s">
        <v>268</v>
      </c>
      <c r="U132" s="22" t="s">
        <v>268</v>
      </c>
      <c r="V132" s="22" t="s">
        <v>268</v>
      </c>
      <c r="W132" s="22" t="s">
        <v>268</v>
      </c>
      <c r="X132" s="22" t="s">
        <v>268</v>
      </c>
      <c r="Y132" s="22" t="s">
        <v>268</v>
      </c>
      <c r="Z132" s="16">
        <v>3</v>
      </c>
      <c r="AA132" s="22" t="s">
        <v>268</v>
      </c>
      <c r="AB132" s="22" t="s">
        <v>268</v>
      </c>
      <c r="AC132" s="22" t="s">
        <v>268</v>
      </c>
      <c r="AD132" s="16">
        <v>3</v>
      </c>
    </row>
    <row r="133" spans="1:30">
      <c r="A133" s="21" t="s">
        <v>232</v>
      </c>
      <c r="B133" s="21" t="s">
        <v>237</v>
      </c>
      <c r="C133" s="21" t="s">
        <v>264</v>
      </c>
      <c r="D133" s="21" t="s">
        <v>215</v>
      </c>
      <c r="E133" s="21" t="s">
        <v>466</v>
      </c>
      <c r="F133" s="21" t="s">
        <v>422</v>
      </c>
      <c r="G133" s="16">
        <v>2</v>
      </c>
      <c r="H133" s="16">
        <v>2</v>
      </c>
      <c r="I133" s="22" t="s">
        <v>268</v>
      </c>
      <c r="J133" s="22" t="s">
        <v>268</v>
      </c>
      <c r="K133" s="22" t="s">
        <v>268</v>
      </c>
      <c r="L133" s="22" t="s">
        <v>268</v>
      </c>
      <c r="M133" s="22" t="s">
        <v>268</v>
      </c>
      <c r="N133" s="16">
        <v>2</v>
      </c>
      <c r="O133" s="22" t="s">
        <v>268</v>
      </c>
      <c r="P133" s="16">
        <v>1</v>
      </c>
      <c r="Q133" s="22" t="s">
        <v>268</v>
      </c>
      <c r="R133" s="22" t="s">
        <v>268</v>
      </c>
      <c r="S133" s="22" t="s">
        <v>268</v>
      </c>
      <c r="T133" s="22" t="s">
        <v>268</v>
      </c>
      <c r="U133" s="22" t="s">
        <v>268</v>
      </c>
      <c r="V133" s="22" t="s">
        <v>268</v>
      </c>
      <c r="W133" s="16">
        <v>1</v>
      </c>
      <c r="X133" s="22" t="s">
        <v>268</v>
      </c>
      <c r="Y133" s="22" t="s">
        <v>268</v>
      </c>
      <c r="Z133" s="22" t="s">
        <v>268</v>
      </c>
      <c r="AA133" s="22" t="s">
        <v>268</v>
      </c>
      <c r="AB133" s="22" t="s">
        <v>268</v>
      </c>
      <c r="AC133" s="22" t="s">
        <v>268</v>
      </c>
      <c r="AD133" s="22" t="s">
        <v>268</v>
      </c>
    </row>
    <row r="134" spans="1:30">
      <c r="A134" s="21" t="s">
        <v>232</v>
      </c>
      <c r="B134" s="21" t="s">
        <v>237</v>
      </c>
      <c r="C134" s="21" t="s">
        <v>264</v>
      </c>
      <c r="D134" s="21" t="s">
        <v>215</v>
      </c>
      <c r="E134" s="21" t="s">
        <v>466</v>
      </c>
      <c r="F134" s="21" t="s">
        <v>423</v>
      </c>
      <c r="G134" s="22" t="s">
        <v>268</v>
      </c>
      <c r="H134" s="22" t="s">
        <v>268</v>
      </c>
      <c r="I134" s="22" t="s">
        <v>268</v>
      </c>
      <c r="J134" s="22" t="s">
        <v>268</v>
      </c>
      <c r="K134" s="22" t="s">
        <v>268</v>
      </c>
      <c r="L134" s="22" t="s">
        <v>268</v>
      </c>
      <c r="M134" s="22" t="s">
        <v>268</v>
      </c>
      <c r="N134" s="22" t="s">
        <v>268</v>
      </c>
      <c r="O134" s="22" t="s">
        <v>268</v>
      </c>
      <c r="P134" s="22" t="s">
        <v>268</v>
      </c>
      <c r="Q134" s="22" t="s">
        <v>268</v>
      </c>
      <c r="R134" s="22" t="s">
        <v>268</v>
      </c>
      <c r="S134" s="22" t="s">
        <v>268</v>
      </c>
      <c r="T134" s="22" t="s">
        <v>268</v>
      </c>
      <c r="U134" s="22" t="s">
        <v>268</v>
      </c>
      <c r="V134" s="22" t="s">
        <v>268</v>
      </c>
      <c r="W134" s="22" t="s">
        <v>268</v>
      </c>
      <c r="X134" s="22" t="s">
        <v>268</v>
      </c>
      <c r="Y134" s="22" t="s">
        <v>268</v>
      </c>
      <c r="Z134" s="22" t="s">
        <v>268</v>
      </c>
      <c r="AA134" s="22" t="s">
        <v>268</v>
      </c>
      <c r="AB134" s="22" t="s">
        <v>268</v>
      </c>
      <c r="AC134" s="22" t="s">
        <v>268</v>
      </c>
      <c r="AD134" s="22" t="s">
        <v>268</v>
      </c>
    </row>
    <row r="135" spans="1:30">
      <c r="A135" s="21" t="s">
        <v>232</v>
      </c>
      <c r="B135" s="21" t="s">
        <v>237</v>
      </c>
      <c r="C135" s="21" t="s">
        <v>264</v>
      </c>
      <c r="D135" s="21" t="s">
        <v>215</v>
      </c>
      <c r="E135" s="21" t="s">
        <v>466</v>
      </c>
      <c r="F135" s="21" t="s">
        <v>386</v>
      </c>
      <c r="G135" s="16">
        <v>116346</v>
      </c>
      <c r="H135" s="16">
        <v>115902</v>
      </c>
      <c r="I135" s="16">
        <v>96220</v>
      </c>
      <c r="J135" s="22" t="s">
        <v>268</v>
      </c>
      <c r="K135" s="16">
        <v>84791</v>
      </c>
      <c r="L135" s="16">
        <v>794</v>
      </c>
      <c r="M135" s="16">
        <v>10635</v>
      </c>
      <c r="N135" s="16">
        <v>19682</v>
      </c>
      <c r="O135" s="22" t="s">
        <v>268</v>
      </c>
      <c r="P135" s="22" t="s">
        <v>268</v>
      </c>
      <c r="Q135" s="16">
        <v>5633</v>
      </c>
      <c r="R135" s="16">
        <v>4715</v>
      </c>
      <c r="S135" s="16">
        <v>214</v>
      </c>
      <c r="T135" s="16">
        <v>2926</v>
      </c>
      <c r="U135" s="16">
        <v>472</v>
      </c>
      <c r="V135" s="16">
        <v>3675</v>
      </c>
      <c r="W135" s="16">
        <v>4</v>
      </c>
      <c r="X135" s="16">
        <v>2043</v>
      </c>
      <c r="Y135" s="16">
        <v>440</v>
      </c>
      <c r="Z135" s="16">
        <v>4</v>
      </c>
      <c r="AA135" s="22" t="s">
        <v>268</v>
      </c>
      <c r="AB135" s="16">
        <v>19179</v>
      </c>
      <c r="AC135" s="22" t="s">
        <v>268</v>
      </c>
      <c r="AD135" s="22" t="s">
        <v>268</v>
      </c>
    </row>
    <row r="136" spans="1:30">
      <c r="A136" s="21" t="s">
        <v>232</v>
      </c>
      <c r="B136" s="21" t="s">
        <v>237</v>
      </c>
      <c r="C136" s="21" t="s">
        <v>264</v>
      </c>
      <c r="D136" s="21" t="s">
        <v>215</v>
      </c>
      <c r="E136" s="21" t="s">
        <v>466</v>
      </c>
      <c r="F136" s="21" t="s">
        <v>387</v>
      </c>
      <c r="G136" s="16">
        <v>174244</v>
      </c>
      <c r="H136" s="16">
        <v>127530</v>
      </c>
      <c r="I136" s="16">
        <v>100526</v>
      </c>
      <c r="J136" s="22" t="s">
        <v>268</v>
      </c>
      <c r="K136" s="16">
        <v>66555</v>
      </c>
      <c r="L136" s="16">
        <v>5511</v>
      </c>
      <c r="M136" s="16">
        <v>28460</v>
      </c>
      <c r="N136" s="16">
        <v>27004</v>
      </c>
      <c r="O136" s="22" t="s">
        <v>268</v>
      </c>
      <c r="P136" s="16">
        <v>2</v>
      </c>
      <c r="Q136" s="16">
        <v>4086</v>
      </c>
      <c r="R136" s="16">
        <v>7881</v>
      </c>
      <c r="S136" s="16">
        <v>679</v>
      </c>
      <c r="T136" s="16">
        <v>3671</v>
      </c>
      <c r="U136" s="16">
        <v>435</v>
      </c>
      <c r="V136" s="16">
        <v>2076</v>
      </c>
      <c r="W136" s="16">
        <v>2546</v>
      </c>
      <c r="X136" s="16">
        <v>5628</v>
      </c>
      <c r="Y136" s="16">
        <v>3581</v>
      </c>
      <c r="Z136" s="16">
        <v>43133</v>
      </c>
      <c r="AA136" s="22" t="s">
        <v>268</v>
      </c>
      <c r="AB136" s="16">
        <v>21343</v>
      </c>
      <c r="AC136" s="22" t="s">
        <v>268</v>
      </c>
      <c r="AD136" s="22" t="s">
        <v>268</v>
      </c>
    </row>
    <row r="137" spans="1:30">
      <c r="A137" s="21" t="s">
        <v>232</v>
      </c>
      <c r="B137" s="21" t="s">
        <v>237</v>
      </c>
      <c r="C137" s="21" t="s">
        <v>264</v>
      </c>
      <c r="D137" s="21" t="s">
        <v>215</v>
      </c>
      <c r="E137" s="21" t="s">
        <v>466</v>
      </c>
      <c r="F137" s="21" t="s">
        <v>388</v>
      </c>
      <c r="G137" s="16">
        <v>11458</v>
      </c>
      <c r="H137" s="16">
        <v>3652</v>
      </c>
      <c r="I137" s="16">
        <v>1333</v>
      </c>
      <c r="J137" s="22" t="s">
        <v>268</v>
      </c>
      <c r="K137" s="16">
        <v>87</v>
      </c>
      <c r="L137" s="16">
        <v>137</v>
      </c>
      <c r="M137" s="16">
        <v>1109</v>
      </c>
      <c r="N137" s="16">
        <v>2319</v>
      </c>
      <c r="O137" s="22" t="s">
        <v>268</v>
      </c>
      <c r="P137" s="16">
        <v>5</v>
      </c>
      <c r="Q137" s="22" t="s">
        <v>268</v>
      </c>
      <c r="R137" s="16">
        <v>11</v>
      </c>
      <c r="S137" s="16">
        <v>192</v>
      </c>
      <c r="T137" s="16">
        <v>125</v>
      </c>
      <c r="U137" s="16">
        <v>41</v>
      </c>
      <c r="V137" s="16">
        <v>63</v>
      </c>
      <c r="W137" s="16">
        <v>1611</v>
      </c>
      <c r="X137" s="16">
        <v>271</v>
      </c>
      <c r="Y137" s="16">
        <v>352</v>
      </c>
      <c r="Z137" s="16">
        <v>7454</v>
      </c>
      <c r="AA137" s="22" t="s">
        <v>268</v>
      </c>
      <c r="AB137" s="16">
        <v>126</v>
      </c>
      <c r="AC137" s="22" t="s">
        <v>268</v>
      </c>
      <c r="AD137" s="16">
        <v>7454</v>
      </c>
    </row>
    <row r="138" spans="1:30">
      <c r="A138" s="21" t="s">
        <v>232</v>
      </c>
      <c r="B138" s="21" t="s">
        <v>237</v>
      </c>
      <c r="C138" s="21" t="s">
        <v>264</v>
      </c>
      <c r="D138" s="21" t="s">
        <v>215</v>
      </c>
      <c r="E138" s="21" t="s">
        <v>466</v>
      </c>
      <c r="F138" s="21" t="s">
        <v>389</v>
      </c>
      <c r="G138" s="16">
        <v>1744</v>
      </c>
      <c r="H138" s="16">
        <v>483</v>
      </c>
      <c r="I138" s="16">
        <v>24</v>
      </c>
      <c r="J138" s="22" t="s">
        <v>268</v>
      </c>
      <c r="K138" s="22" t="s">
        <v>268</v>
      </c>
      <c r="L138" s="16">
        <v>9</v>
      </c>
      <c r="M138" s="16">
        <v>15</v>
      </c>
      <c r="N138" s="16">
        <v>459</v>
      </c>
      <c r="O138" s="22" t="s">
        <v>268</v>
      </c>
      <c r="P138" s="16">
        <v>5</v>
      </c>
      <c r="Q138" s="22" t="s">
        <v>268</v>
      </c>
      <c r="R138" s="16">
        <v>3</v>
      </c>
      <c r="S138" s="16">
        <v>50</v>
      </c>
      <c r="T138" s="16">
        <v>24</v>
      </c>
      <c r="U138" s="16">
        <v>9</v>
      </c>
      <c r="V138" s="16">
        <v>14</v>
      </c>
      <c r="W138" s="16">
        <v>288</v>
      </c>
      <c r="X138" s="16">
        <v>66</v>
      </c>
      <c r="Y138" s="16">
        <v>91</v>
      </c>
      <c r="Z138" s="16">
        <v>1170</v>
      </c>
      <c r="AA138" s="22" t="s">
        <v>268</v>
      </c>
      <c r="AB138" s="16">
        <v>24</v>
      </c>
      <c r="AC138" s="22" t="s">
        <v>268</v>
      </c>
      <c r="AD138" s="16">
        <v>1170</v>
      </c>
    </row>
    <row r="139" spans="1:30">
      <c r="A139" s="21" t="s">
        <v>232</v>
      </c>
      <c r="B139" s="21" t="s">
        <v>237</v>
      </c>
      <c r="C139" s="21" t="s">
        <v>264</v>
      </c>
      <c r="D139" s="21" t="s">
        <v>215</v>
      </c>
      <c r="E139" s="21" t="s">
        <v>466</v>
      </c>
      <c r="F139" s="21" t="s">
        <v>390</v>
      </c>
      <c r="G139" s="16">
        <v>187</v>
      </c>
      <c r="H139" s="16">
        <v>65</v>
      </c>
      <c r="I139" s="16">
        <v>3</v>
      </c>
      <c r="J139" s="22" t="s">
        <v>268</v>
      </c>
      <c r="K139" s="22" t="s">
        <v>268</v>
      </c>
      <c r="L139" s="16">
        <v>2</v>
      </c>
      <c r="M139" s="16">
        <v>1</v>
      </c>
      <c r="N139" s="16">
        <v>62</v>
      </c>
      <c r="O139" s="22" t="s">
        <v>268</v>
      </c>
      <c r="P139" s="16">
        <v>3</v>
      </c>
      <c r="Q139" s="22" t="s">
        <v>268</v>
      </c>
      <c r="R139" s="22" t="s">
        <v>268</v>
      </c>
      <c r="S139" s="16">
        <v>6</v>
      </c>
      <c r="T139" s="16">
        <v>2</v>
      </c>
      <c r="U139" s="16">
        <v>1</v>
      </c>
      <c r="V139" s="16">
        <v>3</v>
      </c>
      <c r="W139" s="16">
        <v>33</v>
      </c>
      <c r="X139" s="16">
        <v>14</v>
      </c>
      <c r="Y139" s="16">
        <v>12</v>
      </c>
      <c r="Z139" s="16">
        <v>110</v>
      </c>
      <c r="AA139" s="22" t="s">
        <v>268</v>
      </c>
      <c r="AB139" s="16">
        <v>3</v>
      </c>
      <c r="AC139" s="22" t="s">
        <v>268</v>
      </c>
      <c r="AD139" s="16">
        <v>110</v>
      </c>
    </row>
    <row r="140" spans="1:30">
      <c r="A140" s="21" t="s">
        <v>232</v>
      </c>
      <c r="B140" s="21" t="s">
        <v>237</v>
      </c>
      <c r="C140" s="21" t="s">
        <v>264</v>
      </c>
      <c r="D140" s="21" t="s">
        <v>215</v>
      </c>
      <c r="E140" s="21" t="s">
        <v>466</v>
      </c>
      <c r="F140" s="21" t="s">
        <v>391</v>
      </c>
      <c r="G140" s="16">
        <v>142757</v>
      </c>
      <c r="H140" s="16">
        <v>94297</v>
      </c>
      <c r="I140" s="16">
        <v>73698</v>
      </c>
      <c r="J140" s="22" t="s">
        <v>268</v>
      </c>
      <c r="K140" s="16">
        <v>45141</v>
      </c>
      <c r="L140" s="16">
        <v>4937</v>
      </c>
      <c r="M140" s="16">
        <v>23620</v>
      </c>
      <c r="N140" s="16">
        <v>20599</v>
      </c>
      <c r="O140" s="22" t="s">
        <v>268</v>
      </c>
      <c r="P140" s="16">
        <v>2</v>
      </c>
      <c r="Q140" s="16">
        <v>2160</v>
      </c>
      <c r="R140" s="16">
        <v>5686</v>
      </c>
      <c r="S140" s="16">
        <v>575</v>
      </c>
      <c r="T140" s="16">
        <v>2515</v>
      </c>
      <c r="U140" s="16">
        <v>404</v>
      </c>
      <c r="V140" s="16">
        <v>1467</v>
      </c>
      <c r="W140" s="16">
        <v>3270</v>
      </c>
      <c r="X140" s="16">
        <v>4520</v>
      </c>
      <c r="Y140" s="16">
        <v>3544</v>
      </c>
      <c r="Z140" s="16">
        <v>44916</v>
      </c>
      <c r="AA140" s="22" t="s">
        <v>268</v>
      </c>
      <c r="AB140" s="16">
        <v>14380</v>
      </c>
      <c r="AC140" s="22" t="s">
        <v>268</v>
      </c>
      <c r="AD140" s="16">
        <v>3856</v>
      </c>
    </row>
    <row r="141" spans="1:30">
      <c r="A141" s="21" t="s">
        <v>232</v>
      </c>
      <c r="B141" s="21" t="s">
        <v>237</v>
      </c>
      <c r="C141" s="21" t="s">
        <v>264</v>
      </c>
      <c r="D141" s="21" t="s">
        <v>216</v>
      </c>
      <c r="E141" s="21" t="s">
        <v>466</v>
      </c>
      <c r="F141" s="21" t="s">
        <v>401</v>
      </c>
      <c r="G141" s="16">
        <v>274749</v>
      </c>
      <c r="H141" s="16">
        <v>228200</v>
      </c>
      <c r="I141" s="16">
        <v>180636</v>
      </c>
      <c r="J141" s="22" t="s">
        <v>268</v>
      </c>
      <c r="K141" s="16">
        <v>139997</v>
      </c>
      <c r="L141" s="16">
        <v>4583</v>
      </c>
      <c r="M141" s="16">
        <v>36056</v>
      </c>
      <c r="N141" s="16">
        <v>47564</v>
      </c>
      <c r="O141" s="22" t="s">
        <v>268</v>
      </c>
      <c r="P141" s="16">
        <v>31</v>
      </c>
      <c r="Q141" s="16">
        <v>9506</v>
      </c>
      <c r="R141" s="16">
        <v>11405</v>
      </c>
      <c r="S141" s="16">
        <v>1105</v>
      </c>
      <c r="T141" s="16">
        <v>6589</v>
      </c>
      <c r="U141" s="16">
        <v>955</v>
      </c>
      <c r="V141" s="16">
        <v>5862</v>
      </c>
      <c r="W141" s="16">
        <v>4687</v>
      </c>
      <c r="X141" s="16">
        <v>7424</v>
      </c>
      <c r="Y141" s="16">
        <v>4244</v>
      </c>
      <c r="Z141" s="16">
        <v>42305</v>
      </c>
      <c r="AA141" s="22" t="s">
        <v>268</v>
      </c>
      <c r="AB141" s="16">
        <v>38695</v>
      </c>
      <c r="AC141" s="22" t="s">
        <v>268</v>
      </c>
      <c r="AD141" s="16">
        <v>7726</v>
      </c>
    </row>
    <row r="142" spans="1:30">
      <c r="A142" s="21" t="s">
        <v>232</v>
      </c>
      <c r="B142" s="21" t="s">
        <v>237</v>
      </c>
      <c r="C142" s="21" t="s">
        <v>264</v>
      </c>
      <c r="D142" s="21" t="s">
        <v>216</v>
      </c>
      <c r="E142" s="21" t="s">
        <v>466</v>
      </c>
      <c r="F142" s="21" t="s">
        <v>405</v>
      </c>
      <c r="G142" s="16">
        <v>36716</v>
      </c>
      <c r="H142" s="16">
        <v>34882</v>
      </c>
      <c r="I142" s="16">
        <v>27439</v>
      </c>
      <c r="J142" s="22" t="s">
        <v>268</v>
      </c>
      <c r="K142" s="16">
        <v>20930</v>
      </c>
      <c r="L142" s="16">
        <v>555</v>
      </c>
      <c r="M142" s="16">
        <v>5954</v>
      </c>
      <c r="N142" s="16">
        <v>7443</v>
      </c>
      <c r="O142" s="22" t="s">
        <v>268</v>
      </c>
      <c r="P142" s="22" t="s">
        <v>268</v>
      </c>
      <c r="Q142" s="16">
        <v>2083</v>
      </c>
      <c r="R142" s="16">
        <v>2130</v>
      </c>
      <c r="S142" s="16">
        <v>137</v>
      </c>
      <c r="T142" s="16">
        <v>1115</v>
      </c>
      <c r="U142" s="16">
        <v>61</v>
      </c>
      <c r="V142" s="16">
        <v>635</v>
      </c>
      <c r="W142" s="16">
        <v>146</v>
      </c>
      <c r="X142" s="16">
        <v>1136</v>
      </c>
      <c r="Y142" s="16">
        <v>168</v>
      </c>
      <c r="Z142" s="16">
        <v>1666</v>
      </c>
      <c r="AA142" s="22" t="s">
        <v>268</v>
      </c>
      <c r="AB142" s="16">
        <v>6923</v>
      </c>
      <c r="AC142" s="22" t="s">
        <v>268</v>
      </c>
      <c r="AD142" s="22" t="s">
        <v>268</v>
      </c>
    </row>
    <row r="143" spans="1:30">
      <c r="A143" s="21" t="s">
        <v>232</v>
      </c>
      <c r="B143" s="21" t="s">
        <v>237</v>
      </c>
      <c r="C143" s="21" t="s">
        <v>264</v>
      </c>
      <c r="D143" s="21" t="s">
        <v>216</v>
      </c>
      <c r="E143" s="21" t="s">
        <v>466</v>
      </c>
      <c r="F143" s="21" t="s">
        <v>406</v>
      </c>
      <c r="G143" s="16">
        <v>30426</v>
      </c>
      <c r="H143" s="16">
        <v>21562</v>
      </c>
      <c r="I143" s="16">
        <v>15968</v>
      </c>
      <c r="J143" s="22" t="s">
        <v>268</v>
      </c>
      <c r="K143" s="16">
        <v>11715</v>
      </c>
      <c r="L143" s="16">
        <v>491</v>
      </c>
      <c r="M143" s="16">
        <v>3762</v>
      </c>
      <c r="N143" s="16">
        <v>5594</v>
      </c>
      <c r="O143" s="22" t="s">
        <v>268</v>
      </c>
      <c r="P143" s="22" t="s">
        <v>268</v>
      </c>
      <c r="Q143" s="16">
        <v>1084</v>
      </c>
      <c r="R143" s="16">
        <v>1806</v>
      </c>
      <c r="S143" s="16">
        <v>144</v>
      </c>
      <c r="T143" s="16">
        <v>669</v>
      </c>
      <c r="U143" s="16">
        <v>50</v>
      </c>
      <c r="V143" s="16">
        <v>359</v>
      </c>
      <c r="W143" s="16">
        <v>411</v>
      </c>
      <c r="X143" s="16">
        <v>1071</v>
      </c>
      <c r="Y143" s="16">
        <v>805</v>
      </c>
      <c r="Z143" s="16">
        <v>8059</v>
      </c>
      <c r="AA143" s="22" t="s">
        <v>268</v>
      </c>
      <c r="AB143" s="16">
        <v>4780</v>
      </c>
      <c r="AC143" s="22" t="s">
        <v>268</v>
      </c>
      <c r="AD143" s="22" t="s">
        <v>268</v>
      </c>
    </row>
    <row r="144" spans="1:30">
      <c r="A144" s="21" t="s">
        <v>232</v>
      </c>
      <c r="B144" s="21" t="s">
        <v>237</v>
      </c>
      <c r="C144" s="21" t="s">
        <v>264</v>
      </c>
      <c r="D144" s="21" t="s">
        <v>216</v>
      </c>
      <c r="E144" s="21" t="s">
        <v>466</v>
      </c>
      <c r="F144" s="21" t="s">
        <v>407</v>
      </c>
      <c r="G144" s="16">
        <v>20527</v>
      </c>
      <c r="H144" s="16">
        <v>13403</v>
      </c>
      <c r="I144" s="16">
        <v>9733</v>
      </c>
      <c r="J144" s="22" t="s">
        <v>268</v>
      </c>
      <c r="K144" s="16">
        <v>7066</v>
      </c>
      <c r="L144" s="16">
        <v>372</v>
      </c>
      <c r="M144" s="16">
        <v>2295</v>
      </c>
      <c r="N144" s="16">
        <v>3670</v>
      </c>
      <c r="O144" s="22" t="s">
        <v>268</v>
      </c>
      <c r="P144" s="22" t="s">
        <v>268</v>
      </c>
      <c r="Q144" s="16">
        <v>518</v>
      </c>
      <c r="R144" s="16">
        <v>1334</v>
      </c>
      <c r="S144" s="16">
        <v>58</v>
      </c>
      <c r="T144" s="16">
        <v>443</v>
      </c>
      <c r="U144" s="16">
        <v>33</v>
      </c>
      <c r="V144" s="16">
        <v>247</v>
      </c>
      <c r="W144" s="16">
        <v>299</v>
      </c>
      <c r="X144" s="16">
        <v>738</v>
      </c>
      <c r="Y144" s="16">
        <v>899</v>
      </c>
      <c r="Z144" s="16">
        <v>6225</v>
      </c>
      <c r="AA144" s="22" t="s">
        <v>268</v>
      </c>
      <c r="AB144" s="16">
        <v>3114</v>
      </c>
      <c r="AC144" s="22" t="s">
        <v>268</v>
      </c>
      <c r="AD144" s="22" t="s">
        <v>268</v>
      </c>
    </row>
    <row r="145" spans="1:30">
      <c r="A145" s="21" t="s">
        <v>232</v>
      </c>
      <c r="B145" s="21" t="s">
        <v>237</v>
      </c>
      <c r="C145" s="21" t="s">
        <v>264</v>
      </c>
      <c r="D145" s="21" t="s">
        <v>216</v>
      </c>
      <c r="E145" s="21" t="s">
        <v>466</v>
      </c>
      <c r="F145" s="21" t="s">
        <v>408</v>
      </c>
      <c r="G145" s="16">
        <v>13423</v>
      </c>
      <c r="H145" s="16">
        <v>9325</v>
      </c>
      <c r="I145" s="16">
        <v>7055</v>
      </c>
      <c r="J145" s="22" t="s">
        <v>268</v>
      </c>
      <c r="K145" s="16">
        <v>5019</v>
      </c>
      <c r="L145" s="16">
        <v>322</v>
      </c>
      <c r="M145" s="16">
        <v>1714</v>
      </c>
      <c r="N145" s="16">
        <v>2270</v>
      </c>
      <c r="O145" s="22" t="s">
        <v>268</v>
      </c>
      <c r="P145" s="22" t="s">
        <v>268</v>
      </c>
      <c r="Q145" s="16">
        <v>206</v>
      </c>
      <c r="R145" s="16">
        <v>816</v>
      </c>
      <c r="S145" s="16">
        <v>29</v>
      </c>
      <c r="T145" s="16">
        <v>312</v>
      </c>
      <c r="U145" s="16">
        <v>35</v>
      </c>
      <c r="V145" s="16">
        <v>208</v>
      </c>
      <c r="W145" s="16">
        <v>176</v>
      </c>
      <c r="X145" s="16">
        <v>488</v>
      </c>
      <c r="Y145" s="16">
        <v>403</v>
      </c>
      <c r="Z145" s="16">
        <v>3695</v>
      </c>
      <c r="AA145" s="22" t="s">
        <v>268</v>
      </c>
      <c r="AB145" s="16">
        <v>1869</v>
      </c>
      <c r="AC145" s="22" t="s">
        <v>268</v>
      </c>
      <c r="AD145" s="22" t="s">
        <v>268</v>
      </c>
    </row>
    <row r="146" spans="1:30">
      <c r="A146" s="21" t="s">
        <v>232</v>
      </c>
      <c r="B146" s="21" t="s">
        <v>237</v>
      </c>
      <c r="C146" s="21" t="s">
        <v>264</v>
      </c>
      <c r="D146" s="21" t="s">
        <v>216</v>
      </c>
      <c r="E146" s="21" t="s">
        <v>466</v>
      </c>
      <c r="F146" s="21" t="s">
        <v>409</v>
      </c>
      <c r="G146" s="16">
        <v>10957</v>
      </c>
      <c r="H146" s="16">
        <v>7893</v>
      </c>
      <c r="I146" s="16">
        <v>6239</v>
      </c>
      <c r="J146" s="22" t="s">
        <v>268</v>
      </c>
      <c r="K146" s="16">
        <v>4209</v>
      </c>
      <c r="L146" s="16">
        <v>332</v>
      </c>
      <c r="M146" s="16">
        <v>1698</v>
      </c>
      <c r="N146" s="16">
        <v>1654</v>
      </c>
      <c r="O146" s="22" t="s">
        <v>268</v>
      </c>
      <c r="P146" s="22" t="s">
        <v>268</v>
      </c>
      <c r="Q146" s="16">
        <v>59</v>
      </c>
      <c r="R146" s="16">
        <v>496</v>
      </c>
      <c r="S146" s="16">
        <v>16</v>
      </c>
      <c r="T146" s="16">
        <v>281</v>
      </c>
      <c r="U146" s="16">
        <v>29</v>
      </c>
      <c r="V146" s="16">
        <v>214</v>
      </c>
      <c r="W146" s="16">
        <v>175</v>
      </c>
      <c r="X146" s="16">
        <v>384</v>
      </c>
      <c r="Y146" s="16">
        <v>272</v>
      </c>
      <c r="Z146" s="16">
        <v>2792</v>
      </c>
      <c r="AA146" s="22" t="s">
        <v>268</v>
      </c>
      <c r="AB146" s="16">
        <v>1277</v>
      </c>
      <c r="AC146" s="22" t="s">
        <v>268</v>
      </c>
      <c r="AD146" s="22" t="s">
        <v>268</v>
      </c>
    </row>
    <row r="147" spans="1:30">
      <c r="A147" s="21" t="s">
        <v>232</v>
      </c>
      <c r="B147" s="21" t="s">
        <v>237</v>
      </c>
      <c r="C147" s="21" t="s">
        <v>264</v>
      </c>
      <c r="D147" s="21" t="s">
        <v>216</v>
      </c>
      <c r="E147" s="21" t="s">
        <v>466</v>
      </c>
      <c r="F147" s="21" t="s">
        <v>410</v>
      </c>
      <c r="G147" s="16">
        <v>10022</v>
      </c>
      <c r="H147" s="16">
        <v>7176</v>
      </c>
      <c r="I147" s="16">
        <v>5987</v>
      </c>
      <c r="J147" s="22" t="s">
        <v>268</v>
      </c>
      <c r="K147" s="16">
        <v>3676</v>
      </c>
      <c r="L147" s="16">
        <v>363</v>
      </c>
      <c r="M147" s="16">
        <v>1948</v>
      </c>
      <c r="N147" s="16">
        <v>1189</v>
      </c>
      <c r="O147" s="22" t="s">
        <v>268</v>
      </c>
      <c r="P147" s="22" t="s">
        <v>268</v>
      </c>
      <c r="Q147" s="16">
        <v>14</v>
      </c>
      <c r="R147" s="16">
        <v>163</v>
      </c>
      <c r="S147" s="16">
        <v>17</v>
      </c>
      <c r="T147" s="16">
        <v>259</v>
      </c>
      <c r="U147" s="16">
        <v>26</v>
      </c>
      <c r="V147" s="16">
        <v>190</v>
      </c>
      <c r="W147" s="16">
        <v>178</v>
      </c>
      <c r="X147" s="16">
        <v>342</v>
      </c>
      <c r="Y147" s="16">
        <v>224</v>
      </c>
      <c r="Z147" s="16">
        <v>2622</v>
      </c>
      <c r="AA147" s="22" t="s">
        <v>268</v>
      </c>
      <c r="AB147" s="16">
        <v>806</v>
      </c>
      <c r="AC147" s="22" t="s">
        <v>268</v>
      </c>
      <c r="AD147" s="22" t="s">
        <v>268</v>
      </c>
    </row>
    <row r="148" spans="1:30">
      <c r="A148" s="21" t="s">
        <v>232</v>
      </c>
      <c r="B148" s="21" t="s">
        <v>237</v>
      </c>
      <c r="C148" s="21" t="s">
        <v>264</v>
      </c>
      <c r="D148" s="21" t="s">
        <v>216</v>
      </c>
      <c r="E148" s="21" t="s">
        <v>466</v>
      </c>
      <c r="F148" s="21" t="s">
        <v>411</v>
      </c>
      <c r="G148" s="16">
        <v>9861</v>
      </c>
      <c r="H148" s="16">
        <v>6801</v>
      </c>
      <c r="I148" s="16">
        <v>5894</v>
      </c>
      <c r="J148" s="22" t="s">
        <v>268</v>
      </c>
      <c r="K148" s="16">
        <v>3214</v>
      </c>
      <c r="L148" s="16">
        <v>431</v>
      </c>
      <c r="M148" s="16">
        <v>2249</v>
      </c>
      <c r="N148" s="16">
        <v>907</v>
      </c>
      <c r="O148" s="22" t="s">
        <v>268</v>
      </c>
      <c r="P148" s="16">
        <v>2</v>
      </c>
      <c r="Q148" s="16">
        <v>2</v>
      </c>
      <c r="R148" s="16">
        <v>76</v>
      </c>
      <c r="S148" s="16">
        <v>9</v>
      </c>
      <c r="T148" s="16">
        <v>198</v>
      </c>
      <c r="U148" s="16">
        <v>41</v>
      </c>
      <c r="V148" s="16">
        <v>160</v>
      </c>
      <c r="W148" s="16">
        <v>214</v>
      </c>
      <c r="X148" s="16">
        <v>205</v>
      </c>
      <c r="Y148" s="16">
        <v>264</v>
      </c>
      <c r="Z148" s="16">
        <v>2796</v>
      </c>
      <c r="AA148" s="22" t="s">
        <v>268</v>
      </c>
      <c r="AB148" s="16">
        <v>506</v>
      </c>
      <c r="AC148" s="22" t="s">
        <v>268</v>
      </c>
      <c r="AD148" s="22" t="s">
        <v>268</v>
      </c>
    </row>
    <row r="149" spans="1:30">
      <c r="A149" s="21" t="s">
        <v>232</v>
      </c>
      <c r="B149" s="21" t="s">
        <v>237</v>
      </c>
      <c r="C149" s="21" t="s">
        <v>264</v>
      </c>
      <c r="D149" s="21" t="s">
        <v>216</v>
      </c>
      <c r="E149" s="21" t="s">
        <v>466</v>
      </c>
      <c r="F149" s="21" t="s">
        <v>412</v>
      </c>
      <c r="G149" s="16">
        <v>8072</v>
      </c>
      <c r="H149" s="16">
        <v>5413</v>
      </c>
      <c r="I149" s="16">
        <v>4563</v>
      </c>
      <c r="J149" s="22" t="s">
        <v>268</v>
      </c>
      <c r="K149" s="16">
        <v>1977</v>
      </c>
      <c r="L149" s="16">
        <v>419</v>
      </c>
      <c r="M149" s="16">
        <v>2167</v>
      </c>
      <c r="N149" s="16">
        <v>850</v>
      </c>
      <c r="O149" s="22" t="s">
        <v>268</v>
      </c>
      <c r="P149" s="22" t="s">
        <v>268</v>
      </c>
      <c r="Q149" s="22" t="s">
        <v>268</v>
      </c>
      <c r="R149" s="16">
        <v>10</v>
      </c>
      <c r="S149" s="16">
        <v>21</v>
      </c>
      <c r="T149" s="16">
        <v>131</v>
      </c>
      <c r="U149" s="16">
        <v>54</v>
      </c>
      <c r="V149" s="16">
        <v>130</v>
      </c>
      <c r="W149" s="16">
        <v>300</v>
      </c>
      <c r="X149" s="16">
        <v>204</v>
      </c>
      <c r="Y149" s="16">
        <v>232</v>
      </c>
      <c r="Z149" s="16">
        <v>2427</v>
      </c>
      <c r="AA149" s="22" t="s">
        <v>268</v>
      </c>
      <c r="AB149" s="16">
        <v>362</v>
      </c>
      <c r="AC149" s="22" t="s">
        <v>268</v>
      </c>
      <c r="AD149" s="22" t="s">
        <v>268</v>
      </c>
    </row>
    <row r="150" spans="1:30">
      <c r="A150" s="21" t="s">
        <v>232</v>
      </c>
      <c r="B150" s="21" t="s">
        <v>237</v>
      </c>
      <c r="C150" s="21" t="s">
        <v>264</v>
      </c>
      <c r="D150" s="21" t="s">
        <v>216</v>
      </c>
      <c r="E150" s="21" t="s">
        <v>466</v>
      </c>
      <c r="F150" s="21" t="s">
        <v>413</v>
      </c>
      <c r="G150" s="16">
        <v>6304</v>
      </c>
      <c r="H150" s="16">
        <v>3982</v>
      </c>
      <c r="I150" s="16">
        <v>3136</v>
      </c>
      <c r="J150" s="22" t="s">
        <v>268</v>
      </c>
      <c r="K150" s="16">
        <v>918</v>
      </c>
      <c r="L150" s="16">
        <v>320</v>
      </c>
      <c r="M150" s="16">
        <v>1898</v>
      </c>
      <c r="N150" s="16">
        <v>846</v>
      </c>
      <c r="O150" s="22" t="s">
        <v>268</v>
      </c>
      <c r="P150" s="16">
        <v>1</v>
      </c>
      <c r="Q150" s="22" t="s">
        <v>268</v>
      </c>
      <c r="R150" s="16">
        <v>3</v>
      </c>
      <c r="S150" s="16">
        <v>31</v>
      </c>
      <c r="T150" s="16">
        <v>77</v>
      </c>
      <c r="U150" s="16">
        <v>79</v>
      </c>
      <c r="V150" s="16">
        <v>95</v>
      </c>
      <c r="W150" s="16">
        <v>375</v>
      </c>
      <c r="X150" s="16">
        <v>185</v>
      </c>
      <c r="Y150" s="16">
        <v>157</v>
      </c>
      <c r="Z150" s="16">
        <v>2165</v>
      </c>
      <c r="AA150" s="22" t="s">
        <v>268</v>
      </c>
      <c r="AB150" s="16">
        <v>239</v>
      </c>
      <c r="AC150" s="22" t="s">
        <v>268</v>
      </c>
      <c r="AD150" s="22" t="s">
        <v>268</v>
      </c>
    </row>
    <row r="151" spans="1:30">
      <c r="A151" s="21" t="s">
        <v>232</v>
      </c>
      <c r="B151" s="21" t="s">
        <v>237</v>
      </c>
      <c r="C151" s="21" t="s">
        <v>264</v>
      </c>
      <c r="D151" s="21" t="s">
        <v>216</v>
      </c>
      <c r="E151" s="21" t="s">
        <v>466</v>
      </c>
      <c r="F151" s="21" t="s">
        <v>414</v>
      </c>
      <c r="G151" s="16">
        <v>4678</v>
      </c>
      <c r="H151" s="16">
        <v>2436</v>
      </c>
      <c r="I151" s="16">
        <v>1576</v>
      </c>
      <c r="J151" s="22" t="s">
        <v>268</v>
      </c>
      <c r="K151" s="16">
        <v>228</v>
      </c>
      <c r="L151" s="16">
        <v>164</v>
      </c>
      <c r="M151" s="16">
        <v>1184</v>
      </c>
      <c r="N151" s="16">
        <v>860</v>
      </c>
      <c r="O151" s="22" t="s">
        <v>268</v>
      </c>
      <c r="P151" s="22" t="s">
        <v>268</v>
      </c>
      <c r="Q151" s="22" t="s">
        <v>268</v>
      </c>
      <c r="R151" s="16">
        <v>10</v>
      </c>
      <c r="S151" s="16">
        <v>64</v>
      </c>
      <c r="T151" s="16">
        <v>64</v>
      </c>
      <c r="U151" s="16">
        <v>54</v>
      </c>
      <c r="V151" s="16">
        <v>73</v>
      </c>
      <c r="W151" s="16">
        <v>457</v>
      </c>
      <c r="X151" s="16">
        <v>138</v>
      </c>
      <c r="Y151" s="16">
        <v>110</v>
      </c>
      <c r="Z151" s="16">
        <v>2132</v>
      </c>
      <c r="AA151" s="22" t="s">
        <v>268</v>
      </c>
      <c r="AB151" s="16">
        <v>140</v>
      </c>
      <c r="AC151" s="22" t="s">
        <v>268</v>
      </c>
      <c r="AD151" s="22" t="s">
        <v>268</v>
      </c>
    </row>
    <row r="152" spans="1:30">
      <c r="A152" s="21" t="s">
        <v>232</v>
      </c>
      <c r="B152" s="21" t="s">
        <v>237</v>
      </c>
      <c r="C152" s="21" t="s">
        <v>264</v>
      </c>
      <c r="D152" s="21" t="s">
        <v>216</v>
      </c>
      <c r="E152" s="21" t="s">
        <v>466</v>
      </c>
      <c r="F152" s="21" t="s">
        <v>415</v>
      </c>
      <c r="G152" s="16">
        <v>4005</v>
      </c>
      <c r="H152" s="16">
        <v>1686</v>
      </c>
      <c r="I152" s="16">
        <v>684</v>
      </c>
      <c r="J152" s="22" t="s">
        <v>268</v>
      </c>
      <c r="K152" s="16">
        <v>42</v>
      </c>
      <c r="L152" s="16">
        <v>64</v>
      </c>
      <c r="M152" s="16">
        <v>578</v>
      </c>
      <c r="N152" s="16">
        <v>1002</v>
      </c>
      <c r="O152" s="22" t="s">
        <v>268</v>
      </c>
      <c r="P152" s="16">
        <v>2</v>
      </c>
      <c r="Q152" s="22" t="s">
        <v>268</v>
      </c>
      <c r="R152" s="16">
        <v>10</v>
      </c>
      <c r="S152" s="16">
        <v>101</v>
      </c>
      <c r="T152" s="16">
        <v>64</v>
      </c>
      <c r="U152" s="16">
        <v>32</v>
      </c>
      <c r="V152" s="16">
        <v>46</v>
      </c>
      <c r="W152" s="16">
        <v>611</v>
      </c>
      <c r="X152" s="16">
        <v>136</v>
      </c>
      <c r="Y152" s="16">
        <v>101</v>
      </c>
      <c r="Z152" s="16">
        <v>2218</v>
      </c>
      <c r="AA152" s="22" t="s">
        <v>268</v>
      </c>
      <c r="AB152" s="16">
        <v>90</v>
      </c>
      <c r="AC152" s="22" t="s">
        <v>268</v>
      </c>
      <c r="AD152" s="16">
        <v>2218</v>
      </c>
    </row>
    <row r="153" spans="1:30">
      <c r="A153" s="21" t="s">
        <v>232</v>
      </c>
      <c r="B153" s="21" t="s">
        <v>237</v>
      </c>
      <c r="C153" s="21" t="s">
        <v>264</v>
      </c>
      <c r="D153" s="21" t="s">
        <v>216</v>
      </c>
      <c r="E153" s="21" t="s">
        <v>466</v>
      </c>
      <c r="F153" s="21" t="s">
        <v>416</v>
      </c>
      <c r="G153" s="16">
        <v>3507</v>
      </c>
      <c r="H153" s="16">
        <v>1170</v>
      </c>
      <c r="I153" s="16">
        <v>275</v>
      </c>
      <c r="J153" s="22" t="s">
        <v>268</v>
      </c>
      <c r="K153" s="16">
        <v>5</v>
      </c>
      <c r="L153" s="16">
        <v>12</v>
      </c>
      <c r="M153" s="16">
        <v>258</v>
      </c>
      <c r="N153" s="16">
        <v>895</v>
      </c>
      <c r="O153" s="22" t="s">
        <v>268</v>
      </c>
      <c r="P153" s="16">
        <v>1</v>
      </c>
      <c r="Q153" s="22" t="s">
        <v>268</v>
      </c>
      <c r="R153" s="16">
        <v>10</v>
      </c>
      <c r="S153" s="16">
        <v>99</v>
      </c>
      <c r="T153" s="16">
        <v>66</v>
      </c>
      <c r="U153" s="16">
        <v>22</v>
      </c>
      <c r="V153" s="16">
        <v>29</v>
      </c>
      <c r="W153" s="16">
        <v>555</v>
      </c>
      <c r="X153" s="16">
        <v>113</v>
      </c>
      <c r="Y153" s="16">
        <v>87</v>
      </c>
      <c r="Z153" s="16">
        <v>2250</v>
      </c>
      <c r="AA153" s="22" t="s">
        <v>268</v>
      </c>
      <c r="AB153" s="16">
        <v>71</v>
      </c>
      <c r="AC153" s="22" t="s">
        <v>268</v>
      </c>
      <c r="AD153" s="16">
        <v>2250</v>
      </c>
    </row>
    <row r="154" spans="1:30">
      <c r="A154" s="21" t="s">
        <v>232</v>
      </c>
      <c r="B154" s="21" t="s">
        <v>237</v>
      </c>
      <c r="C154" s="21" t="s">
        <v>264</v>
      </c>
      <c r="D154" s="21" t="s">
        <v>216</v>
      </c>
      <c r="E154" s="21" t="s">
        <v>466</v>
      </c>
      <c r="F154" s="21" t="s">
        <v>417</v>
      </c>
      <c r="G154" s="16">
        <v>2128</v>
      </c>
      <c r="H154" s="16">
        <v>656</v>
      </c>
      <c r="I154" s="16">
        <v>62</v>
      </c>
      <c r="J154" s="22" t="s">
        <v>268</v>
      </c>
      <c r="K154" s="16">
        <v>1</v>
      </c>
      <c r="L154" s="16">
        <v>1</v>
      </c>
      <c r="M154" s="16">
        <v>60</v>
      </c>
      <c r="N154" s="16">
        <v>594</v>
      </c>
      <c r="O154" s="22" t="s">
        <v>268</v>
      </c>
      <c r="P154" s="16">
        <v>7</v>
      </c>
      <c r="Q154" s="22" t="s">
        <v>268</v>
      </c>
      <c r="R154" s="16">
        <v>7</v>
      </c>
      <c r="S154" s="16">
        <v>75</v>
      </c>
      <c r="T154" s="16">
        <v>41</v>
      </c>
      <c r="U154" s="16">
        <v>8</v>
      </c>
      <c r="V154" s="16">
        <v>12</v>
      </c>
      <c r="W154" s="16">
        <v>359</v>
      </c>
      <c r="X154" s="16">
        <v>85</v>
      </c>
      <c r="Y154" s="16">
        <v>55</v>
      </c>
      <c r="Z154" s="16">
        <v>1417</v>
      </c>
      <c r="AA154" s="22" t="s">
        <v>268</v>
      </c>
      <c r="AB154" s="16">
        <v>28</v>
      </c>
      <c r="AC154" s="22" t="s">
        <v>268</v>
      </c>
      <c r="AD154" s="16">
        <v>1417</v>
      </c>
    </row>
    <row r="155" spans="1:30">
      <c r="A155" s="21" t="s">
        <v>232</v>
      </c>
      <c r="B155" s="21" t="s">
        <v>237</v>
      </c>
      <c r="C155" s="21" t="s">
        <v>264</v>
      </c>
      <c r="D155" s="21" t="s">
        <v>216</v>
      </c>
      <c r="E155" s="21" t="s">
        <v>466</v>
      </c>
      <c r="F155" s="21" t="s">
        <v>418</v>
      </c>
      <c r="G155" s="16">
        <v>1460</v>
      </c>
      <c r="H155" s="16">
        <v>479</v>
      </c>
      <c r="I155" s="16">
        <v>37</v>
      </c>
      <c r="J155" s="22" t="s">
        <v>268</v>
      </c>
      <c r="K155" s="22" t="s">
        <v>268</v>
      </c>
      <c r="L155" s="22" t="s">
        <v>268</v>
      </c>
      <c r="M155" s="16">
        <v>37</v>
      </c>
      <c r="N155" s="16">
        <v>442</v>
      </c>
      <c r="O155" s="22" t="s">
        <v>268</v>
      </c>
      <c r="P155" s="16">
        <v>2</v>
      </c>
      <c r="Q155" s="22" t="s">
        <v>268</v>
      </c>
      <c r="R155" s="16">
        <v>15</v>
      </c>
      <c r="S155" s="16">
        <v>63</v>
      </c>
      <c r="T155" s="16">
        <v>32</v>
      </c>
      <c r="U155" s="16">
        <v>6</v>
      </c>
      <c r="V155" s="16">
        <v>20</v>
      </c>
      <c r="W155" s="16">
        <v>228</v>
      </c>
      <c r="X155" s="16">
        <v>76</v>
      </c>
      <c r="Y155" s="16">
        <v>46</v>
      </c>
      <c r="Z155" s="16">
        <v>935</v>
      </c>
      <c r="AA155" s="22" t="s">
        <v>268</v>
      </c>
      <c r="AB155" s="16">
        <v>45</v>
      </c>
      <c r="AC155" s="22" t="s">
        <v>268</v>
      </c>
      <c r="AD155" s="16">
        <v>935</v>
      </c>
    </row>
    <row r="156" spans="1:30">
      <c r="A156" s="21" t="s">
        <v>232</v>
      </c>
      <c r="B156" s="21" t="s">
        <v>237</v>
      </c>
      <c r="C156" s="21" t="s">
        <v>264</v>
      </c>
      <c r="D156" s="21" t="s">
        <v>216</v>
      </c>
      <c r="E156" s="21" t="s">
        <v>466</v>
      </c>
      <c r="F156" s="21" t="s">
        <v>419</v>
      </c>
      <c r="G156" s="16">
        <v>936</v>
      </c>
      <c r="H156" s="16">
        <v>299</v>
      </c>
      <c r="I156" s="16">
        <v>31</v>
      </c>
      <c r="J156" s="22" t="s">
        <v>268</v>
      </c>
      <c r="K156" s="22" t="s">
        <v>268</v>
      </c>
      <c r="L156" s="22" t="s">
        <v>268</v>
      </c>
      <c r="M156" s="16">
        <v>31</v>
      </c>
      <c r="N156" s="16">
        <v>268</v>
      </c>
      <c r="O156" s="22" t="s">
        <v>268</v>
      </c>
      <c r="P156" s="16">
        <v>7</v>
      </c>
      <c r="Q156" s="22" t="s">
        <v>268</v>
      </c>
      <c r="R156" s="16">
        <v>5</v>
      </c>
      <c r="S156" s="16">
        <v>21</v>
      </c>
      <c r="T156" s="16">
        <v>26</v>
      </c>
      <c r="U156" s="16">
        <v>5</v>
      </c>
      <c r="V156" s="16">
        <v>14</v>
      </c>
      <c r="W156" s="16">
        <v>131</v>
      </c>
      <c r="X156" s="16">
        <v>59</v>
      </c>
      <c r="Y156" s="16">
        <v>19</v>
      </c>
      <c r="Z156" s="16">
        <v>618</v>
      </c>
      <c r="AA156" s="22" t="s">
        <v>268</v>
      </c>
      <c r="AB156" s="16">
        <v>28</v>
      </c>
      <c r="AC156" s="22" t="s">
        <v>268</v>
      </c>
      <c r="AD156" s="16">
        <v>618</v>
      </c>
    </row>
    <row r="157" spans="1:30">
      <c r="A157" s="21" t="s">
        <v>232</v>
      </c>
      <c r="B157" s="21" t="s">
        <v>237</v>
      </c>
      <c r="C157" s="21" t="s">
        <v>264</v>
      </c>
      <c r="D157" s="21" t="s">
        <v>216</v>
      </c>
      <c r="E157" s="21" t="s">
        <v>466</v>
      </c>
      <c r="F157" s="21" t="s">
        <v>420</v>
      </c>
      <c r="G157" s="16">
        <v>412</v>
      </c>
      <c r="H157" s="16">
        <v>171</v>
      </c>
      <c r="I157" s="16">
        <v>12</v>
      </c>
      <c r="J157" s="22" t="s">
        <v>268</v>
      </c>
      <c r="K157" s="22" t="s">
        <v>268</v>
      </c>
      <c r="L157" s="22" t="s">
        <v>268</v>
      </c>
      <c r="M157" s="16">
        <v>12</v>
      </c>
      <c r="N157" s="16">
        <v>159</v>
      </c>
      <c r="O157" s="22" t="s">
        <v>268</v>
      </c>
      <c r="P157" s="16">
        <v>5</v>
      </c>
      <c r="Q157" s="22" t="s">
        <v>268</v>
      </c>
      <c r="R157" s="16">
        <v>5</v>
      </c>
      <c r="S157" s="16">
        <v>25</v>
      </c>
      <c r="T157" s="16">
        <v>10</v>
      </c>
      <c r="U157" s="16">
        <v>4</v>
      </c>
      <c r="V157" s="16">
        <v>10</v>
      </c>
      <c r="W157" s="16">
        <v>57</v>
      </c>
      <c r="X157" s="16">
        <v>43</v>
      </c>
      <c r="Y157" s="16">
        <v>5</v>
      </c>
      <c r="Z157" s="16">
        <v>236</v>
      </c>
      <c r="AA157" s="22" t="s">
        <v>268</v>
      </c>
      <c r="AB157" s="16">
        <v>20</v>
      </c>
      <c r="AC157" s="22" t="s">
        <v>268</v>
      </c>
      <c r="AD157" s="16">
        <v>236</v>
      </c>
    </row>
    <row r="158" spans="1:30">
      <c r="A158" s="21" t="s">
        <v>232</v>
      </c>
      <c r="B158" s="21" t="s">
        <v>237</v>
      </c>
      <c r="C158" s="21" t="s">
        <v>264</v>
      </c>
      <c r="D158" s="21" t="s">
        <v>216</v>
      </c>
      <c r="E158" s="21" t="s">
        <v>466</v>
      </c>
      <c r="F158" s="21" t="s">
        <v>421</v>
      </c>
      <c r="G158" s="16">
        <v>102</v>
      </c>
      <c r="H158" s="16">
        <v>51</v>
      </c>
      <c r="I158" s="16">
        <v>9</v>
      </c>
      <c r="J158" s="22" t="s">
        <v>268</v>
      </c>
      <c r="K158" s="22" t="s">
        <v>268</v>
      </c>
      <c r="L158" s="22" t="s">
        <v>268</v>
      </c>
      <c r="M158" s="16">
        <v>9</v>
      </c>
      <c r="N158" s="16">
        <v>42</v>
      </c>
      <c r="O158" s="22" t="s">
        <v>268</v>
      </c>
      <c r="P158" s="16">
        <v>4</v>
      </c>
      <c r="Q158" s="22" t="s">
        <v>268</v>
      </c>
      <c r="R158" s="16">
        <v>1</v>
      </c>
      <c r="S158" s="16">
        <v>4</v>
      </c>
      <c r="T158" s="16">
        <v>1</v>
      </c>
      <c r="U158" s="16">
        <v>1</v>
      </c>
      <c r="V158" s="16">
        <v>2</v>
      </c>
      <c r="W158" s="16">
        <v>12</v>
      </c>
      <c r="X158" s="16">
        <v>17</v>
      </c>
      <c r="Y158" s="16">
        <v>1</v>
      </c>
      <c r="Z158" s="16">
        <v>50</v>
      </c>
      <c r="AA158" s="22" t="s">
        <v>268</v>
      </c>
      <c r="AB158" s="16">
        <v>4</v>
      </c>
      <c r="AC158" s="22" t="s">
        <v>268</v>
      </c>
      <c r="AD158" s="16">
        <v>50</v>
      </c>
    </row>
    <row r="159" spans="1:30">
      <c r="A159" s="21" t="s">
        <v>232</v>
      </c>
      <c r="B159" s="21" t="s">
        <v>237</v>
      </c>
      <c r="C159" s="21" t="s">
        <v>264</v>
      </c>
      <c r="D159" s="21" t="s">
        <v>216</v>
      </c>
      <c r="E159" s="21" t="s">
        <v>466</v>
      </c>
      <c r="F159" s="21" t="s">
        <v>422</v>
      </c>
      <c r="G159" s="16">
        <v>5</v>
      </c>
      <c r="H159" s="16">
        <v>3</v>
      </c>
      <c r="I159" s="22" t="s">
        <v>268</v>
      </c>
      <c r="J159" s="22" t="s">
        <v>268</v>
      </c>
      <c r="K159" s="22" t="s">
        <v>268</v>
      </c>
      <c r="L159" s="22" t="s">
        <v>268</v>
      </c>
      <c r="M159" s="22" t="s">
        <v>268</v>
      </c>
      <c r="N159" s="16">
        <v>3</v>
      </c>
      <c r="O159" s="22" t="s">
        <v>268</v>
      </c>
      <c r="P159" s="22" t="s">
        <v>268</v>
      </c>
      <c r="Q159" s="22" t="s">
        <v>268</v>
      </c>
      <c r="R159" s="22" t="s">
        <v>268</v>
      </c>
      <c r="S159" s="16">
        <v>3</v>
      </c>
      <c r="T159" s="22" t="s">
        <v>268</v>
      </c>
      <c r="U159" s="22" t="s">
        <v>268</v>
      </c>
      <c r="V159" s="22" t="s">
        <v>268</v>
      </c>
      <c r="W159" s="22" t="s">
        <v>268</v>
      </c>
      <c r="X159" s="22" t="s">
        <v>268</v>
      </c>
      <c r="Y159" s="22" t="s">
        <v>268</v>
      </c>
      <c r="Z159" s="16">
        <v>2</v>
      </c>
      <c r="AA159" s="22" t="s">
        <v>268</v>
      </c>
      <c r="AB159" s="22" t="s">
        <v>268</v>
      </c>
      <c r="AC159" s="22" t="s">
        <v>268</v>
      </c>
      <c r="AD159" s="16">
        <v>2</v>
      </c>
    </row>
    <row r="160" spans="1:30">
      <c r="A160" s="21" t="s">
        <v>232</v>
      </c>
      <c r="B160" s="21" t="s">
        <v>237</v>
      </c>
      <c r="C160" s="21" t="s">
        <v>264</v>
      </c>
      <c r="D160" s="21" t="s">
        <v>216</v>
      </c>
      <c r="E160" s="21" t="s">
        <v>466</v>
      </c>
      <c r="F160" s="21" t="s">
        <v>423</v>
      </c>
      <c r="G160" s="22" t="s">
        <v>268</v>
      </c>
      <c r="H160" s="22" t="s">
        <v>268</v>
      </c>
      <c r="I160" s="22" t="s">
        <v>268</v>
      </c>
      <c r="J160" s="22" t="s">
        <v>268</v>
      </c>
      <c r="K160" s="22" t="s">
        <v>268</v>
      </c>
      <c r="L160" s="22" t="s">
        <v>268</v>
      </c>
      <c r="M160" s="22" t="s">
        <v>268</v>
      </c>
      <c r="N160" s="22" t="s">
        <v>268</v>
      </c>
      <c r="O160" s="22" t="s">
        <v>268</v>
      </c>
      <c r="P160" s="22" t="s">
        <v>268</v>
      </c>
      <c r="Q160" s="22" t="s">
        <v>268</v>
      </c>
      <c r="R160" s="22" t="s">
        <v>268</v>
      </c>
      <c r="S160" s="22" t="s">
        <v>268</v>
      </c>
      <c r="T160" s="22" t="s">
        <v>268</v>
      </c>
      <c r="U160" s="22" t="s">
        <v>268</v>
      </c>
      <c r="V160" s="22" t="s">
        <v>268</v>
      </c>
      <c r="W160" s="22" t="s">
        <v>268</v>
      </c>
      <c r="X160" s="22" t="s">
        <v>268</v>
      </c>
      <c r="Y160" s="22" t="s">
        <v>268</v>
      </c>
      <c r="Z160" s="22" t="s">
        <v>268</v>
      </c>
      <c r="AA160" s="22" t="s">
        <v>268</v>
      </c>
      <c r="AB160" s="22" t="s">
        <v>268</v>
      </c>
      <c r="AC160" s="22" t="s">
        <v>268</v>
      </c>
      <c r="AD160" s="22" t="s">
        <v>268</v>
      </c>
    </row>
    <row r="161" spans="1:30">
      <c r="A161" s="21" t="s">
        <v>232</v>
      </c>
      <c r="B161" s="21" t="s">
        <v>237</v>
      </c>
      <c r="C161" s="21" t="s">
        <v>264</v>
      </c>
      <c r="D161" s="21" t="s">
        <v>216</v>
      </c>
      <c r="E161" s="21" t="s">
        <v>466</v>
      </c>
      <c r="F161" s="21" t="s">
        <v>386</v>
      </c>
      <c r="G161" s="16">
        <v>111208</v>
      </c>
      <c r="H161" s="16">
        <v>110812</v>
      </c>
      <c r="I161" s="16">
        <v>91936</v>
      </c>
      <c r="J161" s="22" t="s">
        <v>268</v>
      </c>
      <c r="K161" s="16">
        <v>80997</v>
      </c>
      <c r="L161" s="16">
        <v>737</v>
      </c>
      <c r="M161" s="16">
        <v>10202</v>
      </c>
      <c r="N161" s="16">
        <v>18876</v>
      </c>
      <c r="O161" s="22" t="s">
        <v>268</v>
      </c>
      <c r="P161" s="22" t="s">
        <v>268</v>
      </c>
      <c r="Q161" s="16">
        <v>5540</v>
      </c>
      <c r="R161" s="16">
        <v>4508</v>
      </c>
      <c r="S161" s="16">
        <v>188</v>
      </c>
      <c r="T161" s="16">
        <v>2800</v>
      </c>
      <c r="U161" s="16">
        <v>415</v>
      </c>
      <c r="V161" s="16">
        <v>3418</v>
      </c>
      <c r="W161" s="16">
        <v>3</v>
      </c>
      <c r="X161" s="16">
        <v>2004</v>
      </c>
      <c r="Y161" s="16">
        <v>396</v>
      </c>
      <c r="Z161" s="22" t="s">
        <v>268</v>
      </c>
      <c r="AA161" s="22" t="s">
        <v>268</v>
      </c>
      <c r="AB161" s="16">
        <v>18393</v>
      </c>
      <c r="AC161" s="22" t="s">
        <v>268</v>
      </c>
      <c r="AD161" s="22" t="s">
        <v>268</v>
      </c>
    </row>
    <row r="162" spans="1:30">
      <c r="A162" s="21" t="s">
        <v>232</v>
      </c>
      <c r="B162" s="21" t="s">
        <v>237</v>
      </c>
      <c r="C162" s="21" t="s">
        <v>264</v>
      </c>
      <c r="D162" s="21" t="s">
        <v>216</v>
      </c>
      <c r="E162" s="21" t="s">
        <v>466</v>
      </c>
      <c r="F162" s="21" t="s">
        <v>387</v>
      </c>
      <c r="G162" s="16">
        <v>150986</v>
      </c>
      <c r="H162" s="16">
        <v>112873</v>
      </c>
      <c r="I162" s="16">
        <v>87590</v>
      </c>
      <c r="J162" s="22" t="s">
        <v>268</v>
      </c>
      <c r="K162" s="16">
        <v>58952</v>
      </c>
      <c r="L162" s="16">
        <v>3769</v>
      </c>
      <c r="M162" s="16">
        <v>24869</v>
      </c>
      <c r="N162" s="16">
        <v>25283</v>
      </c>
      <c r="O162" s="22" t="s">
        <v>268</v>
      </c>
      <c r="P162" s="16">
        <v>3</v>
      </c>
      <c r="Q162" s="16">
        <v>3966</v>
      </c>
      <c r="R162" s="16">
        <v>6844</v>
      </c>
      <c r="S162" s="16">
        <v>526</v>
      </c>
      <c r="T162" s="16">
        <v>3549</v>
      </c>
      <c r="U162" s="16">
        <v>462</v>
      </c>
      <c r="V162" s="16">
        <v>2311</v>
      </c>
      <c r="W162" s="16">
        <v>2731</v>
      </c>
      <c r="X162" s="16">
        <v>4891</v>
      </c>
      <c r="Y162" s="16">
        <v>3534</v>
      </c>
      <c r="Z162" s="16">
        <v>34579</v>
      </c>
      <c r="AA162" s="22" t="s">
        <v>268</v>
      </c>
      <c r="AB162" s="16">
        <v>20016</v>
      </c>
      <c r="AC162" s="22" t="s">
        <v>268</v>
      </c>
      <c r="AD162" s="22" t="s">
        <v>268</v>
      </c>
    </row>
    <row r="163" spans="1:30">
      <c r="A163" s="21" t="s">
        <v>232</v>
      </c>
      <c r="B163" s="21" t="s">
        <v>237</v>
      </c>
      <c r="C163" s="21" t="s">
        <v>264</v>
      </c>
      <c r="D163" s="21" t="s">
        <v>216</v>
      </c>
      <c r="E163" s="21" t="s">
        <v>466</v>
      </c>
      <c r="F163" s="21" t="s">
        <v>388</v>
      </c>
      <c r="G163" s="16">
        <v>12555</v>
      </c>
      <c r="H163" s="16">
        <v>4515</v>
      </c>
      <c r="I163" s="16">
        <v>1110</v>
      </c>
      <c r="J163" s="22" t="s">
        <v>268</v>
      </c>
      <c r="K163" s="16">
        <v>48</v>
      </c>
      <c r="L163" s="16">
        <v>77</v>
      </c>
      <c r="M163" s="16">
        <v>985</v>
      </c>
      <c r="N163" s="16">
        <v>3405</v>
      </c>
      <c r="O163" s="22" t="s">
        <v>268</v>
      </c>
      <c r="P163" s="16">
        <v>28</v>
      </c>
      <c r="Q163" s="22" t="s">
        <v>268</v>
      </c>
      <c r="R163" s="16">
        <v>53</v>
      </c>
      <c r="S163" s="16">
        <v>391</v>
      </c>
      <c r="T163" s="16">
        <v>240</v>
      </c>
      <c r="U163" s="16">
        <v>78</v>
      </c>
      <c r="V163" s="16">
        <v>133</v>
      </c>
      <c r="W163" s="16">
        <v>1953</v>
      </c>
      <c r="X163" s="16">
        <v>529</v>
      </c>
      <c r="Y163" s="16">
        <v>314</v>
      </c>
      <c r="Z163" s="16">
        <v>7726</v>
      </c>
      <c r="AA163" s="22" t="s">
        <v>268</v>
      </c>
      <c r="AB163" s="16">
        <v>286</v>
      </c>
      <c r="AC163" s="22" t="s">
        <v>268</v>
      </c>
      <c r="AD163" s="16">
        <v>7726</v>
      </c>
    </row>
    <row r="164" spans="1:30">
      <c r="A164" s="21" t="s">
        <v>232</v>
      </c>
      <c r="B164" s="21" t="s">
        <v>237</v>
      </c>
      <c r="C164" s="21" t="s">
        <v>264</v>
      </c>
      <c r="D164" s="21" t="s">
        <v>216</v>
      </c>
      <c r="E164" s="21" t="s">
        <v>466</v>
      </c>
      <c r="F164" s="21" t="s">
        <v>389</v>
      </c>
      <c r="G164" s="16">
        <v>5043</v>
      </c>
      <c r="H164" s="16">
        <v>1659</v>
      </c>
      <c r="I164" s="16">
        <v>151</v>
      </c>
      <c r="J164" s="22" t="s">
        <v>268</v>
      </c>
      <c r="K164" s="16">
        <v>1</v>
      </c>
      <c r="L164" s="16">
        <v>1</v>
      </c>
      <c r="M164" s="16">
        <v>149</v>
      </c>
      <c r="N164" s="16">
        <v>1508</v>
      </c>
      <c r="O164" s="22" t="s">
        <v>268</v>
      </c>
      <c r="P164" s="16">
        <v>25</v>
      </c>
      <c r="Q164" s="22" t="s">
        <v>268</v>
      </c>
      <c r="R164" s="16">
        <v>33</v>
      </c>
      <c r="S164" s="16">
        <v>191</v>
      </c>
      <c r="T164" s="16">
        <v>110</v>
      </c>
      <c r="U164" s="16">
        <v>24</v>
      </c>
      <c r="V164" s="16">
        <v>58</v>
      </c>
      <c r="W164" s="16">
        <v>787</v>
      </c>
      <c r="X164" s="16">
        <v>280</v>
      </c>
      <c r="Y164" s="16">
        <v>126</v>
      </c>
      <c r="Z164" s="16">
        <v>3258</v>
      </c>
      <c r="AA164" s="22" t="s">
        <v>268</v>
      </c>
      <c r="AB164" s="16">
        <v>125</v>
      </c>
      <c r="AC164" s="22" t="s">
        <v>268</v>
      </c>
      <c r="AD164" s="16">
        <v>3258</v>
      </c>
    </row>
    <row r="165" spans="1:30">
      <c r="A165" s="21" t="s">
        <v>232</v>
      </c>
      <c r="B165" s="21" t="s">
        <v>237</v>
      </c>
      <c r="C165" s="21" t="s">
        <v>264</v>
      </c>
      <c r="D165" s="21" t="s">
        <v>216</v>
      </c>
      <c r="E165" s="21" t="s">
        <v>466</v>
      </c>
      <c r="F165" s="21" t="s">
        <v>390</v>
      </c>
      <c r="G165" s="16">
        <v>1455</v>
      </c>
      <c r="H165" s="16">
        <v>524</v>
      </c>
      <c r="I165" s="16">
        <v>52</v>
      </c>
      <c r="J165" s="22" t="s">
        <v>268</v>
      </c>
      <c r="K165" s="22" t="s">
        <v>268</v>
      </c>
      <c r="L165" s="22" t="s">
        <v>268</v>
      </c>
      <c r="M165" s="16">
        <v>52</v>
      </c>
      <c r="N165" s="16">
        <v>472</v>
      </c>
      <c r="O165" s="22" t="s">
        <v>268</v>
      </c>
      <c r="P165" s="16">
        <v>16</v>
      </c>
      <c r="Q165" s="22" t="s">
        <v>268</v>
      </c>
      <c r="R165" s="16">
        <v>11</v>
      </c>
      <c r="S165" s="16">
        <v>53</v>
      </c>
      <c r="T165" s="16">
        <v>37</v>
      </c>
      <c r="U165" s="16">
        <v>10</v>
      </c>
      <c r="V165" s="16">
        <v>26</v>
      </c>
      <c r="W165" s="16">
        <v>200</v>
      </c>
      <c r="X165" s="16">
        <v>119</v>
      </c>
      <c r="Y165" s="16">
        <v>25</v>
      </c>
      <c r="Z165" s="16">
        <v>906</v>
      </c>
      <c r="AA165" s="22" t="s">
        <v>268</v>
      </c>
      <c r="AB165" s="16">
        <v>52</v>
      </c>
      <c r="AC165" s="22" t="s">
        <v>268</v>
      </c>
      <c r="AD165" s="16">
        <v>906</v>
      </c>
    </row>
    <row r="166" spans="1:30">
      <c r="A166" s="21" t="s">
        <v>232</v>
      </c>
      <c r="B166" s="21" t="s">
        <v>237</v>
      </c>
      <c r="C166" s="21" t="s">
        <v>264</v>
      </c>
      <c r="D166" s="21" t="s">
        <v>216</v>
      </c>
      <c r="E166" s="21" t="s">
        <v>466</v>
      </c>
      <c r="F166" s="21" t="s">
        <v>391</v>
      </c>
      <c r="G166" s="16">
        <v>118275</v>
      </c>
      <c r="H166" s="16">
        <v>79677</v>
      </c>
      <c r="I166" s="16">
        <v>60835</v>
      </c>
      <c r="J166" s="22" t="s">
        <v>268</v>
      </c>
      <c r="K166" s="16">
        <v>38064</v>
      </c>
      <c r="L166" s="16">
        <v>3278</v>
      </c>
      <c r="M166" s="16">
        <v>19493</v>
      </c>
      <c r="N166" s="16">
        <v>18842</v>
      </c>
      <c r="O166" s="22" t="s">
        <v>268</v>
      </c>
      <c r="P166" s="16">
        <v>5</v>
      </c>
      <c r="Q166" s="16">
        <v>1883</v>
      </c>
      <c r="R166" s="16">
        <v>4724</v>
      </c>
      <c r="S166" s="16">
        <v>490</v>
      </c>
      <c r="T166" s="16">
        <v>2498</v>
      </c>
      <c r="U166" s="16">
        <v>433</v>
      </c>
      <c r="V166" s="16">
        <v>1722</v>
      </c>
      <c r="W166" s="16">
        <v>3196</v>
      </c>
      <c r="X166" s="16">
        <v>3891</v>
      </c>
      <c r="Y166" s="16">
        <v>3467</v>
      </c>
      <c r="Z166" s="16">
        <v>35131</v>
      </c>
      <c r="AA166" s="22" t="s">
        <v>268</v>
      </c>
      <c r="AB166" s="16">
        <v>13183</v>
      </c>
      <c r="AC166" s="22" t="s">
        <v>268</v>
      </c>
      <c r="AD166" s="16">
        <v>2218</v>
      </c>
    </row>
    <row r="167" spans="1:30">
      <c r="A167" s="21" t="s">
        <v>240</v>
      </c>
      <c r="B167" s="21" t="s">
        <v>237</v>
      </c>
      <c r="C167" s="21" t="s">
        <v>265</v>
      </c>
      <c r="D167" s="21" t="s">
        <v>214</v>
      </c>
      <c r="E167" s="21" t="s">
        <v>466</v>
      </c>
      <c r="F167" s="21" t="s">
        <v>401</v>
      </c>
      <c r="G167" s="16">
        <v>38369</v>
      </c>
      <c r="H167" s="16">
        <v>32301</v>
      </c>
      <c r="I167" s="16">
        <v>23506</v>
      </c>
      <c r="J167" s="22" t="s">
        <v>268</v>
      </c>
      <c r="K167" s="16">
        <v>17349</v>
      </c>
      <c r="L167" s="16">
        <v>830</v>
      </c>
      <c r="M167" s="16">
        <v>5327</v>
      </c>
      <c r="N167" s="16">
        <v>8795</v>
      </c>
      <c r="O167" s="22" t="s">
        <v>268</v>
      </c>
      <c r="P167" s="16">
        <v>3</v>
      </c>
      <c r="Q167" s="16">
        <v>1920</v>
      </c>
      <c r="R167" s="16">
        <v>2114</v>
      </c>
      <c r="S167" s="16">
        <v>210</v>
      </c>
      <c r="T167" s="16">
        <v>1161</v>
      </c>
      <c r="U167" s="16">
        <v>340</v>
      </c>
      <c r="V167" s="16">
        <v>1207</v>
      </c>
      <c r="W167" s="16">
        <v>568</v>
      </c>
      <c r="X167" s="16">
        <v>1272</v>
      </c>
      <c r="Y167" s="16">
        <v>577</v>
      </c>
      <c r="Z167" s="16">
        <v>5491</v>
      </c>
      <c r="AA167" s="22" t="s">
        <v>268</v>
      </c>
      <c r="AB167" s="16">
        <v>7593</v>
      </c>
      <c r="AC167" s="22" t="s">
        <v>268</v>
      </c>
      <c r="AD167" s="16">
        <v>1075</v>
      </c>
    </row>
    <row r="168" spans="1:30">
      <c r="A168" s="21" t="s">
        <v>240</v>
      </c>
      <c r="B168" s="21" t="s">
        <v>237</v>
      </c>
      <c r="C168" s="21" t="s">
        <v>265</v>
      </c>
      <c r="D168" s="21" t="s">
        <v>214</v>
      </c>
      <c r="E168" s="21" t="s">
        <v>466</v>
      </c>
      <c r="F168" s="21" t="s">
        <v>405</v>
      </c>
      <c r="G168" s="16">
        <v>4901</v>
      </c>
      <c r="H168" s="16">
        <v>4775</v>
      </c>
      <c r="I168" s="16">
        <v>3348</v>
      </c>
      <c r="J168" s="22" t="s">
        <v>268</v>
      </c>
      <c r="K168" s="16">
        <v>2489</v>
      </c>
      <c r="L168" s="16">
        <v>99</v>
      </c>
      <c r="M168" s="16">
        <v>760</v>
      </c>
      <c r="N168" s="16">
        <v>1427</v>
      </c>
      <c r="O168" s="22" t="s">
        <v>268</v>
      </c>
      <c r="P168" s="22" t="s">
        <v>268</v>
      </c>
      <c r="Q168" s="16">
        <v>405</v>
      </c>
      <c r="R168" s="16">
        <v>371</v>
      </c>
      <c r="S168" s="16">
        <v>24</v>
      </c>
      <c r="T168" s="16">
        <v>232</v>
      </c>
      <c r="U168" s="16">
        <v>23</v>
      </c>
      <c r="V168" s="16">
        <v>154</v>
      </c>
      <c r="W168" s="16">
        <v>5</v>
      </c>
      <c r="X168" s="16">
        <v>213</v>
      </c>
      <c r="Y168" s="16">
        <v>32</v>
      </c>
      <c r="Z168" s="16">
        <v>94</v>
      </c>
      <c r="AA168" s="22" t="s">
        <v>268</v>
      </c>
      <c r="AB168" s="16">
        <v>1358</v>
      </c>
      <c r="AC168" s="22" t="s">
        <v>268</v>
      </c>
      <c r="AD168" s="22" t="s">
        <v>268</v>
      </c>
    </row>
    <row r="169" spans="1:30">
      <c r="A169" s="21" t="s">
        <v>240</v>
      </c>
      <c r="B169" s="21" t="s">
        <v>237</v>
      </c>
      <c r="C169" s="21" t="s">
        <v>265</v>
      </c>
      <c r="D169" s="21" t="s">
        <v>214</v>
      </c>
      <c r="E169" s="21" t="s">
        <v>466</v>
      </c>
      <c r="F169" s="21" t="s">
        <v>406</v>
      </c>
      <c r="G169" s="16">
        <v>3729</v>
      </c>
      <c r="H169" s="16">
        <v>2737</v>
      </c>
      <c r="I169" s="16">
        <v>1800</v>
      </c>
      <c r="J169" s="22" t="s">
        <v>268</v>
      </c>
      <c r="K169" s="16">
        <v>1325</v>
      </c>
      <c r="L169" s="16">
        <v>63</v>
      </c>
      <c r="M169" s="16">
        <v>412</v>
      </c>
      <c r="N169" s="16">
        <v>937</v>
      </c>
      <c r="O169" s="22" t="s">
        <v>268</v>
      </c>
      <c r="P169" s="22" t="s">
        <v>268</v>
      </c>
      <c r="Q169" s="16">
        <v>236</v>
      </c>
      <c r="R169" s="16">
        <v>297</v>
      </c>
      <c r="S169" s="16">
        <v>23</v>
      </c>
      <c r="T169" s="16">
        <v>110</v>
      </c>
      <c r="U169" s="16">
        <v>10</v>
      </c>
      <c r="V169" s="16">
        <v>80</v>
      </c>
      <c r="W169" s="16">
        <v>12</v>
      </c>
      <c r="X169" s="16">
        <v>169</v>
      </c>
      <c r="Y169" s="16">
        <v>118</v>
      </c>
      <c r="Z169" s="16">
        <v>874</v>
      </c>
      <c r="AA169" s="22" t="s">
        <v>268</v>
      </c>
      <c r="AB169" s="16">
        <v>890</v>
      </c>
      <c r="AC169" s="22" t="s">
        <v>268</v>
      </c>
      <c r="AD169" s="22" t="s">
        <v>268</v>
      </c>
    </row>
    <row r="170" spans="1:30">
      <c r="A170" s="21" t="s">
        <v>240</v>
      </c>
      <c r="B170" s="21" t="s">
        <v>237</v>
      </c>
      <c r="C170" s="21" t="s">
        <v>265</v>
      </c>
      <c r="D170" s="21" t="s">
        <v>214</v>
      </c>
      <c r="E170" s="21" t="s">
        <v>466</v>
      </c>
      <c r="F170" s="21" t="s">
        <v>407</v>
      </c>
      <c r="G170" s="16">
        <v>2868</v>
      </c>
      <c r="H170" s="16">
        <v>1909</v>
      </c>
      <c r="I170" s="16">
        <v>1262</v>
      </c>
      <c r="J170" s="22" t="s">
        <v>268</v>
      </c>
      <c r="K170" s="16">
        <v>885</v>
      </c>
      <c r="L170" s="16">
        <v>67</v>
      </c>
      <c r="M170" s="16">
        <v>310</v>
      </c>
      <c r="N170" s="16">
        <v>647</v>
      </c>
      <c r="O170" s="22" t="s">
        <v>268</v>
      </c>
      <c r="P170" s="22" t="s">
        <v>268</v>
      </c>
      <c r="Q170" s="16">
        <v>102</v>
      </c>
      <c r="R170" s="16">
        <v>262</v>
      </c>
      <c r="S170" s="16">
        <v>8</v>
      </c>
      <c r="T170" s="16">
        <v>84</v>
      </c>
      <c r="U170" s="16">
        <v>5</v>
      </c>
      <c r="V170" s="16">
        <v>41</v>
      </c>
      <c r="W170" s="16">
        <v>20</v>
      </c>
      <c r="X170" s="16">
        <v>125</v>
      </c>
      <c r="Y170" s="16">
        <v>93</v>
      </c>
      <c r="Z170" s="16">
        <v>866</v>
      </c>
      <c r="AA170" s="22" t="s">
        <v>268</v>
      </c>
      <c r="AB170" s="16">
        <v>598</v>
      </c>
      <c r="AC170" s="22" t="s">
        <v>268</v>
      </c>
      <c r="AD170" s="22" t="s">
        <v>268</v>
      </c>
    </row>
    <row r="171" spans="1:30">
      <c r="A171" s="21" t="s">
        <v>240</v>
      </c>
      <c r="B171" s="21" t="s">
        <v>237</v>
      </c>
      <c r="C171" s="21" t="s">
        <v>265</v>
      </c>
      <c r="D171" s="21" t="s">
        <v>214</v>
      </c>
      <c r="E171" s="21" t="s">
        <v>466</v>
      </c>
      <c r="F171" s="21" t="s">
        <v>408</v>
      </c>
      <c r="G171" s="16">
        <v>2105</v>
      </c>
      <c r="H171" s="16">
        <v>1566</v>
      </c>
      <c r="I171" s="16">
        <v>1069</v>
      </c>
      <c r="J171" s="22" t="s">
        <v>268</v>
      </c>
      <c r="K171" s="16">
        <v>765</v>
      </c>
      <c r="L171" s="16">
        <v>61</v>
      </c>
      <c r="M171" s="16">
        <v>243</v>
      </c>
      <c r="N171" s="16">
        <v>497</v>
      </c>
      <c r="O171" s="22" t="s">
        <v>268</v>
      </c>
      <c r="P171" s="22" t="s">
        <v>268</v>
      </c>
      <c r="Q171" s="16">
        <v>66</v>
      </c>
      <c r="R171" s="16">
        <v>178</v>
      </c>
      <c r="S171" s="16">
        <v>6</v>
      </c>
      <c r="T171" s="16">
        <v>58</v>
      </c>
      <c r="U171" s="16">
        <v>12</v>
      </c>
      <c r="V171" s="16">
        <v>47</v>
      </c>
      <c r="W171" s="16">
        <v>10</v>
      </c>
      <c r="X171" s="16">
        <v>120</v>
      </c>
      <c r="Y171" s="16">
        <v>59</v>
      </c>
      <c r="Z171" s="16">
        <v>480</v>
      </c>
      <c r="AA171" s="22" t="s">
        <v>268</v>
      </c>
      <c r="AB171" s="16">
        <v>427</v>
      </c>
      <c r="AC171" s="22" t="s">
        <v>268</v>
      </c>
      <c r="AD171" s="22" t="s">
        <v>268</v>
      </c>
    </row>
    <row r="172" spans="1:30">
      <c r="A172" s="21" t="s">
        <v>240</v>
      </c>
      <c r="B172" s="21" t="s">
        <v>237</v>
      </c>
      <c r="C172" s="21" t="s">
        <v>265</v>
      </c>
      <c r="D172" s="21" t="s">
        <v>214</v>
      </c>
      <c r="E172" s="21" t="s">
        <v>466</v>
      </c>
      <c r="F172" s="21" t="s">
        <v>409</v>
      </c>
      <c r="G172" s="16">
        <v>1782</v>
      </c>
      <c r="H172" s="16">
        <v>1389</v>
      </c>
      <c r="I172" s="16">
        <v>1047</v>
      </c>
      <c r="J172" s="22" t="s">
        <v>268</v>
      </c>
      <c r="K172" s="16">
        <v>689</v>
      </c>
      <c r="L172" s="16">
        <v>66</v>
      </c>
      <c r="M172" s="16">
        <v>292</v>
      </c>
      <c r="N172" s="16">
        <v>342</v>
      </c>
      <c r="O172" s="22" t="s">
        <v>268</v>
      </c>
      <c r="P172" s="22" t="s">
        <v>268</v>
      </c>
      <c r="Q172" s="16">
        <v>18</v>
      </c>
      <c r="R172" s="16">
        <v>126</v>
      </c>
      <c r="S172" s="16">
        <v>3</v>
      </c>
      <c r="T172" s="16">
        <v>57</v>
      </c>
      <c r="U172" s="16">
        <v>5</v>
      </c>
      <c r="V172" s="16">
        <v>50</v>
      </c>
      <c r="W172" s="16">
        <v>21</v>
      </c>
      <c r="X172" s="16">
        <v>62</v>
      </c>
      <c r="Y172" s="16">
        <v>35</v>
      </c>
      <c r="Z172" s="16">
        <v>358</v>
      </c>
      <c r="AA172" s="22" t="s">
        <v>268</v>
      </c>
      <c r="AB172" s="16">
        <v>294</v>
      </c>
      <c r="AC172" s="22" t="s">
        <v>268</v>
      </c>
      <c r="AD172" s="22" t="s">
        <v>268</v>
      </c>
    </row>
    <row r="173" spans="1:30">
      <c r="A173" s="21" t="s">
        <v>240</v>
      </c>
      <c r="B173" s="21" t="s">
        <v>237</v>
      </c>
      <c r="C173" s="21" t="s">
        <v>265</v>
      </c>
      <c r="D173" s="21" t="s">
        <v>214</v>
      </c>
      <c r="E173" s="21" t="s">
        <v>466</v>
      </c>
      <c r="F173" s="21" t="s">
        <v>410</v>
      </c>
      <c r="G173" s="16">
        <v>1572</v>
      </c>
      <c r="H173" s="16">
        <v>1282</v>
      </c>
      <c r="I173" s="16">
        <v>1063</v>
      </c>
      <c r="J173" s="22" t="s">
        <v>268</v>
      </c>
      <c r="K173" s="16">
        <v>664</v>
      </c>
      <c r="L173" s="16">
        <v>75</v>
      </c>
      <c r="M173" s="16">
        <v>324</v>
      </c>
      <c r="N173" s="16">
        <v>219</v>
      </c>
      <c r="O173" s="22" t="s">
        <v>268</v>
      </c>
      <c r="P173" s="22" t="s">
        <v>268</v>
      </c>
      <c r="Q173" s="22" t="s">
        <v>268</v>
      </c>
      <c r="R173" s="16">
        <v>53</v>
      </c>
      <c r="S173" s="16">
        <v>4</v>
      </c>
      <c r="T173" s="16">
        <v>36</v>
      </c>
      <c r="U173" s="16">
        <v>6</v>
      </c>
      <c r="V173" s="16">
        <v>45</v>
      </c>
      <c r="W173" s="16">
        <v>21</v>
      </c>
      <c r="X173" s="16">
        <v>54</v>
      </c>
      <c r="Y173" s="16">
        <v>26</v>
      </c>
      <c r="Z173" s="16">
        <v>264</v>
      </c>
      <c r="AA173" s="22" t="s">
        <v>268</v>
      </c>
      <c r="AB173" s="16">
        <v>164</v>
      </c>
      <c r="AC173" s="22" t="s">
        <v>268</v>
      </c>
      <c r="AD173" s="22" t="s">
        <v>268</v>
      </c>
    </row>
    <row r="174" spans="1:30">
      <c r="A174" s="21" t="s">
        <v>240</v>
      </c>
      <c r="B174" s="21" t="s">
        <v>237</v>
      </c>
      <c r="C174" s="21" t="s">
        <v>265</v>
      </c>
      <c r="D174" s="21" t="s">
        <v>214</v>
      </c>
      <c r="E174" s="21" t="s">
        <v>466</v>
      </c>
      <c r="F174" s="21" t="s">
        <v>411</v>
      </c>
      <c r="G174" s="16">
        <v>1627</v>
      </c>
      <c r="H174" s="16">
        <v>1257</v>
      </c>
      <c r="I174" s="16">
        <v>1114</v>
      </c>
      <c r="J174" s="22" t="s">
        <v>268</v>
      </c>
      <c r="K174" s="16">
        <v>602</v>
      </c>
      <c r="L174" s="16">
        <v>103</v>
      </c>
      <c r="M174" s="16">
        <v>409</v>
      </c>
      <c r="N174" s="16">
        <v>143</v>
      </c>
      <c r="O174" s="22" t="s">
        <v>268</v>
      </c>
      <c r="P174" s="22" t="s">
        <v>268</v>
      </c>
      <c r="Q174" s="16">
        <v>1</v>
      </c>
      <c r="R174" s="16">
        <v>24</v>
      </c>
      <c r="S174" s="16">
        <v>2</v>
      </c>
      <c r="T174" s="16">
        <v>21</v>
      </c>
      <c r="U174" s="16">
        <v>9</v>
      </c>
      <c r="V174" s="16">
        <v>20</v>
      </c>
      <c r="W174" s="16">
        <v>28</v>
      </c>
      <c r="X174" s="16">
        <v>38</v>
      </c>
      <c r="Y174" s="16">
        <v>38</v>
      </c>
      <c r="Z174" s="16">
        <v>332</v>
      </c>
      <c r="AA174" s="22" t="s">
        <v>268</v>
      </c>
      <c r="AB174" s="16">
        <v>83</v>
      </c>
      <c r="AC174" s="22" t="s">
        <v>268</v>
      </c>
      <c r="AD174" s="22" t="s">
        <v>268</v>
      </c>
    </row>
    <row r="175" spans="1:30">
      <c r="A175" s="21" t="s">
        <v>240</v>
      </c>
      <c r="B175" s="21" t="s">
        <v>237</v>
      </c>
      <c r="C175" s="21" t="s">
        <v>265</v>
      </c>
      <c r="D175" s="21" t="s">
        <v>214</v>
      </c>
      <c r="E175" s="21" t="s">
        <v>466</v>
      </c>
      <c r="F175" s="21" t="s">
        <v>412</v>
      </c>
      <c r="G175" s="16">
        <v>1352</v>
      </c>
      <c r="H175" s="16">
        <v>1016</v>
      </c>
      <c r="I175" s="16">
        <v>862</v>
      </c>
      <c r="J175" s="22" t="s">
        <v>268</v>
      </c>
      <c r="K175" s="16">
        <v>382</v>
      </c>
      <c r="L175" s="16">
        <v>68</v>
      </c>
      <c r="M175" s="16">
        <v>412</v>
      </c>
      <c r="N175" s="16">
        <v>154</v>
      </c>
      <c r="O175" s="22" t="s">
        <v>268</v>
      </c>
      <c r="P175" s="22" t="s">
        <v>268</v>
      </c>
      <c r="Q175" s="22" t="s">
        <v>268</v>
      </c>
      <c r="R175" s="16">
        <v>4</v>
      </c>
      <c r="S175" s="16">
        <v>3</v>
      </c>
      <c r="T175" s="16">
        <v>25</v>
      </c>
      <c r="U175" s="16">
        <v>13</v>
      </c>
      <c r="V175" s="16">
        <v>20</v>
      </c>
      <c r="W175" s="16">
        <v>50</v>
      </c>
      <c r="X175" s="16">
        <v>39</v>
      </c>
      <c r="Y175" s="16">
        <v>24</v>
      </c>
      <c r="Z175" s="16">
        <v>312</v>
      </c>
      <c r="AA175" s="22" t="s">
        <v>268</v>
      </c>
      <c r="AB175" s="16">
        <v>64</v>
      </c>
      <c r="AC175" s="22" t="s">
        <v>268</v>
      </c>
      <c r="AD175" s="22" t="s">
        <v>268</v>
      </c>
    </row>
    <row r="176" spans="1:30">
      <c r="A176" s="21" t="s">
        <v>240</v>
      </c>
      <c r="B176" s="21" t="s">
        <v>237</v>
      </c>
      <c r="C176" s="21" t="s">
        <v>265</v>
      </c>
      <c r="D176" s="21" t="s">
        <v>214</v>
      </c>
      <c r="E176" s="21" t="s">
        <v>466</v>
      </c>
      <c r="F176" s="21" t="s">
        <v>413</v>
      </c>
      <c r="G176" s="16">
        <v>1158</v>
      </c>
      <c r="H176" s="16">
        <v>739</v>
      </c>
      <c r="I176" s="16">
        <v>603</v>
      </c>
      <c r="J176" s="22" t="s">
        <v>268</v>
      </c>
      <c r="K176" s="16">
        <v>165</v>
      </c>
      <c r="L176" s="16">
        <v>74</v>
      </c>
      <c r="M176" s="16">
        <v>364</v>
      </c>
      <c r="N176" s="16">
        <v>136</v>
      </c>
      <c r="O176" s="22" t="s">
        <v>268</v>
      </c>
      <c r="P176" s="22" t="s">
        <v>268</v>
      </c>
      <c r="Q176" s="22" t="s">
        <v>268</v>
      </c>
      <c r="R176" s="22" t="s">
        <v>268</v>
      </c>
      <c r="S176" s="16">
        <v>5</v>
      </c>
      <c r="T176" s="16">
        <v>14</v>
      </c>
      <c r="U176" s="16">
        <v>16</v>
      </c>
      <c r="V176" s="16">
        <v>14</v>
      </c>
      <c r="W176" s="16">
        <v>62</v>
      </c>
      <c r="X176" s="16">
        <v>25</v>
      </c>
      <c r="Y176" s="16">
        <v>25</v>
      </c>
      <c r="Z176" s="16">
        <v>394</v>
      </c>
      <c r="AA176" s="22" t="s">
        <v>268</v>
      </c>
      <c r="AB176" s="16">
        <v>36</v>
      </c>
      <c r="AC176" s="22" t="s">
        <v>268</v>
      </c>
      <c r="AD176" s="22" t="s">
        <v>268</v>
      </c>
    </row>
    <row r="177" spans="1:30">
      <c r="A177" s="21" t="s">
        <v>240</v>
      </c>
      <c r="B177" s="21" t="s">
        <v>237</v>
      </c>
      <c r="C177" s="21" t="s">
        <v>265</v>
      </c>
      <c r="D177" s="21" t="s">
        <v>214</v>
      </c>
      <c r="E177" s="21" t="s">
        <v>466</v>
      </c>
      <c r="F177" s="21" t="s">
        <v>414</v>
      </c>
      <c r="G177" s="16">
        <v>924</v>
      </c>
      <c r="H177" s="16">
        <v>469</v>
      </c>
      <c r="I177" s="16">
        <v>314</v>
      </c>
      <c r="J177" s="22" t="s">
        <v>268</v>
      </c>
      <c r="K177" s="16">
        <v>45</v>
      </c>
      <c r="L177" s="16">
        <v>38</v>
      </c>
      <c r="M177" s="16">
        <v>231</v>
      </c>
      <c r="N177" s="16">
        <v>155</v>
      </c>
      <c r="O177" s="22" t="s">
        <v>268</v>
      </c>
      <c r="P177" s="22" t="s">
        <v>268</v>
      </c>
      <c r="Q177" s="22" t="s">
        <v>268</v>
      </c>
      <c r="R177" s="16">
        <v>1</v>
      </c>
      <c r="S177" s="16">
        <v>14</v>
      </c>
      <c r="T177" s="16">
        <v>7</v>
      </c>
      <c r="U177" s="16">
        <v>8</v>
      </c>
      <c r="V177" s="16">
        <v>13</v>
      </c>
      <c r="W177" s="16">
        <v>95</v>
      </c>
      <c r="X177" s="16">
        <v>17</v>
      </c>
      <c r="Y177" s="16">
        <v>13</v>
      </c>
      <c r="Z177" s="16">
        <v>442</v>
      </c>
      <c r="AA177" s="22" t="s">
        <v>268</v>
      </c>
      <c r="AB177" s="16">
        <v>22</v>
      </c>
      <c r="AC177" s="22" t="s">
        <v>268</v>
      </c>
      <c r="AD177" s="22" t="s">
        <v>268</v>
      </c>
    </row>
    <row r="178" spans="1:30">
      <c r="A178" s="21" t="s">
        <v>240</v>
      </c>
      <c r="B178" s="21" t="s">
        <v>237</v>
      </c>
      <c r="C178" s="21" t="s">
        <v>265</v>
      </c>
      <c r="D178" s="21" t="s">
        <v>214</v>
      </c>
      <c r="E178" s="21" t="s">
        <v>466</v>
      </c>
      <c r="F178" s="21" t="s">
        <v>415</v>
      </c>
      <c r="G178" s="16">
        <v>731</v>
      </c>
      <c r="H178" s="16">
        <v>282</v>
      </c>
      <c r="I178" s="16">
        <v>117</v>
      </c>
      <c r="J178" s="22" t="s">
        <v>268</v>
      </c>
      <c r="K178" s="16">
        <v>10</v>
      </c>
      <c r="L178" s="16">
        <v>6</v>
      </c>
      <c r="M178" s="16">
        <v>101</v>
      </c>
      <c r="N178" s="16">
        <v>165</v>
      </c>
      <c r="O178" s="22" t="s">
        <v>268</v>
      </c>
      <c r="P178" s="22" t="s">
        <v>268</v>
      </c>
      <c r="Q178" s="22" t="s">
        <v>268</v>
      </c>
      <c r="R178" s="16">
        <v>1</v>
      </c>
      <c r="S178" s="16">
        <v>20</v>
      </c>
      <c r="T178" s="16">
        <v>15</v>
      </c>
      <c r="U178" s="16">
        <v>9</v>
      </c>
      <c r="V178" s="16">
        <v>7</v>
      </c>
      <c r="W178" s="16">
        <v>101</v>
      </c>
      <c r="X178" s="16">
        <v>12</v>
      </c>
      <c r="Y178" s="16">
        <v>18</v>
      </c>
      <c r="Z178" s="16">
        <v>431</v>
      </c>
      <c r="AA178" s="22" t="s">
        <v>268</v>
      </c>
      <c r="AB178" s="16">
        <v>11</v>
      </c>
      <c r="AC178" s="22" t="s">
        <v>268</v>
      </c>
      <c r="AD178" s="16">
        <v>431</v>
      </c>
    </row>
    <row r="179" spans="1:30">
      <c r="A179" s="21" t="s">
        <v>240</v>
      </c>
      <c r="B179" s="21" t="s">
        <v>237</v>
      </c>
      <c r="C179" s="21" t="s">
        <v>265</v>
      </c>
      <c r="D179" s="21" t="s">
        <v>214</v>
      </c>
      <c r="E179" s="21" t="s">
        <v>466</v>
      </c>
      <c r="F179" s="21" t="s">
        <v>416</v>
      </c>
      <c r="G179" s="16">
        <v>492</v>
      </c>
      <c r="H179" s="16">
        <v>147</v>
      </c>
      <c r="I179" s="16">
        <v>34</v>
      </c>
      <c r="J179" s="22" t="s">
        <v>268</v>
      </c>
      <c r="K179" s="16">
        <v>1</v>
      </c>
      <c r="L179" s="16">
        <v>1</v>
      </c>
      <c r="M179" s="16">
        <v>32</v>
      </c>
      <c r="N179" s="16">
        <v>113</v>
      </c>
      <c r="O179" s="22" t="s">
        <v>268</v>
      </c>
      <c r="P179" s="22" t="s">
        <v>268</v>
      </c>
      <c r="Q179" s="22" t="s">
        <v>268</v>
      </c>
      <c r="R179" s="16">
        <v>1</v>
      </c>
      <c r="S179" s="16">
        <v>17</v>
      </c>
      <c r="T179" s="16">
        <v>7</v>
      </c>
      <c r="U179" s="16">
        <v>3</v>
      </c>
      <c r="V179" s="22" t="s">
        <v>268</v>
      </c>
      <c r="W179" s="16">
        <v>74</v>
      </c>
      <c r="X179" s="16">
        <v>11</v>
      </c>
      <c r="Y179" s="16">
        <v>13</v>
      </c>
      <c r="Z179" s="16">
        <v>332</v>
      </c>
      <c r="AA179" s="22" t="s">
        <v>268</v>
      </c>
      <c r="AB179" s="16">
        <v>4</v>
      </c>
      <c r="AC179" s="22" t="s">
        <v>268</v>
      </c>
      <c r="AD179" s="16">
        <v>332</v>
      </c>
    </row>
    <row r="180" spans="1:30">
      <c r="A180" s="21" t="s">
        <v>240</v>
      </c>
      <c r="B180" s="21" t="s">
        <v>237</v>
      </c>
      <c r="C180" s="21" t="s">
        <v>265</v>
      </c>
      <c r="D180" s="21" t="s">
        <v>214</v>
      </c>
      <c r="E180" s="21" t="s">
        <v>466</v>
      </c>
      <c r="F180" s="21" t="s">
        <v>417</v>
      </c>
      <c r="G180" s="16">
        <v>261</v>
      </c>
      <c r="H180" s="16">
        <v>82</v>
      </c>
      <c r="I180" s="16">
        <v>11</v>
      </c>
      <c r="J180" s="22" t="s">
        <v>268</v>
      </c>
      <c r="K180" s="22" t="s">
        <v>268</v>
      </c>
      <c r="L180" s="22" t="s">
        <v>268</v>
      </c>
      <c r="M180" s="16">
        <v>11</v>
      </c>
      <c r="N180" s="16">
        <v>71</v>
      </c>
      <c r="O180" s="22" t="s">
        <v>268</v>
      </c>
      <c r="P180" s="16">
        <v>2</v>
      </c>
      <c r="Q180" s="22" t="s">
        <v>268</v>
      </c>
      <c r="R180" s="22" t="s">
        <v>268</v>
      </c>
      <c r="S180" s="16">
        <v>12</v>
      </c>
      <c r="T180" s="16">
        <v>5</v>
      </c>
      <c r="U180" s="16">
        <v>1</v>
      </c>
      <c r="V180" s="22" t="s">
        <v>268</v>
      </c>
      <c r="W180" s="16">
        <v>40</v>
      </c>
      <c r="X180" s="16">
        <v>11</v>
      </c>
      <c r="Y180" s="16">
        <v>4</v>
      </c>
      <c r="Z180" s="16">
        <v>175</v>
      </c>
      <c r="AA180" s="22" t="s">
        <v>268</v>
      </c>
      <c r="AB180" s="16">
        <v>2</v>
      </c>
      <c r="AC180" s="22" t="s">
        <v>268</v>
      </c>
      <c r="AD180" s="16">
        <v>175</v>
      </c>
    </row>
    <row r="181" spans="1:30">
      <c r="A181" s="21" t="s">
        <v>240</v>
      </c>
      <c r="B181" s="21" t="s">
        <v>237</v>
      </c>
      <c r="C181" s="21" t="s">
        <v>265</v>
      </c>
      <c r="D181" s="21" t="s">
        <v>214</v>
      </c>
      <c r="E181" s="21" t="s">
        <v>466</v>
      </c>
      <c r="F181" s="21" t="s">
        <v>418</v>
      </c>
      <c r="G181" s="16">
        <v>108</v>
      </c>
      <c r="H181" s="16">
        <v>36</v>
      </c>
      <c r="I181" s="16">
        <v>2</v>
      </c>
      <c r="J181" s="22" t="s">
        <v>268</v>
      </c>
      <c r="K181" s="22" t="s">
        <v>268</v>
      </c>
      <c r="L181" s="22" t="s">
        <v>268</v>
      </c>
      <c r="M181" s="16">
        <v>2</v>
      </c>
      <c r="N181" s="16">
        <v>34</v>
      </c>
      <c r="O181" s="22" t="s">
        <v>268</v>
      </c>
      <c r="P181" s="22" t="s">
        <v>268</v>
      </c>
      <c r="Q181" s="22" t="s">
        <v>268</v>
      </c>
      <c r="R181" s="22" t="s">
        <v>268</v>
      </c>
      <c r="S181" s="16">
        <v>7</v>
      </c>
      <c r="T181" s="16">
        <v>1</v>
      </c>
      <c r="U181" s="22" t="s">
        <v>268</v>
      </c>
      <c r="V181" s="16">
        <v>3</v>
      </c>
      <c r="W181" s="16">
        <v>15</v>
      </c>
      <c r="X181" s="16">
        <v>8</v>
      </c>
      <c r="Y181" s="16">
        <v>2</v>
      </c>
      <c r="Z181" s="16">
        <v>70</v>
      </c>
      <c r="AA181" s="22" t="s">
        <v>268</v>
      </c>
      <c r="AB181" s="16">
        <v>5</v>
      </c>
      <c r="AC181" s="22" t="s">
        <v>268</v>
      </c>
      <c r="AD181" s="16">
        <v>70</v>
      </c>
    </row>
    <row r="182" spans="1:30">
      <c r="A182" s="21" t="s">
        <v>240</v>
      </c>
      <c r="B182" s="21" t="s">
        <v>237</v>
      </c>
      <c r="C182" s="21" t="s">
        <v>265</v>
      </c>
      <c r="D182" s="21" t="s">
        <v>214</v>
      </c>
      <c r="E182" s="21" t="s">
        <v>466</v>
      </c>
      <c r="F182" s="21" t="s">
        <v>419</v>
      </c>
      <c r="G182" s="16">
        <v>80</v>
      </c>
      <c r="H182" s="16">
        <v>29</v>
      </c>
      <c r="I182" s="16">
        <v>1</v>
      </c>
      <c r="J182" s="22" t="s">
        <v>268</v>
      </c>
      <c r="K182" s="22" t="s">
        <v>268</v>
      </c>
      <c r="L182" s="22" t="s">
        <v>268</v>
      </c>
      <c r="M182" s="16">
        <v>1</v>
      </c>
      <c r="N182" s="16">
        <v>28</v>
      </c>
      <c r="O182" s="22" t="s">
        <v>268</v>
      </c>
      <c r="P182" s="16">
        <v>1</v>
      </c>
      <c r="Q182" s="22" t="s">
        <v>268</v>
      </c>
      <c r="R182" s="22" t="s">
        <v>268</v>
      </c>
      <c r="S182" s="16">
        <v>2</v>
      </c>
      <c r="T182" s="16">
        <v>2</v>
      </c>
      <c r="U182" s="16">
        <v>2</v>
      </c>
      <c r="V182" s="16">
        <v>3</v>
      </c>
      <c r="W182" s="16">
        <v>9</v>
      </c>
      <c r="X182" s="16">
        <v>9</v>
      </c>
      <c r="Y182" s="16">
        <v>1</v>
      </c>
      <c r="Z182" s="16">
        <v>50</v>
      </c>
      <c r="AA182" s="22" t="s">
        <v>268</v>
      </c>
      <c r="AB182" s="16">
        <v>4</v>
      </c>
      <c r="AC182" s="22" t="s">
        <v>268</v>
      </c>
      <c r="AD182" s="16">
        <v>50</v>
      </c>
    </row>
    <row r="183" spans="1:30">
      <c r="A183" s="21" t="s">
        <v>240</v>
      </c>
      <c r="B183" s="21" t="s">
        <v>237</v>
      </c>
      <c r="C183" s="21" t="s">
        <v>265</v>
      </c>
      <c r="D183" s="21" t="s">
        <v>214</v>
      </c>
      <c r="E183" s="21" t="s">
        <v>466</v>
      </c>
      <c r="F183" s="21" t="s">
        <v>420</v>
      </c>
      <c r="G183" s="16">
        <v>25</v>
      </c>
      <c r="H183" s="16">
        <v>13</v>
      </c>
      <c r="I183" s="22" t="s">
        <v>268</v>
      </c>
      <c r="J183" s="22" t="s">
        <v>268</v>
      </c>
      <c r="K183" s="22" t="s">
        <v>268</v>
      </c>
      <c r="L183" s="22" t="s">
        <v>268</v>
      </c>
      <c r="M183" s="22" t="s">
        <v>268</v>
      </c>
      <c r="N183" s="16">
        <v>13</v>
      </c>
      <c r="O183" s="22" t="s">
        <v>268</v>
      </c>
      <c r="P183" s="22" t="s">
        <v>268</v>
      </c>
      <c r="Q183" s="22" t="s">
        <v>268</v>
      </c>
      <c r="R183" s="22" t="s">
        <v>268</v>
      </c>
      <c r="S183" s="16">
        <v>4</v>
      </c>
      <c r="T183" s="22" t="s">
        <v>268</v>
      </c>
      <c r="U183" s="22" t="s">
        <v>268</v>
      </c>
      <c r="V183" s="16">
        <v>1</v>
      </c>
      <c r="W183" s="16">
        <v>3</v>
      </c>
      <c r="X183" s="16">
        <v>5</v>
      </c>
      <c r="Y183" s="22" t="s">
        <v>268</v>
      </c>
      <c r="Z183" s="16">
        <v>12</v>
      </c>
      <c r="AA183" s="22" t="s">
        <v>268</v>
      </c>
      <c r="AB183" s="16">
        <v>1</v>
      </c>
      <c r="AC183" s="22" t="s">
        <v>268</v>
      </c>
      <c r="AD183" s="16">
        <v>12</v>
      </c>
    </row>
    <row r="184" spans="1:30">
      <c r="A184" s="21" t="s">
        <v>240</v>
      </c>
      <c r="B184" s="21" t="s">
        <v>237</v>
      </c>
      <c r="C184" s="21" t="s">
        <v>265</v>
      </c>
      <c r="D184" s="21" t="s">
        <v>214</v>
      </c>
      <c r="E184" s="21" t="s">
        <v>466</v>
      </c>
      <c r="F184" s="21" t="s">
        <v>421</v>
      </c>
      <c r="G184" s="16">
        <v>9</v>
      </c>
      <c r="H184" s="16">
        <v>4</v>
      </c>
      <c r="I184" s="22" t="s">
        <v>268</v>
      </c>
      <c r="J184" s="22" t="s">
        <v>268</v>
      </c>
      <c r="K184" s="22" t="s">
        <v>268</v>
      </c>
      <c r="L184" s="22" t="s">
        <v>268</v>
      </c>
      <c r="M184" s="22" t="s">
        <v>268</v>
      </c>
      <c r="N184" s="16">
        <v>4</v>
      </c>
      <c r="O184" s="22" t="s">
        <v>268</v>
      </c>
      <c r="P184" s="22" t="s">
        <v>268</v>
      </c>
      <c r="Q184" s="22" t="s">
        <v>268</v>
      </c>
      <c r="R184" s="22" t="s">
        <v>268</v>
      </c>
      <c r="S184" s="22" t="s">
        <v>268</v>
      </c>
      <c r="T184" s="22" t="s">
        <v>268</v>
      </c>
      <c r="U184" s="22" t="s">
        <v>268</v>
      </c>
      <c r="V184" s="22" t="s">
        <v>268</v>
      </c>
      <c r="W184" s="16">
        <v>1</v>
      </c>
      <c r="X184" s="16">
        <v>3</v>
      </c>
      <c r="Y184" s="22" t="s">
        <v>268</v>
      </c>
      <c r="Z184" s="16">
        <v>5</v>
      </c>
      <c r="AA184" s="22" t="s">
        <v>268</v>
      </c>
      <c r="AB184" s="22" t="s">
        <v>268</v>
      </c>
      <c r="AC184" s="22" t="s">
        <v>268</v>
      </c>
      <c r="AD184" s="16">
        <v>5</v>
      </c>
    </row>
    <row r="185" spans="1:30">
      <c r="A185" s="21" t="s">
        <v>240</v>
      </c>
      <c r="B185" s="21" t="s">
        <v>237</v>
      </c>
      <c r="C185" s="21" t="s">
        <v>265</v>
      </c>
      <c r="D185" s="21" t="s">
        <v>214</v>
      </c>
      <c r="E185" s="21" t="s">
        <v>466</v>
      </c>
      <c r="F185" s="21" t="s">
        <v>422</v>
      </c>
      <c r="G185" s="22" t="s">
        <v>268</v>
      </c>
      <c r="H185" s="22" t="s">
        <v>268</v>
      </c>
      <c r="I185" s="22" t="s">
        <v>268</v>
      </c>
      <c r="J185" s="22" t="s">
        <v>268</v>
      </c>
      <c r="K185" s="22" t="s">
        <v>268</v>
      </c>
      <c r="L185" s="22" t="s">
        <v>268</v>
      </c>
      <c r="M185" s="22" t="s">
        <v>268</v>
      </c>
      <c r="N185" s="22" t="s">
        <v>268</v>
      </c>
      <c r="O185" s="22" t="s">
        <v>268</v>
      </c>
      <c r="P185" s="22" t="s">
        <v>268</v>
      </c>
      <c r="Q185" s="22" t="s">
        <v>268</v>
      </c>
      <c r="R185" s="22" t="s">
        <v>268</v>
      </c>
      <c r="S185" s="22" t="s">
        <v>268</v>
      </c>
      <c r="T185" s="22" t="s">
        <v>268</v>
      </c>
      <c r="U185" s="22" t="s">
        <v>268</v>
      </c>
      <c r="V185" s="22" t="s">
        <v>268</v>
      </c>
      <c r="W185" s="22" t="s">
        <v>268</v>
      </c>
      <c r="X185" s="22" t="s">
        <v>268</v>
      </c>
      <c r="Y185" s="22" t="s">
        <v>268</v>
      </c>
      <c r="Z185" s="22" t="s">
        <v>268</v>
      </c>
      <c r="AA185" s="22" t="s">
        <v>268</v>
      </c>
      <c r="AB185" s="22" t="s">
        <v>268</v>
      </c>
      <c r="AC185" s="22" t="s">
        <v>268</v>
      </c>
      <c r="AD185" s="22" t="s">
        <v>268</v>
      </c>
    </row>
    <row r="186" spans="1:30">
      <c r="A186" s="21" t="s">
        <v>240</v>
      </c>
      <c r="B186" s="21" t="s">
        <v>237</v>
      </c>
      <c r="C186" s="21" t="s">
        <v>265</v>
      </c>
      <c r="D186" s="21" t="s">
        <v>214</v>
      </c>
      <c r="E186" s="21" t="s">
        <v>466</v>
      </c>
      <c r="F186" s="21" t="s">
        <v>423</v>
      </c>
      <c r="G186" s="22" t="s">
        <v>268</v>
      </c>
      <c r="H186" s="22" t="s">
        <v>268</v>
      </c>
      <c r="I186" s="22" t="s">
        <v>268</v>
      </c>
      <c r="J186" s="22" t="s">
        <v>268</v>
      </c>
      <c r="K186" s="22" t="s">
        <v>268</v>
      </c>
      <c r="L186" s="22" t="s">
        <v>268</v>
      </c>
      <c r="M186" s="22" t="s">
        <v>268</v>
      </c>
      <c r="N186" s="22" t="s">
        <v>268</v>
      </c>
      <c r="O186" s="22" t="s">
        <v>268</v>
      </c>
      <c r="P186" s="22" t="s">
        <v>268</v>
      </c>
      <c r="Q186" s="22" t="s">
        <v>268</v>
      </c>
      <c r="R186" s="22" t="s">
        <v>268</v>
      </c>
      <c r="S186" s="22" t="s">
        <v>268</v>
      </c>
      <c r="T186" s="22" t="s">
        <v>268</v>
      </c>
      <c r="U186" s="22" t="s">
        <v>268</v>
      </c>
      <c r="V186" s="22" t="s">
        <v>268</v>
      </c>
      <c r="W186" s="22" t="s">
        <v>268</v>
      </c>
      <c r="X186" s="22" t="s">
        <v>268</v>
      </c>
      <c r="Y186" s="22" t="s">
        <v>268</v>
      </c>
      <c r="Z186" s="22" t="s">
        <v>268</v>
      </c>
      <c r="AA186" s="22" t="s">
        <v>268</v>
      </c>
      <c r="AB186" s="22" t="s">
        <v>268</v>
      </c>
      <c r="AC186" s="22" t="s">
        <v>268</v>
      </c>
      <c r="AD186" s="22" t="s">
        <v>268</v>
      </c>
    </row>
    <row r="187" spans="1:30">
      <c r="A187" s="21" t="s">
        <v>240</v>
      </c>
      <c r="B187" s="21" t="s">
        <v>237</v>
      </c>
      <c r="C187" s="21" t="s">
        <v>265</v>
      </c>
      <c r="D187" s="21" t="s">
        <v>214</v>
      </c>
      <c r="E187" s="21" t="s">
        <v>466</v>
      </c>
      <c r="F187" s="21" t="s">
        <v>386</v>
      </c>
      <c r="G187" s="16">
        <v>14645</v>
      </c>
      <c r="H187" s="16">
        <v>14569</v>
      </c>
      <c r="I187" s="16">
        <v>10859</v>
      </c>
      <c r="J187" s="22" t="s">
        <v>268</v>
      </c>
      <c r="K187" s="16">
        <v>9327</v>
      </c>
      <c r="L187" s="16">
        <v>109</v>
      </c>
      <c r="M187" s="16">
        <v>1423</v>
      </c>
      <c r="N187" s="16">
        <v>3710</v>
      </c>
      <c r="O187" s="22" t="s">
        <v>268</v>
      </c>
      <c r="P187" s="22" t="s">
        <v>268</v>
      </c>
      <c r="Q187" s="16">
        <v>1092</v>
      </c>
      <c r="R187" s="16">
        <v>796</v>
      </c>
      <c r="S187" s="16">
        <v>56</v>
      </c>
      <c r="T187" s="16">
        <v>487</v>
      </c>
      <c r="U187" s="16">
        <v>218</v>
      </c>
      <c r="V187" s="16">
        <v>709</v>
      </c>
      <c r="W187" s="16">
        <v>1</v>
      </c>
      <c r="X187" s="16">
        <v>351</v>
      </c>
      <c r="Y187" s="16">
        <v>76</v>
      </c>
      <c r="Z187" s="22" t="s">
        <v>268</v>
      </c>
      <c r="AA187" s="22" t="s">
        <v>268</v>
      </c>
      <c r="AB187" s="16">
        <v>3630</v>
      </c>
      <c r="AC187" s="22" t="s">
        <v>268</v>
      </c>
      <c r="AD187" s="22" t="s">
        <v>268</v>
      </c>
    </row>
    <row r="188" spans="1:30">
      <c r="A188" s="21" t="s">
        <v>240</v>
      </c>
      <c r="B188" s="21" t="s">
        <v>237</v>
      </c>
      <c r="C188" s="21" t="s">
        <v>265</v>
      </c>
      <c r="D188" s="21" t="s">
        <v>214</v>
      </c>
      <c r="E188" s="21" t="s">
        <v>466</v>
      </c>
      <c r="F188" s="21" t="s">
        <v>387</v>
      </c>
      <c r="G188" s="16">
        <v>22018</v>
      </c>
      <c r="H188" s="16">
        <v>17139</v>
      </c>
      <c r="I188" s="16">
        <v>12482</v>
      </c>
      <c r="J188" s="22" t="s">
        <v>268</v>
      </c>
      <c r="K188" s="16">
        <v>8011</v>
      </c>
      <c r="L188" s="16">
        <v>714</v>
      </c>
      <c r="M188" s="16">
        <v>3757</v>
      </c>
      <c r="N188" s="16">
        <v>4657</v>
      </c>
      <c r="O188" s="22" t="s">
        <v>268</v>
      </c>
      <c r="P188" s="22" t="s">
        <v>268</v>
      </c>
      <c r="Q188" s="16">
        <v>828</v>
      </c>
      <c r="R188" s="16">
        <v>1316</v>
      </c>
      <c r="S188" s="16">
        <v>92</v>
      </c>
      <c r="T188" s="16">
        <v>644</v>
      </c>
      <c r="U188" s="16">
        <v>107</v>
      </c>
      <c r="V188" s="16">
        <v>484</v>
      </c>
      <c r="W188" s="16">
        <v>324</v>
      </c>
      <c r="X188" s="16">
        <v>862</v>
      </c>
      <c r="Y188" s="16">
        <v>463</v>
      </c>
      <c r="Z188" s="16">
        <v>4416</v>
      </c>
      <c r="AA188" s="22" t="s">
        <v>268</v>
      </c>
      <c r="AB188" s="16">
        <v>3936</v>
      </c>
      <c r="AC188" s="22" t="s">
        <v>268</v>
      </c>
      <c r="AD188" s="22" t="s">
        <v>268</v>
      </c>
    </row>
    <row r="189" spans="1:30">
      <c r="A189" s="21" t="s">
        <v>240</v>
      </c>
      <c r="B189" s="21" t="s">
        <v>237</v>
      </c>
      <c r="C189" s="21" t="s">
        <v>265</v>
      </c>
      <c r="D189" s="21" t="s">
        <v>214</v>
      </c>
      <c r="E189" s="21" t="s">
        <v>466</v>
      </c>
      <c r="F189" s="21" t="s">
        <v>388</v>
      </c>
      <c r="G189" s="16">
        <v>1706</v>
      </c>
      <c r="H189" s="16">
        <v>593</v>
      </c>
      <c r="I189" s="16">
        <v>165</v>
      </c>
      <c r="J189" s="22" t="s">
        <v>268</v>
      </c>
      <c r="K189" s="16">
        <v>11</v>
      </c>
      <c r="L189" s="16">
        <v>7</v>
      </c>
      <c r="M189" s="16">
        <v>147</v>
      </c>
      <c r="N189" s="16">
        <v>428</v>
      </c>
      <c r="O189" s="22" t="s">
        <v>268</v>
      </c>
      <c r="P189" s="16">
        <v>3</v>
      </c>
      <c r="Q189" s="22" t="s">
        <v>268</v>
      </c>
      <c r="R189" s="16">
        <v>2</v>
      </c>
      <c r="S189" s="16">
        <v>62</v>
      </c>
      <c r="T189" s="16">
        <v>30</v>
      </c>
      <c r="U189" s="16">
        <v>15</v>
      </c>
      <c r="V189" s="16">
        <v>14</v>
      </c>
      <c r="W189" s="16">
        <v>243</v>
      </c>
      <c r="X189" s="16">
        <v>59</v>
      </c>
      <c r="Y189" s="16">
        <v>38</v>
      </c>
      <c r="Z189" s="16">
        <v>1075</v>
      </c>
      <c r="AA189" s="22" t="s">
        <v>268</v>
      </c>
      <c r="AB189" s="16">
        <v>27</v>
      </c>
      <c r="AC189" s="22" t="s">
        <v>268</v>
      </c>
      <c r="AD189" s="16">
        <v>1075</v>
      </c>
    </row>
    <row r="190" spans="1:30">
      <c r="A190" s="21" t="s">
        <v>240</v>
      </c>
      <c r="B190" s="21" t="s">
        <v>237</v>
      </c>
      <c r="C190" s="21" t="s">
        <v>265</v>
      </c>
      <c r="D190" s="21" t="s">
        <v>214</v>
      </c>
      <c r="E190" s="21" t="s">
        <v>466</v>
      </c>
      <c r="F190" s="21" t="s">
        <v>389</v>
      </c>
      <c r="G190" s="16">
        <v>483</v>
      </c>
      <c r="H190" s="16">
        <v>164</v>
      </c>
      <c r="I190" s="16">
        <v>14</v>
      </c>
      <c r="J190" s="22" t="s">
        <v>268</v>
      </c>
      <c r="K190" s="22" t="s">
        <v>268</v>
      </c>
      <c r="L190" s="22" t="s">
        <v>268</v>
      </c>
      <c r="M190" s="16">
        <v>14</v>
      </c>
      <c r="N190" s="16">
        <v>150</v>
      </c>
      <c r="O190" s="22" t="s">
        <v>268</v>
      </c>
      <c r="P190" s="16">
        <v>3</v>
      </c>
      <c r="Q190" s="22" t="s">
        <v>268</v>
      </c>
      <c r="R190" s="22" t="s">
        <v>268</v>
      </c>
      <c r="S190" s="16">
        <v>25</v>
      </c>
      <c r="T190" s="16">
        <v>8</v>
      </c>
      <c r="U190" s="16">
        <v>3</v>
      </c>
      <c r="V190" s="16">
        <v>7</v>
      </c>
      <c r="W190" s="16">
        <v>68</v>
      </c>
      <c r="X190" s="16">
        <v>36</v>
      </c>
      <c r="Y190" s="16">
        <v>7</v>
      </c>
      <c r="Z190" s="16">
        <v>312</v>
      </c>
      <c r="AA190" s="22" t="s">
        <v>268</v>
      </c>
      <c r="AB190" s="16">
        <v>12</v>
      </c>
      <c r="AC190" s="22" t="s">
        <v>268</v>
      </c>
      <c r="AD190" s="16">
        <v>312</v>
      </c>
    </row>
    <row r="191" spans="1:30">
      <c r="A191" s="21" t="s">
        <v>240</v>
      </c>
      <c r="B191" s="21" t="s">
        <v>237</v>
      </c>
      <c r="C191" s="21" t="s">
        <v>265</v>
      </c>
      <c r="D191" s="21" t="s">
        <v>214</v>
      </c>
      <c r="E191" s="21" t="s">
        <v>466</v>
      </c>
      <c r="F191" s="21" t="s">
        <v>390</v>
      </c>
      <c r="G191" s="16">
        <v>114</v>
      </c>
      <c r="H191" s="16">
        <v>46</v>
      </c>
      <c r="I191" s="16">
        <v>1</v>
      </c>
      <c r="J191" s="22" t="s">
        <v>268</v>
      </c>
      <c r="K191" s="22" t="s">
        <v>268</v>
      </c>
      <c r="L191" s="22" t="s">
        <v>268</v>
      </c>
      <c r="M191" s="16">
        <v>1</v>
      </c>
      <c r="N191" s="16">
        <v>45</v>
      </c>
      <c r="O191" s="22" t="s">
        <v>268</v>
      </c>
      <c r="P191" s="16">
        <v>1</v>
      </c>
      <c r="Q191" s="22" t="s">
        <v>268</v>
      </c>
      <c r="R191" s="22" t="s">
        <v>268</v>
      </c>
      <c r="S191" s="16">
        <v>6</v>
      </c>
      <c r="T191" s="16">
        <v>2</v>
      </c>
      <c r="U191" s="16">
        <v>2</v>
      </c>
      <c r="V191" s="16">
        <v>4</v>
      </c>
      <c r="W191" s="16">
        <v>13</v>
      </c>
      <c r="X191" s="16">
        <v>17</v>
      </c>
      <c r="Y191" s="16">
        <v>1</v>
      </c>
      <c r="Z191" s="16">
        <v>67</v>
      </c>
      <c r="AA191" s="22" t="s">
        <v>268</v>
      </c>
      <c r="AB191" s="16">
        <v>5</v>
      </c>
      <c r="AC191" s="22" t="s">
        <v>268</v>
      </c>
      <c r="AD191" s="16">
        <v>67</v>
      </c>
    </row>
    <row r="192" spans="1:30">
      <c r="A192" s="21" t="s">
        <v>240</v>
      </c>
      <c r="B192" s="21" t="s">
        <v>237</v>
      </c>
      <c r="C192" s="21" t="s">
        <v>265</v>
      </c>
      <c r="D192" s="21" t="s">
        <v>214</v>
      </c>
      <c r="E192" s="21" t="s">
        <v>466</v>
      </c>
      <c r="F192" s="21" t="s">
        <v>391</v>
      </c>
      <c r="G192" s="16">
        <v>17848</v>
      </c>
      <c r="H192" s="16">
        <v>12646</v>
      </c>
      <c r="I192" s="16">
        <v>9251</v>
      </c>
      <c r="J192" s="22" t="s">
        <v>268</v>
      </c>
      <c r="K192" s="16">
        <v>5532</v>
      </c>
      <c r="L192" s="16">
        <v>621</v>
      </c>
      <c r="M192" s="16">
        <v>3098</v>
      </c>
      <c r="N192" s="16">
        <v>3395</v>
      </c>
      <c r="O192" s="22" t="s">
        <v>268</v>
      </c>
      <c r="P192" s="22" t="s">
        <v>268</v>
      </c>
      <c r="Q192" s="16">
        <v>423</v>
      </c>
      <c r="R192" s="16">
        <v>946</v>
      </c>
      <c r="S192" s="16">
        <v>88</v>
      </c>
      <c r="T192" s="16">
        <v>427</v>
      </c>
      <c r="U192" s="16">
        <v>93</v>
      </c>
      <c r="V192" s="16">
        <v>337</v>
      </c>
      <c r="W192" s="16">
        <v>420</v>
      </c>
      <c r="X192" s="16">
        <v>661</v>
      </c>
      <c r="Y192" s="16">
        <v>449</v>
      </c>
      <c r="Z192" s="16">
        <v>4753</v>
      </c>
      <c r="AA192" s="22" t="s">
        <v>268</v>
      </c>
      <c r="AB192" s="16">
        <v>2589</v>
      </c>
      <c r="AC192" s="22" t="s">
        <v>268</v>
      </c>
      <c r="AD192" s="16">
        <v>431</v>
      </c>
    </row>
    <row r="193" spans="1:30">
      <c r="A193" s="21" t="s">
        <v>240</v>
      </c>
      <c r="B193" s="21" t="s">
        <v>237</v>
      </c>
      <c r="C193" s="21" t="s">
        <v>265</v>
      </c>
      <c r="D193" s="21" t="s">
        <v>215</v>
      </c>
      <c r="E193" s="21" t="s">
        <v>466</v>
      </c>
      <c r="F193" s="21" t="s">
        <v>401</v>
      </c>
      <c r="G193" s="16">
        <v>20235</v>
      </c>
      <c r="H193" s="16">
        <v>17057</v>
      </c>
      <c r="I193" s="16">
        <v>12519</v>
      </c>
      <c r="J193" s="22" t="s">
        <v>268</v>
      </c>
      <c r="K193" s="16">
        <v>9136</v>
      </c>
      <c r="L193" s="16">
        <v>483</v>
      </c>
      <c r="M193" s="16">
        <v>2900</v>
      </c>
      <c r="N193" s="16">
        <v>4538</v>
      </c>
      <c r="O193" s="22" t="s">
        <v>268</v>
      </c>
      <c r="P193" s="22" t="s">
        <v>268</v>
      </c>
      <c r="Q193" s="16">
        <v>965</v>
      </c>
      <c r="R193" s="16">
        <v>1129</v>
      </c>
      <c r="S193" s="16">
        <v>103</v>
      </c>
      <c r="T193" s="16">
        <v>593</v>
      </c>
      <c r="U193" s="16">
        <v>173</v>
      </c>
      <c r="V193" s="16">
        <v>596</v>
      </c>
      <c r="W193" s="16">
        <v>302</v>
      </c>
      <c r="X193" s="16">
        <v>677</v>
      </c>
      <c r="Y193" s="16">
        <v>279</v>
      </c>
      <c r="Z193" s="16">
        <v>2899</v>
      </c>
      <c r="AA193" s="22" t="s">
        <v>268</v>
      </c>
      <c r="AB193" s="16">
        <v>3901</v>
      </c>
      <c r="AC193" s="22" t="s">
        <v>268</v>
      </c>
      <c r="AD193" s="16">
        <v>558</v>
      </c>
    </row>
    <row r="194" spans="1:30">
      <c r="A194" s="21" t="s">
        <v>240</v>
      </c>
      <c r="B194" s="21" t="s">
        <v>237</v>
      </c>
      <c r="C194" s="21" t="s">
        <v>265</v>
      </c>
      <c r="D194" s="21" t="s">
        <v>215</v>
      </c>
      <c r="E194" s="21" t="s">
        <v>466</v>
      </c>
      <c r="F194" s="21" t="s">
        <v>405</v>
      </c>
      <c r="G194" s="16">
        <v>2442</v>
      </c>
      <c r="H194" s="16">
        <v>2375</v>
      </c>
      <c r="I194" s="16">
        <v>1655</v>
      </c>
      <c r="J194" s="22" t="s">
        <v>268</v>
      </c>
      <c r="K194" s="16">
        <v>1229</v>
      </c>
      <c r="L194" s="16">
        <v>51</v>
      </c>
      <c r="M194" s="16">
        <v>375</v>
      </c>
      <c r="N194" s="16">
        <v>720</v>
      </c>
      <c r="O194" s="22" t="s">
        <v>268</v>
      </c>
      <c r="P194" s="22" t="s">
        <v>268</v>
      </c>
      <c r="Q194" s="16">
        <v>195</v>
      </c>
      <c r="R194" s="16">
        <v>186</v>
      </c>
      <c r="S194" s="16">
        <v>12</v>
      </c>
      <c r="T194" s="16">
        <v>122</v>
      </c>
      <c r="U194" s="16">
        <v>11</v>
      </c>
      <c r="V194" s="16">
        <v>80</v>
      </c>
      <c r="W194" s="16">
        <v>3</v>
      </c>
      <c r="X194" s="16">
        <v>111</v>
      </c>
      <c r="Y194" s="16">
        <v>17</v>
      </c>
      <c r="Z194" s="16">
        <v>50</v>
      </c>
      <c r="AA194" s="22" t="s">
        <v>268</v>
      </c>
      <c r="AB194" s="16">
        <v>675</v>
      </c>
      <c r="AC194" s="22" t="s">
        <v>268</v>
      </c>
      <c r="AD194" s="22" t="s">
        <v>268</v>
      </c>
    </row>
    <row r="195" spans="1:30">
      <c r="A195" s="21" t="s">
        <v>240</v>
      </c>
      <c r="B195" s="21" t="s">
        <v>237</v>
      </c>
      <c r="C195" s="21" t="s">
        <v>265</v>
      </c>
      <c r="D195" s="21" t="s">
        <v>215</v>
      </c>
      <c r="E195" s="21" t="s">
        <v>466</v>
      </c>
      <c r="F195" s="21" t="s">
        <v>406</v>
      </c>
      <c r="G195" s="16">
        <v>1756</v>
      </c>
      <c r="H195" s="16">
        <v>1378</v>
      </c>
      <c r="I195" s="16">
        <v>924</v>
      </c>
      <c r="J195" s="22" t="s">
        <v>268</v>
      </c>
      <c r="K195" s="16">
        <v>696</v>
      </c>
      <c r="L195" s="16">
        <v>37</v>
      </c>
      <c r="M195" s="16">
        <v>191</v>
      </c>
      <c r="N195" s="16">
        <v>454</v>
      </c>
      <c r="O195" s="22" t="s">
        <v>268</v>
      </c>
      <c r="P195" s="22" t="s">
        <v>268</v>
      </c>
      <c r="Q195" s="16">
        <v>119</v>
      </c>
      <c r="R195" s="16">
        <v>135</v>
      </c>
      <c r="S195" s="16">
        <v>14</v>
      </c>
      <c r="T195" s="16">
        <v>58</v>
      </c>
      <c r="U195" s="16">
        <v>3</v>
      </c>
      <c r="V195" s="16">
        <v>38</v>
      </c>
      <c r="W195" s="16">
        <v>7</v>
      </c>
      <c r="X195" s="16">
        <v>80</v>
      </c>
      <c r="Y195" s="16">
        <v>47</v>
      </c>
      <c r="Z195" s="16">
        <v>331</v>
      </c>
      <c r="AA195" s="22" t="s">
        <v>268</v>
      </c>
      <c r="AB195" s="16">
        <v>426</v>
      </c>
      <c r="AC195" s="22" t="s">
        <v>268</v>
      </c>
      <c r="AD195" s="22" t="s">
        <v>268</v>
      </c>
    </row>
    <row r="196" spans="1:30">
      <c r="A196" s="21" t="s">
        <v>240</v>
      </c>
      <c r="B196" s="21" t="s">
        <v>237</v>
      </c>
      <c r="C196" s="21" t="s">
        <v>265</v>
      </c>
      <c r="D196" s="21" t="s">
        <v>215</v>
      </c>
      <c r="E196" s="21" t="s">
        <v>466</v>
      </c>
      <c r="F196" s="21" t="s">
        <v>407</v>
      </c>
      <c r="G196" s="16">
        <v>1448</v>
      </c>
      <c r="H196" s="16">
        <v>1036</v>
      </c>
      <c r="I196" s="16">
        <v>682</v>
      </c>
      <c r="J196" s="22" t="s">
        <v>268</v>
      </c>
      <c r="K196" s="16">
        <v>479</v>
      </c>
      <c r="L196" s="16">
        <v>39</v>
      </c>
      <c r="M196" s="16">
        <v>164</v>
      </c>
      <c r="N196" s="16">
        <v>354</v>
      </c>
      <c r="O196" s="22" t="s">
        <v>268</v>
      </c>
      <c r="P196" s="22" t="s">
        <v>268</v>
      </c>
      <c r="Q196" s="16">
        <v>51</v>
      </c>
      <c r="R196" s="16">
        <v>152</v>
      </c>
      <c r="S196" s="16">
        <v>6</v>
      </c>
      <c r="T196" s="16">
        <v>38</v>
      </c>
      <c r="U196" s="16">
        <v>2</v>
      </c>
      <c r="V196" s="16">
        <v>19</v>
      </c>
      <c r="W196" s="16">
        <v>9</v>
      </c>
      <c r="X196" s="16">
        <v>77</v>
      </c>
      <c r="Y196" s="16">
        <v>38</v>
      </c>
      <c r="Z196" s="16">
        <v>374</v>
      </c>
      <c r="AA196" s="22" t="s">
        <v>268</v>
      </c>
      <c r="AB196" s="16">
        <v>317</v>
      </c>
      <c r="AC196" s="22" t="s">
        <v>268</v>
      </c>
      <c r="AD196" s="22" t="s">
        <v>268</v>
      </c>
    </row>
    <row r="197" spans="1:30">
      <c r="A197" s="21" t="s">
        <v>240</v>
      </c>
      <c r="B197" s="21" t="s">
        <v>237</v>
      </c>
      <c r="C197" s="21" t="s">
        <v>265</v>
      </c>
      <c r="D197" s="21" t="s">
        <v>215</v>
      </c>
      <c r="E197" s="21" t="s">
        <v>466</v>
      </c>
      <c r="F197" s="21" t="s">
        <v>408</v>
      </c>
      <c r="G197" s="16">
        <v>1168</v>
      </c>
      <c r="H197" s="16">
        <v>881</v>
      </c>
      <c r="I197" s="16">
        <v>596</v>
      </c>
      <c r="J197" s="22" t="s">
        <v>268</v>
      </c>
      <c r="K197" s="16">
        <v>428</v>
      </c>
      <c r="L197" s="16">
        <v>37</v>
      </c>
      <c r="M197" s="16">
        <v>131</v>
      </c>
      <c r="N197" s="16">
        <v>285</v>
      </c>
      <c r="O197" s="22" t="s">
        <v>268</v>
      </c>
      <c r="P197" s="22" t="s">
        <v>268</v>
      </c>
      <c r="Q197" s="16">
        <v>37</v>
      </c>
      <c r="R197" s="16">
        <v>104</v>
      </c>
      <c r="S197" s="16">
        <v>3</v>
      </c>
      <c r="T197" s="16">
        <v>29</v>
      </c>
      <c r="U197" s="16">
        <v>6</v>
      </c>
      <c r="V197" s="16">
        <v>24</v>
      </c>
      <c r="W197" s="16">
        <v>4</v>
      </c>
      <c r="X197" s="16">
        <v>78</v>
      </c>
      <c r="Y197" s="16">
        <v>31</v>
      </c>
      <c r="Z197" s="16">
        <v>256</v>
      </c>
      <c r="AA197" s="22" t="s">
        <v>268</v>
      </c>
      <c r="AB197" s="16">
        <v>244</v>
      </c>
      <c r="AC197" s="22" t="s">
        <v>268</v>
      </c>
      <c r="AD197" s="22" t="s">
        <v>268</v>
      </c>
    </row>
    <row r="198" spans="1:30">
      <c r="A198" s="21" t="s">
        <v>240</v>
      </c>
      <c r="B198" s="21" t="s">
        <v>237</v>
      </c>
      <c r="C198" s="21" t="s">
        <v>265</v>
      </c>
      <c r="D198" s="21" t="s">
        <v>215</v>
      </c>
      <c r="E198" s="21" t="s">
        <v>466</v>
      </c>
      <c r="F198" s="21" t="s">
        <v>409</v>
      </c>
      <c r="G198" s="16">
        <v>1020</v>
      </c>
      <c r="H198" s="16">
        <v>804</v>
      </c>
      <c r="I198" s="16">
        <v>616</v>
      </c>
      <c r="J198" s="22" t="s">
        <v>268</v>
      </c>
      <c r="K198" s="16">
        <v>404</v>
      </c>
      <c r="L198" s="16">
        <v>45</v>
      </c>
      <c r="M198" s="16">
        <v>167</v>
      </c>
      <c r="N198" s="16">
        <v>188</v>
      </c>
      <c r="O198" s="22" t="s">
        <v>268</v>
      </c>
      <c r="P198" s="22" t="s">
        <v>268</v>
      </c>
      <c r="Q198" s="16">
        <v>15</v>
      </c>
      <c r="R198" s="16">
        <v>78</v>
      </c>
      <c r="S198" s="16">
        <v>1</v>
      </c>
      <c r="T198" s="16">
        <v>21</v>
      </c>
      <c r="U198" s="16">
        <v>3</v>
      </c>
      <c r="V198" s="16">
        <v>17</v>
      </c>
      <c r="W198" s="16">
        <v>8</v>
      </c>
      <c r="X198" s="16">
        <v>45</v>
      </c>
      <c r="Y198" s="16">
        <v>18</v>
      </c>
      <c r="Z198" s="16">
        <v>198</v>
      </c>
      <c r="AA198" s="22" t="s">
        <v>268</v>
      </c>
      <c r="AB198" s="16">
        <v>160</v>
      </c>
      <c r="AC198" s="22" t="s">
        <v>268</v>
      </c>
      <c r="AD198" s="22" t="s">
        <v>268</v>
      </c>
    </row>
    <row r="199" spans="1:30">
      <c r="A199" s="21" t="s">
        <v>240</v>
      </c>
      <c r="B199" s="21" t="s">
        <v>237</v>
      </c>
      <c r="C199" s="21" t="s">
        <v>265</v>
      </c>
      <c r="D199" s="21" t="s">
        <v>215</v>
      </c>
      <c r="E199" s="21" t="s">
        <v>466</v>
      </c>
      <c r="F199" s="21" t="s">
        <v>410</v>
      </c>
      <c r="G199" s="16">
        <v>935</v>
      </c>
      <c r="H199" s="16">
        <v>762</v>
      </c>
      <c r="I199" s="16">
        <v>642</v>
      </c>
      <c r="J199" s="22" t="s">
        <v>268</v>
      </c>
      <c r="K199" s="16">
        <v>407</v>
      </c>
      <c r="L199" s="16">
        <v>47</v>
      </c>
      <c r="M199" s="16">
        <v>188</v>
      </c>
      <c r="N199" s="16">
        <v>120</v>
      </c>
      <c r="O199" s="22" t="s">
        <v>268</v>
      </c>
      <c r="P199" s="22" t="s">
        <v>268</v>
      </c>
      <c r="Q199" s="22" t="s">
        <v>268</v>
      </c>
      <c r="R199" s="16">
        <v>37</v>
      </c>
      <c r="S199" s="16">
        <v>2</v>
      </c>
      <c r="T199" s="16">
        <v>18</v>
      </c>
      <c r="U199" s="16">
        <v>5</v>
      </c>
      <c r="V199" s="16">
        <v>20</v>
      </c>
      <c r="W199" s="16">
        <v>10</v>
      </c>
      <c r="X199" s="16">
        <v>28</v>
      </c>
      <c r="Y199" s="16">
        <v>15</v>
      </c>
      <c r="Z199" s="16">
        <v>158</v>
      </c>
      <c r="AA199" s="22" t="s">
        <v>268</v>
      </c>
      <c r="AB199" s="16">
        <v>91</v>
      </c>
      <c r="AC199" s="22" t="s">
        <v>268</v>
      </c>
      <c r="AD199" s="22" t="s">
        <v>268</v>
      </c>
    </row>
    <row r="200" spans="1:30">
      <c r="A200" s="21" t="s">
        <v>240</v>
      </c>
      <c r="B200" s="21" t="s">
        <v>237</v>
      </c>
      <c r="C200" s="21" t="s">
        <v>265</v>
      </c>
      <c r="D200" s="21" t="s">
        <v>215</v>
      </c>
      <c r="E200" s="21" t="s">
        <v>466</v>
      </c>
      <c r="F200" s="21" t="s">
        <v>411</v>
      </c>
      <c r="G200" s="16">
        <v>964</v>
      </c>
      <c r="H200" s="16">
        <v>738</v>
      </c>
      <c r="I200" s="16">
        <v>662</v>
      </c>
      <c r="J200" s="22" t="s">
        <v>268</v>
      </c>
      <c r="K200" s="16">
        <v>359</v>
      </c>
      <c r="L200" s="16">
        <v>66</v>
      </c>
      <c r="M200" s="16">
        <v>237</v>
      </c>
      <c r="N200" s="16">
        <v>76</v>
      </c>
      <c r="O200" s="22" t="s">
        <v>268</v>
      </c>
      <c r="P200" s="22" t="s">
        <v>268</v>
      </c>
      <c r="Q200" s="22" t="s">
        <v>268</v>
      </c>
      <c r="R200" s="16">
        <v>17</v>
      </c>
      <c r="S200" s="16">
        <v>2</v>
      </c>
      <c r="T200" s="16">
        <v>7</v>
      </c>
      <c r="U200" s="16">
        <v>3</v>
      </c>
      <c r="V200" s="16">
        <v>6</v>
      </c>
      <c r="W200" s="16">
        <v>16</v>
      </c>
      <c r="X200" s="16">
        <v>25</v>
      </c>
      <c r="Y200" s="16">
        <v>22</v>
      </c>
      <c r="Z200" s="16">
        <v>204</v>
      </c>
      <c r="AA200" s="22" t="s">
        <v>268</v>
      </c>
      <c r="AB200" s="16">
        <v>45</v>
      </c>
      <c r="AC200" s="22" t="s">
        <v>268</v>
      </c>
      <c r="AD200" s="22" t="s">
        <v>268</v>
      </c>
    </row>
    <row r="201" spans="1:30">
      <c r="A201" s="21" t="s">
        <v>240</v>
      </c>
      <c r="B201" s="21" t="s">
        <v>237</v>
      </c>
      <c r="C201" s="21" t="s">
        <v>265</v>
      </c>
      <c r="D201" s="21" t="s">
        <v>215</v>
      </c>
      <c r="E201" s="21" t="s">
        <v>466</v>
      </c>
      <c r="F201" s="21" t="s">
        <v>412</v>
      </c>
      <c r="G201" s="16">
        <v>826</v>
      </c>
      <c r="H201" s="16">
        <v>613</v>
      </c>
      <c r="I201" s="16">
        <v>532</v>
      </c>
      <c r="J201" s="22" t="s">
        <v>268</v>
      </c>
      <c r="K201" s="16">
        <v>238</v>
      </c>
      <c r="L201" s="16">
        <v>36</v>
      </c>
      <c r="M201" s="16">
        <v>258</v>
      </c>
      <c r="N201" s="16">
        <v>81</v>
      </c>
      <c r="O201" s="22" t="s">
        <v>268</v>
      </c>
      <c r="P201" s="22" t="s">
        <v>268</v>
      </c>
      <c r="Q201" s="22" t="s">
        <v>268</v>
      </c>
      <c r="R201" s="16">
        <v>4</v>
      </c>
      <c r="S201" s="16">
        <v>1</v>
      </c>
      <c r="T201" s="16">
        <v>13</v>
      </c>
      <c r="U201" s="16">
        <v>6</v>
      </c>
      <c r="V201" s="16">
        <v>12</v>
      </c>
      <c r="W201" s="16">
        <v>26</v>
      </c>
      <c r="X201" s="16">
        <v>19</v>
      </c>
      <c r="Y201" s="16">
        <v>12</v>
      </c>
      <c r="Z201" s="16">
        <v>201</v>
      </c>
      <c r="AA201" s="22" t="s">
        <v>268</v>
      </c>
      <c r="AB201" s="16">
        <v>37</v>
      </c>
      <c r="AC201" s="22" t="s">
        <v>268</v>
      </c>
      <c r="AD201" s="22" t="s">
        <v>268</v>
      </c>
    </row>
    <row r="202" spans="1:30">
      <c r="A202" s="21" t="s">
        <v>240</v>
      </c>
      <c r="B202" s="21" t="s">
        <v>237</v>
      </c>
      <c r="C202" s="21" t="s">
        <v>265</v>
      </c>
      <c r="D202" s="21" t="s">
        <v>215</v>
      </c>
      <c r="E202" s="21" t="s">
        <v>466</v>
      </c>
      <c r="F202" s="21" t="s">
        <v>413</v>
      </c>
      <c r="G202" s="16">
        <v>725</v>
      </c>
      <c r="H202" s="16">
        <v>449</v>
      </c>
      <c r="I202" s="16">
        <v>381</v>
      </c>
      <c r="J202" s="22" t="s">
        <v>268</v>
      </c>
      <c r="K202" s="16">
        <v>109</v>
      </c>
      <c r="L202" s="16">
        <v>45</v>
      </c>
      <c r="M202" s="16">
        <v>227</v>
      </c>
      <c r="N202" s="16">
        <v>68</v>
      </c>
      <c r="O202" s="22" t="s">
        <v>268</v>
      </c>
      <c r="P202" s="22" t="s">
        <v>268</v>
      </c>
      <c r="Q202" s="22" t="s">
        <v>268</v>
      </c>
      <c r="R202" s="22" t="s">
        <v>268</v>
      </c>
      <c r="S202" s="16">
        <v>4</v>
      </c>
      <c r="T202" s="16">
        <v>7</v>
      </c>
      <c r="U202" s="16">
        <v>5</v>
      </c>
      <c r="V202" s="16">
        <v>3</v>
      </c>
      <c r="W202" s="16">
        <v>38</v>
      </c>
      <c r="X202" s="16">
        <v>11</v>
      </c>
      <c r="Y202" s="16">
        <v>14</v>
      </c>
      <c r="Z202" s="16">
        <v>262</v>
      </c>
      <c r="AA202" s="22" t="s">
        <v>268</v>
      </c>
      <c r="AB202" s="16">
        <v>11</v>
      </c>
      <c r="AC202" s="22" t="s">
        <v>268</v>
      </c>
      <c r="AD202" s="22" t="s">
        <v>268</v>
      </c>
    </row>
    <row r="203" spans="1:30">
      <c r="A203" s="21" t="s">
        <v>240</v>
      </c>
      <c r="B203" s="21" t="s">
        <v>237</v>
      </c>
      <c r="C203" s="21" t="s">
        <v>265</v>
      </c>
      <c r="D203" s="21" t="s">
        <v>215</v>
      </c>
      <c r="E203" s="21" t="s">
        <v>466</v>
      </c>
      <c r="F203" s="21" t="s">
        <v>414</v>
      </c>
      <c r="G203" s="16">
        <v>627</v>
      </c>
      <c r="H203" s="16">
        <v>313</v>
      </c>
      <c r="I203" s="16">
        <v>218</v>
      </c>
      <c r="J203" s="22" t="s">
        <v>268</v>
      </c>
      <c r="K203" s="16">
        <v>28</v>
      </c>
      <c r="L203" s="16">
        <v>26</v>
      </c>
      <c r="M203" s="16">
        <v>164</v>
      </c>
      <c r="N203" s="16">
        <v>95</v>
      </c>
      <c r="O203" s="22" t="s">
        <v>268</v>
      </c>
      <c r="P203" s="22" t="s">
        <v>268</v>
      </c>
      <c r="Q203" s="22" t="s">
        <v>268</v>
      </c>
      <c r="R203" s="22" t="s">
        <v>268</v>
      </c>
      <c r="S203" s="16">
        <v>9</v>
      </c>
      <c r="T203" s="16">
        <v>4</v>
      </c>
      <c r="U203" s="16">
        <v>4</v>
      </c>
      <c r="V203" s="16">
        <v>6</v>
      </c>
      <c r="W203" s="16">
        <v>64</v>
      </c>
      <c r="X203" s="16">
        <v>8</v>
      </c>
      <c r="Y203" s="16">
        <v>7</v>
      </c>
      <c r="Z203" s="16">
        <v>307</v>
      </c>
      <c r="AA203" s="22" t="s">
        <v>268</v>
      </c>
      <c r="AB203" s="16">
        <v>9</v>
      </c>
      <c r="AC203" s="22" t="s">
        <v>268</v>
      </c>
      <c r="AD203" s="22" t="s">
        <v>268</v>
      </c>
    </row>
    <row r="204" spans="1:30">
      <c r="A204" s="21" t="s">
        <v>240</v>
      </c>
      <c r="B204" s="21" t="s">
        <v>237</v>
      </c>
      <c r="C204" s="21" t="s">
        <v>265</v>
      </c>
      <c r="D204" s="21" t="s">
        <v>215</v>
      </c>
      <c r="E204" s="21" t="s">
        <v>466</v>
      </c>
      <c r="F204" s="21" t="s">
        <v>415</v>
      </c>
      <c r="G204" s="16">
        <v>470</v>
      </c>
      <c r="H204" s="16">
        <v>175</v>
      </c>
      <c r="I204" s="16">
        <v>80</v>
      </c>
      <c r="J204" s="22" t="s">
        <v>268</v>
      </c>
      <c r="K204" s="16">
        <v>5</v>
      </c>
      <c r="L204" s="16">
        <v>4</v>
      </c>
      <c r="M204" s="16">
        <v>71</v>
      </c>
      <c r="N204" s="16">
        <v>95</v>
      </c>
      <c r="O204" s="22" t="s">
        <v>268</v>
      </c>
      <c r="P204" s="22" t="s">
        <v>268</v>
      </c>
      <c r="Q204" s="22" t="s">
        <v>268</v>
      </c>
      <c r="R204" s="22" t="s">
        <v>268</v>
      </c>
      <c r="S204" s="16">
        <v>7</v>
      </c>
      <c r="T204" s="16">
        <v>11</v>
      </c>
      <c r="U204" s="16">
        <v>3</v>
      </c>
      <c r="V204" s="16">
        <v>2</v>
      </c>
      <c r="W204" s="16">
        <v>65</v>
      </c>
      <c r="X204" s="16">
        <v>7</v>
      </c>
      <c r="Y204" s="16">
        <v>10</v>
      </c>
      <c r="Z204" s="16">
        <v>285</v>
      </c>
      <c r="AA204" s="22" t="s">
        <v>268</v>
      </c>
      <c r="AB204" s="16">
        <v>3</v>
      </c>
      <c r="AC204" s="22" t="s">
        <v>268</v>
      </c>
      <c r="AD204" s="16">
        <v>285</v>
      </c>
    </row>
    <row r="205" spans="1:30">
      <c r="A205" s="21" t="s">
        <v>240</v>
      </c>
      <c r="B205" s="21" t="s">
        <v>237</v>
      </c>
      <c r="C205" s="21" t="s">
        <v>265</v>
      </c>
      <c r="D205" s="21" t="s">
        <v>215</v>
      </c>
      <c r="E205" s="21" t="s">
        <v>466</v>
      </c>
      <c r="F205" s="21" t="s">
        <v>416</v>
      </c>
      <c r="G205" s="16">
        <v>271</v>
      </c>
      <c r="H205" s="16">
        <v>72</v>
      </c>
      <c r="I205" s="16">
        <v>21</v>
      </c>
      <c r="J205" s="22" t="s">
        <v>268</v>
      </c>
      <c r="K205" s="16">
        <v>1</v>
      </c>
      <c r="L205" s="16">
        <v>1</v>
      </c>
      <c r="M205" s="16">
        <v>19</v>
      </c>
      <c r="N205" s="16">
        <v>51</v>
      </c>
      <c r="O205" s="22" t="s">
        <v>268</v>
      </c>
      <c r="P205" s="22" t="s">
        <v>268</v>
      </c>
      <c r="Q205" s="22" t="s">
        <v>268</v>
      </c>
      <c r="R205" s="22" t="s">
        <v>268</v>
      </c>
      <c r="S205" s="16">
        <v>9</v>
      </c>
      <c r="T205" s="16">
        <v>2</v>
      </c>
      <c r="U205" s="22" t="s">
        <v>268</v>
      </c>
      <c r="V205" s="22" t="s">
        <v>268</v>
      </c>
      <c r="W205" s="16">
        <v>35</v>
      </c>
      <c r="X205" s="16">
        <v>5</v>
      </c>
      <c r="Y205" s="16">
        <v>9</v>
      </c>
      <c r="Z205" s="16">
        <v>190</v>
      </c>
      <c r="AA205" s="22" t="s">
        <v>268</v>
      </c>
      <c r="AB205" s="16">
        <v>2</v>
      </c>
      <c r="AC205" s="22" t="s">
        <v>268</v>
      </c>
      <c r="AD205" s="16">
        <v>190</v>
      </c>
    </row>
    <row r="206" spans="1:30">
      <c r="A206" s="21" t="s">
        <v>240</v>
      </c>
      <c r="B206" s="21" t="s">
        <v>237</v>
      </c>
      <c r="C206" s="21" t="s">
        <v>265</v>
      </c>
      <c r="D206" s="21" t="s">
        <v>215</v>
      </c>
      <c r="E206" s="21" t="s">
        <v>466</v>
      </c>
      <c r="F206" s="21" t="s">
        <v>417</v>
      </c>
      <c r="G206" s="16">
        <v>84</v>
      </c>
      <c r="H206" s="16">
        <v>20</v>
      </c>
      <c r="I206" s="16">
        <v>1</v>
      </c>
      <c r="J206" s="22" t="s">
        <v>268</v>
      </c>
      <c r="K206" s="22" t="s">
        <v>268</v>
      </c>
      <c r="L206" s="22" t="s">
        <v>268</v>
      </c>
      <c r="M206" s="16">
        <v>1</v>
      </c>
      <c r="N206" s="16">
        <v>19</v>
      </c>
      <c r="O206" s="22" t="s">
        <v>268</v>
      </c>
      <c r="P206" s="22" t="s">
        <v>268</v>
      </c>
      <c r="Q206" s="22" t="s">
        <v>268</v>
      </c>
      <c r="R206" s="22" t="s">
        <v>268</v>
      </c>
      <c r="S206" s="16">
        <v>3</v>
      </c>
      <c r="T206" s="16">
        <v>1</v>
      </c>
      <c r="U206" s="22" t="s">
        <v>268</v>
      </c>
      <c r="V206" s="22" t="s">
        <v>268</v>
      </c>
      <c r="W206" s="16">
        <v>12</v>
      </c>
      <c r="X206" s="16">
        <v>3</v>
      </c>
      <c r="Y206" s="16">
        <v>1</v>
      </c>
      <c r="Z206" s="16">
        <v>63</v>
      </c>
      <c r="AA206" s="22" t="s">
        <v>268</v>
      </c>
      <c r="AB206" s="22" t="s">
        <v>268</v>
      </c>
      <c r="AC206" s="22" t="s">
        <v>268</v>
      </c>
      <c r="AD206" s="16">
        <v>63</v>
      </c>
    </row>
    <row r="207" spans="1:30">
      <c r="A207" s="21" t="s">
        <v>240</v>
      </c>
      <c r="B207" s="21" t="s">
        <v>237</v>
      </c>
      <c r="C207" s="21" t="s">
        <v>265</v>
      </c>
      <c r="D207" s="21" t="s">
        <v>215</v>
      </c>
      <c r="E207" s="21" t="s">
        <v>466</v>
      </c>
      <c r="F207" s="21" t="s">
        <v>418</v>
      </c>
      <c r="G207" s="16">
        <v>13</v>
      </c>
      <c r="H207" s="16">
        <v>5</v>
      </c>
      <c r="I207" s="22" t="s">
        <v>268</v>
      </c>
      <c r="J207" s="22" t="s">
        <v>268</v>
      </c>
      <c r="K207" s="22" t="s">
        <v>268</v>
      </c>
      <c r="L207" s="22" t="s">
        <v>268</v>
      </c>
      <c r="M207" s="22" t="s">
        <v>268</v>
      </c>
      <c r="N207" s="16">
        <v>5</v>
      </c>
      <c r="O207" s="22" t="s">
        <v>268</v>
      </c>
      <c r="P207" s="22" t="s">
        <v>268</v>
      </c>
      <c r="Q207" s="22" t="s">
        <v>268</v>
      </c>
      <c r="R207" s="22" t="s">
        <v>268</v>
      </c>
      <c r="S207" s="22" t="s">
        <v>268</v>
      </c>
      <c r="T207" s="22" t="s">
        <v>268</v>
      </c>
      <c r="U207" s="22" t="s">
        <v>268</v>
      </c>
      <c r="V207" s="16">
        <v>1</v>
      </c>
      <c r="W207" s="16">
        <v>3</v>
      </c>
      <c r="X207" s="16">
        <v>1</v>
      </c>
      <c r="Y207" s="22" t="s">
        <v>268</v>
      </c>
      <c r="Z207" s="16">
        <v>8</v>
      </c>
      <c r="AA207" s="22" t="s">
        <v>268</v>
      </c>
      <c r="AB207" s="16">
        <v>1</v>
      </c>
      <c r="AC207" s="22" t="s">
        <v>268</v>
      </c>
      <c r="AD207" s="16">
        <v>8</v>
      </c>
    </row>
    <row r="208" spans="1:30">
      <c r="A208" s="21" t="s">
        <v>240</v>
      </c>
      <c r="B208" s="21" t="s">
        <v>237</v>
      </c>
      <c r="C208" s="21" t="s">
        <v>265</v>
      </c>
      <c r="D208" s="21" t="s">
        <v>215</v>
      </c>
      <c r="E208" s="21" t="s">
        <v>466</v>
      </c>
      <c r="F208" s="21" t="s">
        <v>419</v>
      </c>
      <c r="G208" s="16">
        <v>12</v>
      </c>
      <c r="H208" s="16">
        <v>1</v>
      </c>
      <c r="I208" s="22" t="s">
        <v>268</v>
      </c>
      <c r="J208" s="22" t="s">
        <v>268</v>
      </c>
      <c r="K208" s="22" t="s">
        <v>268</v>
      </c>
      <c r="L208" s="22" t="s">
        <v>268</v>
      </c>
      <c r="M208" s="22" t="s">
        <v>268</v>
      </c>
      <c r="N208" s="16">
        <v>1</v>
      </c>
      <c r="O208" s="22" t="s">
        <v>268</v>
      </c>
      <c r="P208" s="22" t="s">
        <v>268</v>
      </c>
      <c r="Q208" s="22" t="s">
        <v>268</v>
      </c>
      <c r="R208" s="22" t="s">
        <v>268</v>
      </c>
      <c r="S208" s="22" t="s">
        <v>268</v>
      </c>
      <c r="T208" s="22" t="s">
        <v>268</v>
      </c>
      <c r="U208" s="22" t="s">
        <v>268</v>
      </c>
      <c r="V208" s="22" t="s">
        <v>268</v>
      </c>
      <c r="W208" s="16">
        <v>1</v>
      </c>
      <c r="X208" s="22" t="s">
        <v>268</v>
      </c>
      <c r="Y208" s="16">
        <v>1</v>
      </c>
      <c r="Z208" s="16">
        <v>10</v>
      </c>
      <c r="AA208" s="22" t="s">
        <v>268</v>
      </c>
      <c r="AB208" s="22" t="s">
        <v>268</v>
      </c>
      <c r="AC208" s="22" t="s">
        <v>268</v>
      </c>
      <c r="AD208" s="16">
        <v>10</v>
      </c>
    </row>
    <row r="209" spans="1:30">
      <c r="A209" s="21" t="s">
        <v>240</v>
      </c>
      <c r="B209" s="21" t="s">
        <v>237</v>
      </c>
      <c r="C209" s="21" t="s">
        <v>265</v>
      </c>
      <c r="D209" s="21" t="s">
        <v>215</v>
      </c>
      <c r="E209" s="21" t="s">
        <v>466</v>
      </c>
      <c r="F209" s="21" t="s">
        <v>420</v>
      </c>
      <c r="G209" s="16">
        <v>2</v>
      </c>
      <c r="H209" s="22" t="s">
        <v>268</v>
      </c>
      <c r="I209" s="22" t="s">
        <v>268</v>
      </c>
      <c r="J209" s="22" t="s">
        <v>268</v>
      </c>
      <c r="K209" s="22" t="s">
        <v>268</v>
      </c>
      <c r="L209" s="22" t="s">
        <v>268</v>
      </c>
      <c r="M209" s="22" t="s">
        <v>268</v>
      </c>
      <c r="N209" s="22" t="s">
        <v>268</v>
      </c>
      <c r="O209" s="22" t="s">
        <v>268</v>
      </c>
      <c r="P209" s="22" t="s">
        <v>268</v>
      </c>
      <c r="Q209" s="22" t="s">
        <v>268</v>
      </c>
      <c r="R209" s="22" t="s">
        <v>268</v>
      </c>
      <c r="S209" s="22" t="s">
        <v>268</v>
      </c>
      <c r="T209" s="22" t="s">
        <v>268</v>
      </c>
      <c r="U209" s="22" t="s">
        <v>268</v>
      </c>
      <c r="V209" s="22" t="s">
        <v>268</v>
      </c>
      <c r="W209" s="22" t="s">
        <v>268</v>
      </c>
      <c r="X209" s="22" t="s">
        <v>268</v>
      </c>
      <c r="Y209" s="22" t="s">
        <v>268</v>
      </c>
      <c r="Z209" s="16">
        <v>2</v>
      </c>
      <c r="AA209" s="22" t="s">
        <v>268</v>
      </c>
      <c r="AB209" s="22" t="s">
        <v>268</v>
      </c>
      <c r="AC209" s="22" t="s">
        <v>268</v>
      </c>
      <c r="AD209" s="16">
        <v>2</v>
      </c>
    </row>
    <row r="210" spans="1:30">
      <c r="A210" s="21" t="s">
        <v>240</v>
      </c>
      <c r="B210" s="21" t="s">
        <v>237</v>
      </c>
      <c r="C210" s="21" t="s">
        <v>265</v>
      </c>
      <c r="D210" s="21" t="s">
        <v>215</v>
      </c>
      <c r="E210" s="21" t="s">
        <v>466</v>
      </c>
      <c r="F210" s="21" t="s">
        <v>421</v>
      </c>
      <c r="G210" s="22" t="s">
        <v>268</v>
      </c>
      <c r="H210" s="22" t="s">
        <v>268</v>
      </c>
      <c r="I210" s="22" t="s">
        <v>268</v>
      </c>
      <c r="J210" s="22" t="s">
        <v>268</v>
      </c>
      <c r="K210" s="22" t="s">
        <v>268</v>
      </c>
      <c r="L210" s="22" t="s">
        <v>268</v>
      </c>
      <c r="M210" s="22" t="s">
        <v>268</v>
      </c>
      <c r="N210" s="22" t="s">
        <v>268</v>
      </c>
      <c r="O210" s="22" t="s">
        <v>268</v>
      </c>
      <c r="P210" s="22" t="s">
        <v>268</v>
      </c>
      <c r="Q210" s="22" t="s">
        <v>268</v>
      </c>
      <c r="R210" s="22" t="s">
        <v>268</v>
      </c>
      <c r="S210" s="22" t="s">
        <v>268</v>
      </c>
      <c r="T210" s="22" t="s">
        <v>268</v>
      </c>
      <c r="U210" s="22" t="s">
        <v>268</v>
      </c>
      <c r="V210" s="22" t="s">
        <v>268</v>
      </c>
      <c r="W210" s="22" t="s">
        <v>268</v>
      </c>
      <c r="X210" s="22" t="s">
        <v>268</v>
      </c>
      <c r="Y210" s="22" t="s">
        <v>268</v>
      </c>
      <c r="Z210" s="22" t="s">
        <v>268</v>
      </c>
      <c r="AA210" s="22" t="s">
        <v>268</v>
      </c>
      <c r="AB210" s="22" t="s">
        <v>268</v>
      </c>
      <c r="AC210" s="22" t="s">
        <v>268</v>
      </c>
      <c r="AD210" s="22" t="s">
        <v>268</v>
      </c>
    </row>
    <row r="211" spans="1:30">
      <c r="A211" s="21" t="s">
        <v>240</v>
      </c>
      <c r="B211" s="21" t="s">
        <v>237</v>
      </c>
      <c r="C211" s="21" t="s">
        <v>265</v>
      </c>
      <c r="D211" s="21" t="s">
        <v>215</v>
      </c>
      <c r="E211" s="21" t="s">
        <v>466</v>
      </c>
      <c r="F211" s="21" t="s">
        <v>422</v>
      </c>
      <c r="G211" s="22" t="s">
        <v>268</v>
      </c>
      <c r="H211" s="22" t="s">
        <v>268</v>
      </c>
      <c r="I211" s="22" t="s">
        <v>268</v>
      </c>
      <c r="J211" s="22" t="s">
        <v>268</v>
      </c>
      <c r="K211" s="22" t="s">
        <v>268</v>
      </c>
      <c r="L211" s="22" t="s">
        <v>268</v>
      </c>
      <c r="M211" s="22" t="s">
        <v>268</v>
      </c>
      <c r="N211" s="22" t="s">
        <v>268</v>
      </c>
      <c r="O211" s="22" t="s">
        <v>268</v>
      </c>
      <c r="P211" s="22" t="s">
        <v>268</v>
      </c>
      <c r="Q211" s="22" t="s">
        <v>268</v>
      </c>
      <c r="R211" s="22" t="s">
        <v>268</v>
      </c>
      <c r="S211" s="22" t="s">
        <v>268</v>
      </c>
      <c r="T211" s="22" t="s">
        <v>268</v>
      </c>
      <c r="U211" s="22" t="s">
        <v>268</v>
      </c>
      <c r="V211" s="22" t="s">
        <v>268</v>
      </c>
      <c r="W211" s="22" t="s">
        <v>268</v>
      </c>
      <c r="X211" s="22" t="s">
        <v>268</v>
      </c>
      <c r="Y211" s="22" t="s">
        <v>268</v>
      </c>
      <c r="Z211" s="22" t="s">
        <v>268</v>
      </c>
      <c r="AA211" s="22" t="s">
        <v>268</v>
      </c>
      <c r="AB211" s="22" t="s">
        <v>268</v>
      </c>
      <c r="AC211" s="22" t="s">
        <v>268</v>
      </c>
      <c r="AD211" s="22" t="s">
        <v>268</v>
      </c>
    </row>
    <row r="212" spans="1:30">
      <c r="A212" s="21" t="s">
        <v>240</v>
      </c>
      <c r="B212" s="21" t="s">
        <v>237</v>
      </c>
      <c r="C212" s="21" t="s">
        <v>265</v>
      </c>
      <c r="D212" s="21" t="s">
        <v>215</v>
      </c>
      <c r="E212" s="21" t="s">
        <v>466</v>
      </c>
      <c r="F212" s="21" t="s">
        <v>423</v>
      </c>
      <c r="G212" s="22" t="s">
        <v>268</v>
      </c>
      <c r="H212" s="22" t="s">
        <v>268</v>
      </c>
      <c r="I212" s="22" t="s">
        <v>268</v>
      </c>
      <c r="J212" s="22" t="s">
        <v>268</v>
      </c>
      <c r="K212" s="22" t="s">
        <v>268</v>
      </c>
      <c r="L212" s="22" t="s">
        <v>268</v>
      </c>
      <c r="M212" s="22" t="s">
        <v>268</v>
      </c>
      <c r="N212" s="22" t="s">
        <v>268</v>
      </c>
      <c r="O212" s="22" t="s">
        <v>268</v>
      </c>
      <c r="P212" s="22" t="s">
        <v>268</v>
      </c>
      <c r="Q212" s="22" t="s">
        <v>268</v>
      </c>
      <c r="R212" s="22" t="s">
        <v>268</v>
      </c>
      <c r="S212" s="22" t="s">
        <v>268</v>
      </c>
      <c r="T212" s="22" t="s">
        <v>268</v>
      </c>
      <c r="U212" s="22" t="s">
        <v>268</v>
      </c>
      <c r="V212" s="22" t="s">
        <v>268</v>
      </c>
      <c r="W212" s="22" t="s">
        <v>268</v>
      </c>
      <c r="X212" s="22" t="s">
        <v>268</v>
      </c>
      <c r="Y212" s="22" t="s">
        <v>268</v>
      </c>
      <c r="Z212" s="22" t="s">
        <v>268</v>
      </c>
      <c r="AA212" s="22" t="s">
        <v>268</v>
      </c>
      <c r="AB212" s="22" t="s">
        <v>268</v>
      </c>
      <c r="AC212" s="22" t="s">
        <v>268</v>
      </c>
      <c r="AD212" s="22" t="s">
        <v>268</v>
      </c>
    </row>
    <row r="213" spans="1:30">
      <c r="A213" s="21" t="s">
        <v>240</v>
      </c>
      <c r="B213" s="21" t="s">
        <v>237</v>
      </c>
      <c r="C213" s="21" t="s">
        <v>265</v>
      </c>
      <c r="D213" s="21" t="s">
        <v>215</v>
      </c>
      <c r="E213" s="21" t="s">
        <v>466</v>
      </c>
      <c r="F213" s="21" t="s">
        <v>386</v>
      </c>
      <c r="G213" s="16">
        <v>7472</v>
      </c>
      <c r="H213" s="16">
        <v>7435</v>
      </c>
      <c r="I213" s="16">
        <v>5509</v>
      </c>
      <c r="J213" s="22" t="s">
        <v>268</v>
      </c>
      <c r="K213" s="16">
        <v>4753</v>
      </c>
      <c r="L213" s="16">
        <v>49</v>
      </c>
      <c r="M213" s="16">
        <v>707</v>
      </c>
      <c r="N213" s="16">
        <v>1926</v>
      </c>
      <c r="O213" s="22" t="s">
        <v>268</v>
      </c>
      <c r="P213" s="22" t="s">
        <v>268</v>
      </c>
      <c r="Q213" s="16">
        <v>548</v>
      </c>
      <c r="R213" s="16">
        <v>416</v>
      </c>
      <c r="S213" s="16">
        <v>30</v>
      </c>
      <c r="T213" s="16">
        <v>262</v>
      </c>
      <c r="U213" s="16">
        <v>122</v>
      </c>
      <c r="V213" s="16">
        <v>368</v>
      </c>
      <c r="W213" s="16">
        <v>1</v>
      </c>
      <c r="X213" s="16">
        <v>179</v>
      </c>
      <c r="Y213" s="16">
        <v>37</v>
      </c>
      <c r="Z213" s="22" t="s">
        <v>268</v>
      </c>
      <c r="AA213" s="22" t="s">
        <v>268</v>
      </c>
      <c r="AB213" s="16">
        <v>1880</v>
      </c>
      <c r="AC213" s="22" t="s">
        <v>268</v>
      </c>
      <c r="AD213" s="22" t="s">
        <v>268</v>
      </c>
    </row>
    <row r="214" spans="1:30">
      <c r="A214" s="21" t="s">
        <v>240</v>
      </c>
      <c r="B214" s="21" t="s">
        <v>237</v>
      </c>
      <c r="C214" s="21" t="s">
        <v>265</v>
      </c>
      <c r="D214" s="21" t="s">
        <v>215</v>
      </c>
      <c r="E214" s="21" t="s">
        <v>466</v>
      </c>
      <c r="F214" s="21" t="s">
        <v>387</v>
      </c>
      <c r="G214" s="16">
        <v>11911</v>
      </c>
      <c r="H214" s="16">
        <v>9349</v>
      </c>
      <c r="I214" s="16">
        <v>6908</v>
      </c>
      <c r="J214" s="22" t="s">
        <v>268</v>
      </c>
      <c r="K214" s="16">
        <v>4377</v>
      </c>
      <c r="L214" s="16">
        <v>429</v>
      </c>
      <c r="M214" s="16">
        <v>2102</v>
      </c>
      <c r="N214" s="16">
        <v>2441</v>
      </c>
      <c r="O214" s="22" t="s">
        <v>268</v>
      </c>
      <c r="P214" s="22" t="s">
        <v>268</v>
      </c>
      <c r="Q214" s="16">
        <v>417</v>
      </c>
      <c r="R214" s="16">
        <v>713</v>
      </c>
      <c r="S214" s="16">
        <v>54</v>
      </c>
      <c r="T214" s="16">
        <v>317</v>
      </c>
      <c r="U214" s="16">
        <v>48</v>
      </c>
      <c r="V214" s="16">
        <v>225</v>
      </c>
      <c r="W214" s="16">
        <v>185</v>
      </c>
      <c r="X214" s="16">
        <v>482</v>
      </c>
      <c r="Y214" s="16">
        <v>221</v>
      </c>
      <c r="Z214" s="16">
        <v>2341</v>
      </c>
      <c r="AA214" s="22" t="s">
        <v>268</v>
      </c>
      <c r="AB214" s="16">
        <v>2015</v>
      </c>
      <c r="AC214" s="22" t="s">
        <v>268</v>
      </c>
      <c r="AD214" s="22" t="s">
        <v>268</v>
      </c>
    </row>
    <row r="215" spans="1:30">
      <c r="A215" s="21" t="s">
        <v>240</v>
      </c>
      <c r="B215" s="21" t="s">
        <v>237</v>
      </c>
      <c r="C215" s="21" t="s">
        <v>265</v>
      </c>
      <c r="D215" s="21" t="s">
        <v>215</v>
      </c>
      <c r="E215" s="21" t="s">
        <v>466</v>
      </c>
      <c r="F215" s="21" t="s">
        <v>388</v>
      </c>
      <c r="G215" s="16">
        <v>852</v>
      </c>
      <c r="H215" s="16">
        <v>273</v>
      </c>
      <c r="I215" s="16">
        <v>102</v>
      </c>
      <c r="J215" s="22" t="s">
        <v>268</v>
      </c>
      <c r="K215" s="16">
        <v>6</v>
      </c>
      <c r="L215" s="16">
        <v>5</v>
      </c>
      <c r="M215" s="16">
        <v>91</v>
      </c>
      <c r="N215" s="16">
        <v>171</v>
      </c>
      <c r="O215" s="22" t="s">
        <v>268</v>
      </c>
      <c r="P215" s="22" t="s">
        <v>268</v>
      </c>
      <c r="Q215" s="22" t="s">
        <v>268</v>
      </c>
      <c r="R215" s="22" t="s">
        <v>268</v>
      </c>
      <c r="S215" s="16">
        <v>19</v>
      </c>
      <c r="T215" s="16">
        <v>14</v>
      </c>
      <c r="U215" s="16">
        <v>3</v>
      </c>
      <c r="V215" s="16">
        <v>3</v>
      </c>
      <c r="W215" s="16">
        <v>116</v>
      </c>
      <c r="X215" s="16">
        <v>16</v>
      </c>
      <c r="Y215" s="16">
        <v>21</v>
      </c>
      <c r="Z215" s="16">
        <v>558</v>
      </c>
      <c r="AA215" s="22" t="s">
        <v>268</v>
      </c>
      <c r="AB215" s="16">
        <v>6</v>
      </c>
      <c r="AC215" s="22" t="s">
        <v>268</v>
      </c>
      <c r="AD215" s="16">
        <v>558</v>
      </c>
    </row>
    <row r="216" spans="1:30">
      <c r="A216" s="21" t="s">
        <v>240</v>
      </c>
      <c r="B216" s="21" t="s">
        <v>237</v>
      </c>
      <c r="C216" s="21" t="s">
        <v>265</v>
      </c>
      <c r="D216" s="21" t="s">
        <v>215</v>
      </c>
      <c r="E216" s="21" t="s">
        <v>466</v>
      </c>
      <c r="F216" s="21" t="s">
        <v>389</v>
      </c>
      <c r="G216" s="16">
        <v>111</v>
      </c>
      <c r="H216" s="16">
        <v>26</v>
      </c>
      <c r="I216" s="16">
        <v>1</v>
      </c>
      <c r="J216" s="22" t="s">
        <v>268</v>
      </c>
      <c r="K216" s="22" t="s">
        <v>268</v>
      </c>
      <c r="L216" s="22" t="s">
        <v>268</v>
      </c>
      <c r="M216" s="16">
        <v>1</v>
      </c>
      <c r="N216" s="16">
        <v>25</v>
      </c>
      <c r="O216" s="22" t="s">
        <v>268</v>
      </c>
      <c r="P216" s="22" t="s">
        <v>268</v>
      </c>
      <c r="Q216" s="22" t="s">
        <v>268</v>
      </c>
      <c r="R216" s="22" t="s">
        <v>268</v>
      </c>
      <c r="S216" s="16">
        <v>3</v>
      </c>
      <c r="T216" s="16">
        <v>1</v>
      </c>
      <c r="U216" s="22" t="s">
        <v>268</v>
      </c>
      <c r="V216" s="16">
        <v>1</v>
      </c>
      <c r="W216" s="16">
        <v>16</v>
      </c>
      <c r="X216" s="16">
        <v>4</v>
      </c>
      <c r="Y216" s="16">
        <v>2</v>
      </c>
      <c r="Z216" s="16">
        <v>83</v>
      </c>
      <c r="AA216" s="22" t="s">
        <v>268</v>
      </c>
      <c r="AB216" s="16">
        <v>1</v>
      </c>
      <c r="AC216" s="22" t="s">
        <v>268</v>
      </c>
      <c r="AD216" s="16">
        <v>83</v>
      </c>
    </row>
    <row r="217" spans="1:30">
      <c r="A217" s="21" t="s">
        <v>240</v>
      </c>
      <c r="B217" s="21" t="s">
        <v>237</v>
      </c>
      <c r="C217" s="21" t="s">
        <v>265</v>
      </c>
      <c r="D217" s="21" t="s">
        <v>215</v>
      </c>
      <c r="E217" s="21" t="s">
        <v>466</v>
      </c>
      <c r="F217" s="21" t="s">
        <v>390</v>
      </c>
      <c r="G217" s="16">
        <v>14</v>
      </c>
      <c r="H217" s="16">
        <v>1</v>
      </c>
      <c r="I217" s="22" t="s">
        <v>268</v>
      </c>
      <c r="J217" s="22" t="s">
        <v>268</v>
      </c>
      <c r="K217" s="22" t="s">
        <v>268</v>
      </c>
      <c r="L217" s="22" t="s">
        <v>268</v>
      </c>
      <c r="M217" s="22" t="s">
        <v>268</v>
      </c>
      <c r="N217" s="16">
        <v>1</v>
      </c>
      <c r="O217" s="22" t="s">
        <v>268</v>
      </c>
      <c r="P217" s="22" t="s">
        <v>268</v>
      </c>
      <c r="Q217" s="22" t="s">
        <v>268</v>
      </c>
      <c r="R217" s="22" t="s">
        <v>268</v>
      </c>
      <c r="S217" s="22" t="s">
        <v>268</v>
      </c>
      <c r="T217" s="22" t="s">
        <v>268</v>
      </c>
      <c r="U217" s="22" t="s">
        <v>268</v>
      </c>
      <c r="V217" s="22" t="s">
        <v>268</v>
      </c>
      <c r="W217" s="16">
        <v>1</v>
      </c>
      <c r="X217" s="22" t="s">
        <v>268</v>
      </c>
      <c r="Y217" s="16">
        <v>1</v>
      </c>
      <c r="Z217" s="16">
        <v>12</v>
      </c>
      <c r="AA217" s="22" t="s">
        <v>268</v>
      </c>
      <c r="AB217" s="22" t="s">
        <v>268</v>
      </c>
      <c r="AC217" s="22" t="s">
        <v>268</v>
      </c>
      <c r="AD217" s="16">
        <v>12</v>
      </c>
    </row>
    <row r="218" spans="1:30">
      <c r="A218" s="21" t="s">
        <v>240</v>
      </c>
      <c r="B218" s="21" t="s">
        <v>237</v>
      </c>
      <c r="C218" s="21" t="s">
        <v>265</v>
      </c>
      <c r="D218" s="21" t="s">
        <v>215</v>
      </c>
      <c r="E218" s="21" t="s">
        <v>466</v>
      </c>
      <c r="F218" s="21" t="s">
        <v>391</v>
      </c>
      <c r="G218" s="16">
        <v>9939</v>
      </c>
      <c r="H218" s="16">
        <v>7149</v>
      </c>
      <c r="I218" s="16">
        <v>5333</v>
      </c>
      <c r="J218" s="22" t="s">
        <v>268</v>
      </c>
      <c r="K218" s="16">
        <v>3153</v>
      </c>
      <c r="L218" s="16">
        <v>382</v>
      </c>
      <c r="M218" s="16">
        <v>1798</v>
      </c>
      <c r="N218" s="16">
        <v>1816</v>
      </c>
      <c r="O218" s="22" t="s">
        <v>268</v>
      </c>
      <c r="P218" s="22" t="s">
        <v>268</v>
      </c>
      <c r="Q218" s="16">
        <v>222</v>
      </c>
      <c r="R218" s="16">
        <v>527</v>
      </c>
      <c r="S218" s="16">
        <v>49</v>
      </c>
      <c r="T218" s="16">
        <v>206</v>
      </c>
      <c r="U218" s="16">
        <v>40</v>
      </c>
      <c r="V218" s="16">
        <v>147</v>
      </c>
      <c r="W218" s="16">
        <v>247</v>
      </c>
      <c r="X218" s="16">
        <v>378</v>
      </c>
      <c r="Y218" s="16">
        <v>214</v>
      </c>
      <c r="Z218" s="16">
        <v>2576</v>
      </c>
      <c r="AA218" s="22" t="s">
        <v>268</v>
      </c>
      <c r="AB218" s="16">
        <v>1343</v>
      </c>
      <c r="AC218" s="22" t="s">
        <v>268</v>
      </c>
      <c r="AD218" s="16">
        <v>285</v>
      </c>
    </row>
    <row r="219" spans="1:30">
      <c r="A219" s="21" t="s">
        <v>240</v>
      </c>
      <c r="B219" s="21" t="s">
        <v>237</v>
      </c>
      <c r="C219" s="21" t="s">
        <v>265</v>
      </c>
      <c r="D219" s="21" t="s">
        <v>216</v>
      </c>
      <c r="E219" s="21" t="s">
        <v>466</v>
      </c>
      <c r="F219" s="21" t="s">
        <v>401</v>
      </c>
      <c r="G219" s="16">
        <v>18134</v>
      </c>
      <c r="H219" s="16">
        <v>15244</v>
      </c>
      <c r="I219" s="16">
        <v>10987</v>
      </c>
      <c r="J219" s="22" t="s">
        <v>268</v>
      </c>
      <c r="K219" s="16">
        <v>8213</v>
      </c>
      <c r="L219" s="16">
        <v>347</v>
      </c>
      <c r="M219" s="16">
        <v>2427</v>
      </c>
      <c r="N219" s="16">
        <v>4257</v>
      </c>
      <c r="O219" s="22" t="s">
        <v>268</v>
      </c>
      <c r="P219" s="16">
        <v>3</v>
      </c>
      <c r="Q219" s="16">
        <v>955</v>
      </c>
      <c r="R219" s="16">
        <v>985</v>
      </c>
      <c r="S219" s="16">
        <v>107</v>
      </c>
      <c r="T219" s="16">
        <v>568</v>
      </c>
      <c r="U219" s="16">
        <v>167</v>
      </c>
      <c r="V219" s="16">
        <v>611</v>
      </c>
      <c r="W219" s="16">
        <v>266</v>
      </c>
      <c r="X219" s="16">
        <v>595</v>
      </c>
      <c r="Y219" s="16">
        <v>298</v>
      </c>
      <c r="Z219" s="16">
        <v>2592</v>
      </c>
      <c r="AA219" s="22" t="s">
        <v>268</v>
      </c>
      <c r="AB219" s="16">
        <v>3692</v>
      </c>
      <c r="AC219" s="22" t="s">
        <v>268</v>
      </c>
      <c r="AD219" s="16">
        <v>517</v>
      </c>
    </row>
    <row r="220" spans="1:30">
      <c r="A220" s="21" t="s">
        <v>240</v>
      </c>
      <c r="B220" s="21" t="s">
        <v>237</v>
      </c>
      <c r="C220" s="21" t="s">
        <v>265</v>
      </c>
      <c r="D220" s="21" t="s">
        <v>216</v>
      </c>
      <c r="E220" s="21" t="s">
        <v>466</v>
      </c>
      <c r="F220" s="21" t="s">
        <v>405</v>
      </c>
      <c r="G220" s="16">
        <v>2459</v>
      </c>
      <c r="H220" s="16">
        <v>2400</v>
      </c>
      <c r="I220" s="16">
        <v>1693</v>
      </c>
      <c r="J220" s="22" t="s">
        <v>268</v>
      </c>
      <c r="K220" s="16">
        <v>1260</v>
      </c>
      <c r="L220" s="16">
        <v>48</v>
      </c>
      <c r="M220" s="16">
        <v>385</v>
      </c>
      <c r="N220" s="16">
        <v>707</v>
      </c>
      <c r="O220" s="22" t="s">
        <v>268</v>
      </c>
      <c r="P220" s="22" t="s">
        <v>268</v>
      </c>
      <c r="Q220" s="16">
        <v>210</v>
      </c>
      <c r="R220" s="16">
        <v>185</v>
      </c>
      <c r="S220" s="16">
        <v>12</v>
      </c>
      <c r="T220" s="16">
        <v>110</v>
      </c>
      <c r="U220" s="16">
        <v>12</v>
      </c>
      <c r="V220" s="16">
        <v>74</v>
      </c>
      <c r="W220" s="16">
        <v>2</v>
      </c>
      <c r="X220" s="16">
        <v>102</v>
      </c>
      <c r="Y220" s="16">
        <v>15</v>
      </c>
      <c r="Z220" s="16">
        <v>44</v>
      </c>
      <c r="AA220" s="22" t="s">
        <v>268</v>
      </c>
      <c r="AB220" s="16">
        <v>683</v>
      </c>
      <c r="AC220" s="22" t="s">
        <v>268</v>
      </c>
      <c r="AD220" s="22" t="s">
        <v>268</v>
      </c>
    </row>
    <row r="221" spans="1:30">
      <c r="A221" s="21" t="s">
        <v>240</v>
      </c>
      <c r="B221" s="21" t="s">
        <v>237</v>
      </c>
      <c r="C221" s="21" t="s">
        <v>265</v>
      </c>
      <c r="D221" s="21" t="s">
        <v>216</v>
      </c>
      <c r="E221" s="21" t="s">
        <v>466</v>
      </c>
      <c r="F221" s="21" t="s">
        <v>406</v>
      </c>
      <c r="G221" s="16">
        <v>1973</v>
      </c>
      <c r="H221" s="16">
        <v>1359</v>
      </c>
      <c r="I221" s="16">
        <v>876</v>
      </c>
      <c r="J221" s="22" t="s">
        <v>268</v>
      </c>
      <c r="K221" s="16">
        <v>629</v>
      </c>
      <c r="L221" s="16">
        <v>26</v>
      </c>
      <c r="M221" s="16">
        <v>221</v>
      </c>
      <c r="N221" s="16">
        <v>483</v>
      </c>
      <c r="O221" s="22" t="s">
        <v>268</v>
      </c>
      <c r="P221" s="22" t="s">
        <v>268</v>
      </c>
      <c r="Q221" s="16">
        <v>117</v>
      </c>
      <c r="R221" s="16">
        <v>162</v>
      </c>
      <c r="S221" s="16">
        <v>9</v>
      </c>
      <c r="T221" s="16">
        <v>52</v>
      </c>
      <c r="U221" s="16">
        <v>7</v>
      </c>
      <c r="V221" s="16">
        <v>42</v>
      </c>
      <c r="W221" s="16">
        <v>5</v>
      </c>
      <c r="X221" s="16">
        <v>89</v>
      </c>
      <c r="Y221" s="16">
        <v>71</v>
      </c>
      <c r="Z221" s="16">
        <v>543</v>
      </c>
      <c r="AA221" s="22" t="s">
        <v>268</v>
      </c>
      <c r="AB221" s="16">
        <v>464</v>
      </c>
      <c r="AC221" s="22" t="s">
        <v>268</v>
      </c>
      <c r="AD221" s="22" t="s">
        <v>268</v>
      </c>
    </row>
    <row r="222" spans="1:30">
      <c r="A222" s="21" t="s">
        <v>240</v>
      </c>
      <c r="B222" s="21" t="s">
        <v>237</v>
      </c>
      <c r="C222" s="21" t="s">
        <v>265</v>
      </c>
      <c r="D222" s="21" t="s">
        <v>216</v>
      </c>
      <c r="E222" s="21" t="s">
        <v>466</v>
      </c>
      <c r="F222" s="21" t="s">
        <v>407</v>
      </c>
      <c r="G222" s="16">
        <v>1420</v>
      </c>
      <c r="H222" s="16">
        <v>873</v>
      </c>
      <c r="I222" s="16">
        <v>580</v>
      </c>
      <c r="J222" s="22" t="s">
        <v>268</v>
      </c>
      <c r="K222" s="16">
        <v>406</v>
      </c>
      <c r="L222" s="16">
        <v>28</v>
      </c>
      <c r="M222" s="16">
        <v>146</v>
      </c>
      <c r="N222" s="16">
        <v>293</v>
      </c>
      <c r="O222" s="22" t="s">
        <v>268</v>
      </c>
      <c r="P222" s="22" t="s">
        <v>268</v>
      </c>
      <c r="Q222" s="16">
        <v>51</v>
      </c>
      <c r="R222" s="16">
        <v>110</v>
      </c>
      <c r="S222" s="16">
        <v>2</v>
      </c>
      <c r="T222" s="16">
        <v>46</v>
      </c>
      <c r="U222" s="16">
        <v>3</v>
      </c>
      <c r="V222" s="16">
        <v>22</v>
      </c>
      <c r="W222" s="16">
        <v>11</v>
      </c>
      <c r="X222" s="16">
        <v>48</v>
      </c>
      <c r="Y222" s="16">
        <v>55</v>
      </c>
      <c r="Z222" s="16">
        <v>492</v>
      </c>
      <c r="AA222" s="22" t="s">
        <v>268</v>
      </c>
      <c r="AB222" s="16">
        <v>281</v>
      </c>
      <c r="AC222" s="22" t="s">
        <v>268</v>
      </c>
      <c r="AD222" s="22" t="s">
        <v>268</v>
      </c>
    </row>
    <row r="223" spans="1:30">
      <c r="A223" s="21" t="s">
        <v>240</v>
      </c>
      <c r="B223" s="21" t="s">
        <v>237</v>
      </c>
      <c r="C223" s="21" t="s">
        <v>265</v>
      </c>
      <c r="D223" s="21" t="s">
        <v>216</v>
      </c>
      <c r="E223" s="21" t="s">
        <v>466</v>
      </c>
      <c r="F223" s="21" t="s">
        <v>408</v>
      </c>
      <c r="G223" s="16">
        <v>937</v>
      </c>
      <c r="H223" s="16">
        <v>685</v>
      </c>
      <c r="I223" s="16">
        <v>473</v>
      </c>
      <c r="J223" s="22" t="s">
        <v>268</v>
      </c>
      <c r="K223" s="16">
        <v>337</v>
      </c>
      <c r="L223" s="16">
        <v>24</v>
      </c>
      <c r="M223" s="16">
        <v>112</v>
      </c>
      <c r="N223" s="16">
        <v>212</v>
      </c>
      <c r="O223" s="22" t="s">
        <v>268</v>
      </c>
      <c r="P223" s="22" t="s">
        <v>268</v>
      </c>
      <c r="Q223" s="16">
        <v>29</v>
      </c>
      <c r="R223" s="16">
        <v>74</v>
      </c>
      <c r="S223" s="16">
        <v>3</v>
      </c>
      <c r="T223" s="16">
        <v>29</v>
      </c>
      <c r="U223" s="16">
        <v>6</v>
      </c>
      <c r="V223" s="16">
        <v>23</v>
      </c>
      <c r="W223" s="16">
        <v>6</v>
      </c>
      <c r="X223" s="16">
        <v>42</v>
      </c>
      <c r="Y223" s="16">
        <v>28</v>
      </c>
      <c r="Z223" s="16">
        <v>224</v>
      </c>
      <c r="AA223" s="22" t="s">
        <v>268</v>
      </c>
      <c r="AB223" s="16">
        <v>183</v>
      </c>
      <c r="AC223" s="22" t="s">
        <v>268</v>
      </c>
      <c r="AD223" s="22" t="s">
        <v>268</v>
      </c>
    </row>
    <row r="224" spans="1:30">
      <c r="A224" s="21" t="s">
        <v>240</v>
      </c>
      <c r="B224" s="21" t="s">
        <v>237</v>
      </c>
      <c r="C224" s="21" t="s">
        <v>265</v>
      </c>
      <c r="D224" s="21" t="s">
        <v>216</v>
      </c>
      <c r="E224" s="21" t="s">
        <v>466</v>
      </c>
      <c r="F224" s="21" t="s">
        <v>409</v>
      </c>
      <c r="G224" s="16">
        <v>762</v>
      </c>
      <c r="H224" s="16">
        <v>585</v>
      </c>
      <c r="I224" s="16">
        <v>431</v>
      </c>
      <c r="J224" s="22" t="s">
        <v>268</v>
      </c>
      <c r="K224" s="16">
        <v>285</v>
      </c>
      <c r="L224" s="16">
        <v>21</v>
      </c>
      <c r="M224" s="16">
        <v>125</v>
      </c>
      <c r="N224" s="16">
        <v>154</v>
      </c>
      <c r="O224" s="22" t="s">
        <v>268</v>
      </c>
      <c r="P224" s="22" t="s">
        <v>268</v>
      </c>
      <c r="Q224" s="16">
        <v>3</v>
      </c>
      <c r="R224" s="16">
        <v>48</v>
      </c>
      <c r="S224" s="16">
        <v>2</v>
      </c>
      <c r="T224" s="16">
        <v>36</v>
      </c>
      <c r="U224" s="16">
        <v>2</v>
      </c>
      <c r="V224" s="16">
        <v>33</v>
      </c>
      <c r="W224" s="16">
        <v>13</v>
      </c>
      <c r="X224" s="16">
        <v>17</v>
      </c>
      <c r="Y224" s="16">
        <v>17</v>
      </c>
      <c r="Z224" s="16">
        <v>160</v>
      </c>
      <c r="AA224" s="22" t="s">
        <v>268</v>
      </c>
      <c r="AB224" s="16">
        <v>134</v>
      </c>
      <c r="AC224" s="22" t="s">
        <v>268</v>
      </c>
      <c r="AD224" s="22" t="s">
        <v>268</v>
      </c>
    </row>
    <row r="225" spans="1:30">
      <c r="A225" s="21" t="s">
        <v>240</v>
      </c>
      <c r="B225" s="21" t="s">
        <v>237</v>
      </c>
      <c r="C225" s="21" t="s">
        <v>265</v>
      </c>
      <c r="D225" s="21" t="s">
        <v>216</v>
      </c>
      <c r="E225" s="21" t="s">
        <v>466</v>
      </c>
      <c r="F225" s="21" t="s">
        <v>410</v>
      </c>
      <c r="G225" s="16">
        <v>637</v>
      </c>
      <c r="H225" s="16">
        <v>520</v>
      </c>
      <c r="I225" s="16">
        <v>421</v>
      </c>
      <c r="J225" s="22" t="s">
        <v>268</v>
      </c>
      <c r="K225" s="16">
        <v>257</v>
      </c>
      <c r="L225" s="16">
        <v>28</v>
      </c>
      <c r="M225" s="16">
        <v>136</v>
      </c>
      <c r="N225" s="16">
        <v>99</v>
      </c>
      <c r="O225" s="22" t="s">
        <v>268</v>
      </c>
      <c r="P225" s="22" t="s">
        <v>268</v>
      </c>
      <c r="Q225" s="22" t="s">
        <v>268</v>
      </c>
      <c r="R225" s="16">
        <v>16</v>
      </c>
      <c r="S225" s="16">
        <v>2</v>
      </c>
      <c r="T225" s="16">
        <v>18</v>
      </c>
      <c r="U225" s="16">
        <v>1</v>
      </c>
      <c r="V225" s="16">
        <v>25</v>
      </c>
      <c r="W225" s="16">
        <v>11</v>
      </c>
      <c r="X225" s="16">
        <v>26</v>
      </c>
      <c r="Y225" s="16">
        <v>11</v>
      </c>
      <c r="Z225" s="16">
        <v>106</v>
      </c>
      <c r="AA225" s="22" t="s">
        <v>268</v>
      </c>
      <c r="AB225" s="16">
        <v>73</v>
      </c>
      <c r="AC225" s="22" t="s">
        <v>268</v>
      </c>
      <c r="AD225" s="22" t="s">
        <v>268</v>
      </c>
    </row>
    <row r="226" spans="1:30">
      <c r="A226" s="21" t="s">
        <v>240</v>
      </c>
      <c r="B226" s="21" t="s">
        <v>237</v>
      </c>
      <c r="C226" s="21" t="s">
        <v>265</v>
      </c>
      <c r="D226" s="21" t="s">
        <v>216</v>
      </c>
      <c r="E226" s="21" t="s">
        <v>466</v>
      </c>
      <c r="F226" s="21" t="s">
        <v>411</v>
      </c>
      <c r="G226" s="16">
        <v>663</v>
      </c>
      <c r="H226" s="16">
        <v>519</v>
      </c>
      <c r="I226" s="16">
        <v>452</v>
      </c>
      <c r="J226" s="22" t="s">
        <v>268</v>
      </c>
      <c r="K226" s="16">
        <v>243</v>
      </c>
      <c r="L226" s="16">
        <v>37</v>
      </c>
      <c r="M226" s="16">
        <v>172</v>
      </c>
      <c r="N226" s="16">
        <v>67</v>
      </c>
      <c r="O226" s="22" t="s">
        <v>268</v>
      </c>
      <c r="P226" s="22" t="s">
        <v>268</v>
      </c>
      <c r="Q226" s="16">
        <v>1</v>
      </c>
      <c r="R226" s="16">
        <v>7</v>
      </c>
      <c r="S226" s="22" t="s">
        <v>268</v>
      </c>
      <c r="T226" s="16">
        <v>14</v>
      </c>
      <c r="U226" s="16">
        <v>6</v>
      </c>
      <c r="V226" s="16">
        <v>14</v>
      </c>
      <c r="W226" s="16">
        <v>12</v>
      </c>
      <c r="X226" s="16">
        <v>13</v>
      </c>
      <c r="Y226" s="16">
        <v>16</v>
      </c>
      <c r="Z226" s="16">
        <v>128</v>
      </c>
      <c r="AA226" s="22" t="s">
        <v>268</v>
      </c>
      <c r="AB226" s="16">
        <v>38</v>
      </c>
      <c r="AC226" s="22" t="s">
        <v>268</v>
      </c>
      <c r="AD226" s="22" t="s">
        <v>268</v>
      </c>
    </row>
    <row r="227" spans="1:30">
      <c r="A227" s="21" t="s">
        <v>240</v>
      </c>
      <c r="B227" s="21" t="s">
        <v>237</v>
      </c>
      <c r="C227" s="21" t="s">
        <v>265</v>
      </c>
      <c r="D227" s="21" t="s">
        <v>216</v>
      </c>
      <c r="E227" s="21" t="s">
        <v>466</v>
      </c>
      <c r="F227" s="21" t="s">
        <v>412</v>
      </c>
      <c r="G227" s="16">
        <v>526</v>
      </c>
      <c r="H227" s="16">
        <v>403</v>
      </c>
      <c r="I227" s="16">
        <v>330</v>
      </c>
      <c r="J227" s="22" t="s">
        <v>268</v>
      </c>
      <c r="K227" s="16">
        <v>144</v>
      </c>
      <c r="L227" s="16">
        <v>32</v>
      </c>
      <c r="M227" s="16">
        <v>154</v>
      </c>
      <c r="N227" s="16">
        <v>73</v>
      </c>
      <c r="O227" s="22" t="s">
        <v>268</v>
      </c>
      <c r="P227" s="22" t="s">
        <v>268</v>
      </c>
      <c r="Q227" s="22" t="s">
        <v>268</v>
      </c>
      <c r="R227" s="22" t="s">
        <v>268</v>
      </c>
      <c r="S227" s="16">
        <v>2</v>
      </c>
      <c r="T227" s="16">
        <v>12</v>
      </c>
      <c r="U227" s="16">
        <v>7</v>
      </c>
      <c r="V227" s="16">
        <v>8</v>
      </c>
      <c r="W227" s="16">
        <v>24</v>
      </c>
      <c r="X227" s="16">
        <v>20</v>
      </c>
      <c r="Y227" s="16">
        <v>12</v>
      </c>
      <c r="Z227" s="16">
        <v>111</v>
      </c>
      <c r="AA227" s="22" t="s">
        <v>268</v>
      </c>
      <c r="AB227" s="16">
        <v>27</v>
      </c>
      <c r="AC227" s="22" t="s">
        <v>268</v>
      </c>
      <c r="AD227" s="22" t="s">
        <v>268</v>
      </c>
    </row>
    <row r="228" spans="1:30">
      <c r="A228" s="21" t="s">
        <v>240</v>
      </c>
      <c r="B228" s="21" t="s">
        <v>237</v>
      </c>
      <c r="C228" s="21" t="s">
        <v>265</v>
      </c>
      <c r="D228" s="21" t="s">
        <v>216</v>
      </c>
      <c r="E228" s="21" t="s">
        <v>466</v>
      </c>
      <c r="F228" s="21" t="s">
        <v>413</v>
      </c>
      <c r="G228" s="16">
        <v>433</v>
      </c>
      <c r="H228" s="16">
        <v>290</v>
      </c>
      <c r="I228" s="16">
        <v>222</v>
      </c>
      <c r="J228" s="22" t="s">
        <v>268</v>
      </c>
      <c r="K228" s="16">
        <v>56</v>
      </c>
      <c r="L228" s="16">
        <v>29</v>
      </c>
      <c r="M228" s="16">
        <v>137</v>
      </c>
      <c r="N228" s="16">
        <v>68</v>
      </c>
      <c r="O228" s="22" t="s">
        <v>268</v>
      </c>
      <c r="P228" s="22" t="s">
        <v>268</v>
      </c>
      <c r="Q228" s="22" t="s">
        <v>268</v>
      </c>
      <c r="R228" s="22" t="s">
        <v>268</v>
      </c>
      <c r="S228" s="16">
        <v>1</v>
      </c>
      <c r="T228" s="16">
        <v>7</v>
      </c>
      <c r="U228" s="16">
        <v>11</v>
      </c>
      <c r="V228" s="16">
        <v>11</v>
      </c>
      <c r="W228" s="16">
        <v>24</v>
      </c>
      <c r="X228" s="16">
        <v>14</v>
      </c>
      <c r="Y228" s="16">
        <v>11</v>
      </c>
      <c r="Z228" s="16">
        <v>132</v>
      </c>
      <c r="AA228" s="22" t="s">
        <v>268</v>
      </c>
      <c r="AB228" s="16">
        <v>25</v>
      </c>
      <c r="AC228" s="22" t="s">
        <v>268</v>
      </c>
      <c r="AD228" s="22" t="s">
        <v>268</v>
      </c>
    </row>
    <row r="229" spans="1:30">
      <c r="A229" s="21" t="s">
        <v>240</v>
      </c>
      <c r="B229" s="21" t="s">
        <v>237</v>
      </c>
      <c r="C229" s="21" t="s">
        <v>265</v>
      </c>
      <c r="D229" s="21" t="s">
        <v>216</v>
      </c>
      <c r="E229" s="21" t="s">
        <v>466</v>
      </c>
      <c r="F229" s="21" t="s">
        <v>414</v>
      </c>
      <c r="G229" s="16">
        <v>297</v>
      </c>
      <c r="H229" s="16">
        <v>156</v>
      </c>
      <c r="I229" s="16">
        <v>96</v>
      </c>
      <c r="J229" s="22" t="s">
        <v>268</v>
      </c>
      <c r="K229" s="16">
        <v>17</v>
      </c>
      <c r="L229" s="16">
        <v>12</v>
      </c>
      <c r="M229" s="16">
        <v>67</v>
      </c>
      <c r="N229" s="16">
        <v>60</v>
      </c>
      <c r="O229" s="22" t="s">
        <v>268</v>
      </c>
      <c r="P229" s="22" t="s">
        <v>268</v>
      </c>
      <c r="Q229" s="22" t="s">
        <v>268</v>
      </c>
      <c r="R229" s="16">
        <v>1</v>
      </c>
      <c r="S229" s="16">
        <v>5</v>
      </c>
      <c r="T229" s="16">
        <v>3</v>
      </c>
      <c r="U229" s="16">
        <v>4</v>
      </c>
      <c r="V229" s="16">
        <v>7</v>
      </c>
      <c r="W229" s="16">
        <v>31</v>
      </c>
      <c r="X229" s="16">
        <v>9</v>
      </c>
      <c r="Y229" s="16">
        <v>6</v>
      </c>
      <c r="Z229" s="16">
        <v>135</v>
      </c>
      <c r="AA229" s="22" t="s">
        <v>268</v>
      </c>
      <c r="AB229" s="16">
        <v>13</v>
      </c>
      <c r="AC229" s="22" t="s">
        <v>268</v>
      </c>
      <c r="AD229" s="22" t="s">
        <v>268</v>
      </c>
    </row>
    <row r="230" spans="1:30">
      <c r="A230" s="21" t="s">
        <v>240</v>
      </c>
      <c r="B230" s="21" t="s">
        <v>237</v>
      </c>
      <c r="C230" s="21" t="s">
        <v>265</v>
      </c>
      <c r="D230" s="21" t="s">
        <v>216</v>
      </c>
      <c r="E230" s="21" t="s">
        <v>466</v>
      </c>
      <c r="F230" s="21" t="s">
        <v>415</v>
      </c>
      <c r="G230" s="16">
        <v>261</v>
      </c>
      <c r="H230" s="16">
        <v>107</v>
      </c>
      <c r="I230" s="16">
        <v>37</v>
      </c>
      <c r="J230" s="22" t="s">
        <v>268</v>
      </c>
      <c r="K230" s="16">
        <v>5</v>
      </c>
      <c r="L230" s="16">
        <v>2</v>
      </c>
      <c r="M230" s="16">
        <v>30</v>
      </c>
      <c r="N230" s="16">
        <v>70</v>
      </c>
      <c r="O230" s="22" t="s">
        <v>268</v>
      </c>
      <c r="P230" s="22" t="s">
        <v>268</v>
      </c>
      <c r="Q230" s="22" t="s">
        <v>268</v>
      </c>
      <c r="R230" s="16">
        <v>1</v>
      </c>
      <c r="S230" s="16">
        <v>13</v>
      </c>
      <c r="T230" s="16">
        <v>4</v>
      </c>
      <c r="U230" s="16">
        <v>6</v>
      </c>
      <c r="V230" s="16">
        <v>5</v>
      </c>
      <c r="W230" s="16">
        <v>36</v>
      </c>
      <c r="X230" s="16">
        <v>5</v>
      </c>
      <c r="Y230" s="16">
        <v>8</v>
      </c>
      <c r="Z230" s="16">
        <v>146</v>
      </c>
      <c r="AA230" s="22" t="s">
        <v>268</v>
      </c>
      <c r="AB230" s="16">
        <v>8</v>
      </c>
      <c r="AC230" s="22" t="s">
        <v>268</v>
      </c>
      <c r="AD230" s="16">
        <v>146</v>
      </c>
    </row>
    <row r="231" spans="1:30">
      <c r="A231" s="21" t="s">
        <v>240</v>
      </c>
      <c r="B231" s="21" t="s">
        <v>237</v>
      </c>
      <c r="C231" s="21" t="s">
        <v>265</v>
      </c>
      <c r="D231" s="21" t="s">
        <v>216</v>
      </c>
      <c r="E231" s="21" t="s">
        <v>466</v>
      </c>
      <c r="F231" s="21" t="s">
        <v>416</v>
      </c>
      <c r="G231" s="16">
        <v>221</v>
      </c>
      <c r="H231" s="16">
        <v>75</v>
      </c>
      <c r="I231" s="16">
        <v>13</v>
      </c>
      <c r="J231" s="22" t="s">
        <v>268</v>
      </c>
      <c r="K231" s="22" t="s">
        <v>268</v>
      </c>
      <c r="L231" s="22" t="s">
        <v>268</v>
      </c>
      <c r="M231" s="16">
        <v>13</v>
      </c>
      <c r="N231" s="16">
        <v>62</v>
      </c>
      <c r="O231" s="22" t="s">
        <v>268</v>
      </c>
      <c r="P231" s="22" t="s">
        <v>268</v>
      </c>
      <c r="Q231" s="22" t="s">
        <v>268</v>
      </c>
      <c r="R231" s="16">
        <v>1</v>
      </c>
      <c r="S231" s="16">
        <v>8</v>
      </c>
      <c r="T231" s="16">
        <v>5</v>
      </c>
      <c r="U231" s="16">
        <v>3</v>
      </c>
      <c r="V231" s="22" t="s">
        <v>268</v>
      </c>
      <c r="W231" s="16">
        <v>39</v>
      </c>
      <c r="X231" s="16">
        <v>6</v>
      </c>
      <c r="Y231" s="16">
        <v>4</v>
      </c>
      <c r="Z231" s="16">
        <v>142</v>
      </c>
      <c r="AA231" s="22" t="s">
        <v>268</v>
      </c>
      <c r="AB231" s="16">
        <v>2</v>
      </c>
      <c r="AC231" s="22" t="s">
        <v>268</v>
      </c>
      <c r="AD231" s="16">
        <v>142</v>
      </c>
    </row>
    <row r="232" spans="1:30">
      <c r="A232" s="21" t="s">
        <v>240</v>
      </c>
      <c r="B232" s="21" t="s">
        <v>237</v>
      </c>
      <c r="C232" s="21" t="s">
        <v>265</v>
      </c>
      <c r="D232" s="21" t="s">
        <v>216</v>
      </c>
      <c r="E232" s="21" t="s">
        <v>466</v>
      </c>
      <c r="F232" s="21" t="s">
        <v>417</v>
      </c>
      <c r="G232" s="16">
        <v>177</v>
      </c>
      <c r="H232" s="16">
        <v>62</v>
      </c>
      <c r="I232" s="16">
        <v>10</v>
      </c>
      <c r="J232" s="22" t="s">
        <v>268</v>
      </c>
      <c r="K232" s="22" t="s">
        <v>268</v>
      </c>
      <c r="L232" s="22" t="s">
        <v>268</v>
      </c>
      <c r="M232" s="16">
        <v>10</v>
      </c>
      <c r="N232" s="16">
        <v>52</v>
      </c>
      <c r="O232" s="22" t="s">
        <v>268</v>
      </c>
      <c r="P232" s="16">
        <v>2</v>
      </c>
      <c r="Q232" s="22" t="s">
        <v>268</v>
      </c>
      <c r="R232" s="22" t="s">
        <v>268</v>
      </c>
      <c r="S232" s="16">
        <v>9</v>
      </c>
      <c r="T232" s="16">
        <v>4</v>
      </c>
      <c r="U232" s="16">
        <v>1</v>
      </c>
      <c r="V232" s="22" t="s">
        <v>268</v>
      </c>
      <c r="W232" s="16">
        <v>28</v>
      </c>
      <c r="X232" s="16">
        <v>8</v>
      </c>
      <c r="Y232" s="16">
        <v>3</v>
      </c>
      <c r="Z232" s="16">
        <v>112</v>
      </c>
      <c r="AA232" s="22" t="s">
        <v>268</v>
      </c>
      <c r="AB232" s="16">
        <v>2</v>
      </c>
      <c r="AC232" s="22" t="s">
        <v>268</v>
      </c>
      <c r="AD232" s="16">
        <v>112</v>
      </c>
    </row>
    <row r="233" spans="1:30">
      <c r="A233" s="21" t="s">
        <v>240</v>
      </c>
      <c r="B233" s="21" t="s">
        <v>237</v>
      </c>
      <c r="C233" s="21" t="s">
        <v>265</v>
      </c>
      <c r="D233" s="21" t="s">
        <v>216</v>
      </c>
      <c r="E233" s="21" t="s">
        <v>466</v>
      </c>
      <c r="F233" s="21" t="s">
        <v>418</v>
      </c>
      <c r="G233" s="16">
        <v>95</v>
      </c>
      <c r="H233" s="16">
        <v>31</v>
      </c>
      <c r="I233" s="16">
        <v>2</v>
      </c>
      <c r="J233" s="22" t="s">
        <v>268</v>
      </c>
      <c r="K233" s="22" t="s">
        <v>268</v>
      </c>
      <c r="L233" s="22" t="s">
        <v>268</v>
      </c>
      <c r="M233" s="16">
        <v>2</v>
      </c>
      <c r="N233" s="16">
        <v>29</v>
      </c>
      <c r="O233" s="22" t="s">
        <v>268</v>
      </c>
      <c r="P233" s="22" t="s">
        <v>268</v>
      </c>
      <c r="Q233" s="22" t="s">
        <v>268</v>
      </c>
      <c r="R233" s="22" t="s">
        <v>268</v>
      </c>
      <c r="S233" s="16">
        <v>7</v>
      </c>
      <c r="T233" s="16">
        <v>1</v>
      </c>
      <c r="U233" s="22" t="s">
        <v>268</v>
      </c>
      <c r="V233" s="16">
        <v>2</v>
      </c>
      <c r="W233" s="16">
        <v>12</v>
      </c>
      <c r="X233" s="16">
        <v>7</v>
      </c>
      <c r="Y233" s="16">
        <v>2</v>
      </c>
      <c r="Z233" s="16">
        <v>62</v>
      </c>
      <c r="AA233" s="22" t="s">
        <v>268</v>
      </c>
      <c r="AB233" s="16">
        <v>4</v>
      </c>
      <c r="AC233" s="22" t="s">
        <v>268</v>
      </c>
      <c r="AD233" s="16">
        <v>62</v>
      </c>
    </row>
    <row r="234" spans="1:30">
      <c r="A234" s="21" t="s">
        <v>240</v>
      </c>
      <c r="B234" s="21" t="s">
        <v>237</v>
      </c>
      <c r="C234" s="21" t="s">
        <v>265</v>
      </c>
      <c r="D234" s="21" t="s">
        <v>216</v>
      </c>
      <c r="E234" s="21" t="s">
        <v>466</v>
      </c>
      <c r="F234" s="21" t="s">
        <v>419</v>
      </c>
      <c r="G234" s="16">
        <v>68</v>
      </c>
      <c r="H234" s="16">
        <v>28</v>
      </c>
      <c r="I234" s="16">
        <v>1</v>
      </c>
      <c r="J234" s="22" t="s">
        <v>268</v>
      </c>
      <c r="K234" s="22" t="s">
        <v>268</v>
      </c>
      <c r="L234" s="22" t="s">
        <v>268</v>
      </c>
      <c r="M234" s="16">
        <v>1</v>
      </c>
      <c r="N234" s="16">
        <v>27</v>
      </c>
      <c r="O234" s="22" t="s">
        <v>268</v>
      </c>
      <c r="P234" s="16">
        <v>1</v>
      </c>
      <c r="Q234" s="22" t="s">
        <v>268</v>
      </c>
      <c r="R234" s="22" t="s">
        <v>268</v>
      </c>
      <c r="S234" s="16">
        <v>2</v>
      </c>
      <c r="T234" s="16">
        <v>2</v>
      </c>
      <c r="U234" s="16">
        <v>2</v>
      </c>
      <c r="V234" s="16">
        <v>3</v>
      </c>
      <c r="W234" s="16">
        <v>8</v>
      </c>
      <c r="X234" s="16">
        <v>9</v>
      </c>
      <c r="Y234" s="22" t="s">
        <v>268</v>
      </c>
      <c r="Z234" s="16">
        <v>40</v>
      </c>
      <c r="AA234" s="22" t="s">
        <v>268</v>
      </c>
      <c r="AB234" s="16">
        <v>4</v>
      </c>
      <c r="AC234" s="22" t="s">
        <v>268</v>
      </c>
      <c r="AD234" s="16">
        <v>40</v>
      </c>
    </row>
    <row r="235" spans="1:30">
      <c r="A235" s="21" t="s">
        <v>240</v>
      </c>
      <c r="B235" s="21" t="s">
        <v>237</v>
      </c>
      <c r="C235" s="21" t="s">
        <v>265</v>
      </c>
      <c r="D235" s="21" t="s">
        <v>216</v>
      </c>
      <c r="E235" s="21" t="s">
        <v>466</v>
      </c>
      <c r="F235" s="21" t="s">
        <v>420</v>
      </c>
      <c r="G235" s="16">
        <v>23</v>
      </c>
      <c r="H235" s="16">
        <v>13</v>
      </c>
      <c r="I235" s="22" t="s">
        <v>268</v>
      </c>
      <c r="J235" s="22" t="s">
        <v>268</v>
      </c>
      <c r="K235" s="22" t="s">
        <v>268</v>
      </c>
      <c r="L235" s="22" t="s">
        <v>268</v>
      </c>
      <c r="M235" s="22" t="s">
        <v>268</v>
      </c>
      <c r="N235" s="16">
        <v>13</v>
      </c>
      <c r="O235" s="22" t="s">
        <v>268</v>
      </c>
      <c r="P235" s="22" t="s">
        <v>268</v>
      </c>
      <c r="Q235" s="22" t="s">
        <v>268</v>
      </c>
      <c r="R235" s="22" t="s">
        <v>268</v>
      </c>
      <c r="S235" s="16">
        <v>4</v>
      </c>
      <c r="T235" s="22" t="s">
        <v>268</v>
      </c>
      <c r="U235" s="22" t="s">
        <v>268</v>
      </c>
      <c r="V235" s="16">
        <v>1</v>
      </c>
      <c r="W235" s="16">
        <v>3</v>
      </c>
      <c r="X235" s="16">
        <v>5</v>
      </c>
      <c r="Y235" s="22" t="s">
        <v>268</v>
      </c>
      <c r="Z235" s="16">
        <v>10</v>
      </c>
      <c r="AA235" s="22" t="s">
        <v>268</v>
      </c>
      <c r="AB235" s="16">
        <v>1</v>
      </c>
      <c r="AC235" s="22" t="s">
        <v>268</v>
      </c>
      <c r="AD235" s="16">
        <v>10</v>
      </c>
    </row>
    <row r="236" spans="1:30">
      <c r="A236" s="21" t="s">
        <v>240</v>
      </c>
      <c r="B236" s="21" t="s">
        <v>237</v>
      </c>
      <c r="C236" s="21" t="s">
        <v>265</v>
      </c>
      <c r="D236" s="21" t="s">
        <v>216</v>
      </c>
      <c r="E236" s="21" t="s">
        <v>466</v>
      </c>
      <c r="F236" s="21" t="s">
        <v>421</v>
      </c>
      <c r="G236" s="16">
        <v>9</v>
      </c>
      <c r="H236" s="16">
        <v>4</v>
      </c>
      <c r="I236" s="22" t="s">
        <v>268</v>
      </c>
      <c r="J236" s="22" t="s">
        <v>268</v>
      </c>
      <c r="K236" s="22" t="s">
        <v>268</v>
      </c>
      <c r="L236" s="22" t="s">
        <v>268</v>
      </c>
      <c r="M236" s="22" t="s">
        <v>268</v>
      </c>
      <c r="N236" s="16">
        <v>4</v>
      </c>
      <c r="O236" s="22" t="s">
        <v>268</v>
      </c>
      <c r="P236" s="22" t="s">
        <v>268</v>
      </c>
      <c r="Q236" s="22" t="s">
        <v>268</v>
      </c>
      <c r="R236" s="22" t="s">
        <v>268</v>
      </c>
      <c r="S236" s="22" t="s">
        <v>268</v>
      </c>
      <c r="T236" s="22" t="s">
        <v>268</v>
      </c>
      <c r="U236" s="22" t="s">
        <v>268</v>
      </c>
      <c r="V236" s="22" t="s">
        <v>268</v>
      </c>
      <c r="W236" s="16">
        <v>1</v>
      </c>
      <c r="X236" s="16">
        <v>3</v>
      </c>
      <c r="Y236" s="22" t="s">
        <v>268</v>
      </c>
      <c r="Z236" s="16">
        <v>5</v>
      </c>
      <c r="AA236" s="22" t="s">
        <v>268</v>
      </c>
      <c r="AB236" s="22" t="s">
        <v>268</v>
      </c>
      <c r="AC236" s="22" t="s">
        <v>268</v>
      </c>
      <c r="AD236" s="16">
        <v>5</v>
      </c>
    </row>
    <row r="237" spans="1:30">
      <c r="A237" s="21" t="s">
        <v>240</v>
      </c>
      <c r="B237" s="21" t="s">
        <v>237</v>
      </c>
      <c r="C237" s="21" t="s">
        <v>265</v>
      </c>
      <c r="D237" s="21" t="s">
        <v>216</v>
      </c>
      <c r="E237" s="21" t="s">
        <v>466</v>
      </c>
      <c r="F237" s="21" t="s">
        <v>422</v>
      </c>
      <c r="G237" s="22" t="s">
        <v>268</v>
      </c>
      <c r="H237" s="22" t="s">
        <v>268</v>
      </c>
      <c r="I237" s="22" t="s">
        <v>268</v>
      </c>
      <c r="J237" s="22" t="s">
        <v>268</v>
      </c>
      <c r="K237" s="22" t="s">
        <v>268</v>
      </c>
      <c r="L237" s="22" t="s">
        <v>268</v>
      </c>
      <c r="M237" s="22" t="s">
        <v>268</v>
      </c>
      <c r="N237" s="22" t="s">
        <v>268</v>
      </c>
      <c r="O237" s="22" t="s">
        <v>268</v>
      </c>
      <c r="P237" s="22" t="s">
        <v>268</v>
      </c>
      <c r="Q237" s="22" t="s">
        <v>268</v>
      </c>
      <c r="R237" s="22" t="s">
        <v>268</v>
      </c>
      <c r="S237" s="22" t="s">
        <v>268</v>
      </c>
      <c r="T237" s="22" t="s">
        <v>268</v>
      </c>
      <c r="U237" s="22" t="s">
        <v>268</v>
      </c>
      <c r="V237" s="22" t="s">
        <v>268</v>
      </c>
      <c r="W237" s="22" t="s">
        <v>268</v>
      </c>
      <c r="X237" s="22" t="s">
        <v>268</v>
      </c>
      <c r="Y237" s="22" t="s">
        <v>268</v>
      </c>
      <c r="Z237" s="22" t="s">
        <v>268</v>
      </c>
      <c r="AA237" s="22" t="s">
        <v>268</v>
      </c>
      <c r="AB237" s="22" t="s">
        <v>268</v>
      </c>
      <c r="AC237" s="22" t="s">
        <v>268</v>
      </c>
      <c r="AD237" s="22" t="s">
        <v>268</v>
      </c>
    </row>
    <row r="238" spans="1:30">
      <c r="A238" s="21" t="s">
        <v>240</v>
      </c>
      <c r="B238" s="21" t="s">
        <v>237</v>
      </c>
      <c r="C238" s="21" t="s">
        <v>265</v>
      </c>
      <c r="D238" s="21" t="s">
        <v>216</v>
      </c>
      <c r="E238" s="21" t="s">
        <v>466</v>
      </c>
      <c r="F238" s="21" t="s">
        <v>423</v>
      </c>
      <c r="G238" s="22" t="s">
        <v>268</v>
      </c>
      <c r="H238" s="22" t="s">
        <v>268</v>
      </c>
      <c r="I238" s="22" t="s">
        <v>268</v>
      </c>
      <c r="J238" s="22" t="s">
        <v>268</v>
      </c>
      <c r="K238" s="22" t="s">
        <v>268</v>
      </c>
      <c r="L238" s="22" t="s">
        <v>268</v>
      </c>
      <c r="M238" s="22" t="s">
        <v>268</v>
      </c>
      <c r="N238" s="22" t="s">
        <v>268</v>
      </c>
      <c r="O238" s="22" t="s">
        <v>268</v>
      </c>
      <c r="P238" s="22" t="s">
        <v>268</v>
      </c>
      <c r="Q238" s="22" t="s">
        <v>268</v>
      </c>
      <c r="R238" s="22" t="s">
        <v>268</v>
      </c>
      <c r="S238" s="22" t="s">
        <v>268</v>
      </c>
      <c r="T238" s="22" t="s">
        <v>268</v>
      </c>
      <c r="U238" s="22" t="s">
        <v>268</v>
      </c>
      <c r="V238" s="22" t="s">
        <v>268</v>
      </c>
      <c r="W238" s="22" t="s">
        <v>268</v>
      </c>
      <c r="X238" s="22" t="s">
        <v>268</v>
      </c>
      <c r="Y238" s="22" t="s">
        <v>268</v>
      </c>
      <c r="Z238" s="22" t="s">
        <v>268</v>
      </c>
      <c r="AA238" s="22" t="s">
        <v>268</v>
      </c>
      <c r="AB238" s="22" t="s">
        <v>268</v>
      </c>
      <c r="AC238" s="22" t="s">
        <v>268</v>
      </c>
      <c r="AD238" s="22" t="s">
        <v>268</v>
      </c>
    </row>
    <row r="239" spans="1:30">
      <c r="A239" s="21" t="s">
        <v>240</v>
      </c>
      <c r="B239" s="21" t="s">
        <v>237</v>
      </c>
      <c r="C239" s="21" t="s">
        <v>265</v>
      </c>
      <c r="D239" s="21" t="s">
        <v>216</v>
      </c>
      <c r="E239" s="21" t="s">
        <v>466</v>
      </c>
      <c r="F239" s="21" t="s">
        <v>386</v>
      </c>
      <c r="G239" s="16">
        <v>7173</v>
      </c>
      <c r="H239" s="16">
        <v>7134</v>
      </c>
      <c r="I239" s="16">
        <v>5350</v>
      </c>
      <c r="J239" s="22" t="s">
        <v>268</v>
      </c>
      <c r="K239" s="16">
        <v>4574</v>
      </c>
      <c r="L239" s="16">
        <v>60</v>
      </c>
      <c r="M239" s="16">
        <v>716</v>
      </c>
      <c r="N239" s="16">
        <v>1784</v>
      </c>
      <c r="O239" s="22" t="s">
        <v>268</v>
      </c>
      <c r="P239" s="22" t="s">
        <v>268</v>
      </c>
      <c r="Q239" s="16">
        <v>544</v>
      </c>
      <c r="R239" s="16">
        <v>380</v>
      </c>
      <c r="S239" s="16">
        <v>26</v>
      </c>
      <c r="T239" s="16">
        <v>225</v>
      </c>
      <c r="U239" s="16">
        <v>96</v>
      </c>
      <c r="V239" s="16">
        <v>341</v>
      </c>
      <c r="W239" s="22" t="s">
        <v>268</v>
      </c>
      <c r="X239" s="16">
        <v>172</v>
      </c>
      <c r="Y239" s="16">
        <v>39</v>
      </c>
      <c r="Z239" s="22" t="s">
        <v>268</v>
      </c>
      <c r="AA239" s="22" t="s">
        <v>268</v>
      </c>
      <c r="AB239" s="16">
        <v>1750</v>
      </c>
      <c r="AC239" s="22" t="s">
        <v>268</v>
      </c>
      <c r="AD239" s="22" t="s">
        <v>268</v>
      </c>
    </row>
    <row r="240" spans="1:30">
      <c r="A240" s="21" t="s">
        <v>240</v>
      </c>
      <c r="B240" s="21" t="s">
        <v>237</v>
      </c>
      <c r="C240" s="21" t="s">
        <v>265</v>
      </c>
      <c r="D240" s="21" t="s">
        <v>216</v>
      </c>
      <c r="E240" s="21" t="s">
        <v>466</v>
      </c>
      <c r="F240" s="21" t="s">
        <v>387</v>
      </c>
      <c r="G240" s="16">
        <v>10107</v>
      </c>
      <c r="H240" s="16">
        <v>7790</v>
      </c>
      <c r="I240" s="16">
        <v>5574</v>
      </c>
      <c r="J240" s="22" t="s">
        <v>268</v>
      </c>
      <c r="K240" s="16">
        <v>3634</v>
      </c>
      <c r="L240" s="16">
        <v>285</v>
      </c>
      <c r="M240" s="16">
        <v>1655</v>
      </c>
      <c r="N240" s="16">
        <v>2216</v>
      </c>
      <c r="O240" s="22" t="s">
        <v>268</v>
      </c>
      <c r="P240" s="22" t="s">
        <v>268</v>
      </c>
      <c r="Q240" s="16">
        <v>411</v>
      </c>
      <c r="R240" s="16">
        <v>603</v>
      </c>
      <c r="S240" s="16">
        <v>38</v>
      </c>
      <c r="T240" s="16">
        <v>327</v>
      </c>
      <c r="U240" s="16">
        <v>59</v>
      </c>
      <c r="V240" s="16">
        <v>259</v>
      </c>
      <c r="W240" s="16">
        <v>139</v>
      </c>
      <c r="X240" s="16">
        <v>380</v>
      </c>
      <c r="Y240" s="16">
        <v>242</v>
      </c>
      <c r="Z240" s="16">
        <v>2075</v>
      </c>
      <c r="AA240" s="22" t="s">
        <v>268</v>
      </c>
      <c r="AB240" s="16">
        <v>1921</v>
      </c>
      <c r="AC240" s="22" t="s">
        <v>268</v>
      </c>
      <c r="AD240" s="22" t="s">
        <v>268</v>
      </c>
    </row>
    <row r="241" spans="1:30">
      <c r="A241" s="21" t="s">
        <v>240</v>
      </c>
      <c r="B241" s="21" t="s">
        <v>237</v>
      </c>
      <c r="C241" s="21" t="s">
        <v>265</v>
      </c>
      <c r="D241" s="21" t="s">
        <v>216</v>
      </c>
      <c r="E241" s="21" t="s">
        <v>466</v>
      </c>
      <c r="F241" s="21" t="s">
        <v>388</v>
      </c>
      <c r="G241" s="16">
        <v>854</v>
      </c>
      <c r="H241" s="16">
        <v>320</v>
      </c>
      <c r="I241" s="16">
        <v>63</v>
      </c>
      <c r="J241" s="22" t="s">
        <v>268</v>
      </c>
      <c r="K241" s="16">
        <v>5</v>
      </c>
      <c r="L241" s="16">
        <v>2</v>
      </c>
      <c r="M241" s="16">
        <v>56</v>
      </c>
      <c r="N241" s="16">
        <v>257</v>
      </c>
      <c r="O241" s="22" t="s">
        <v>268</v>
      </c>
      <c r="P241" s="16">
        <v>3</v>
      </c>
      <c r="Q241" s="22" t="s">
        <v>268</v>
      </c>
      <c r="R241" s="16">
        <v>2</v>
      </c>
      <c r="S241" s="16">
        <v>43</v>
      </c>
      <c r="T241" s="16">
        <v>16</v>
      </c>
      <c r="U241" s="16">
        <v>12</v>
      </c>
      <c r="V241" s="16">
        <v>11</v>
      </c>
      <c r="W241" s="16">
        <v>127</v>
      </c>
      <c r="X241" s="16">
        <v>43</v>
      </c>
      <c r="Y241" s="16">
        <v>17</v>
      </c>
      <c r="Z241" s="16">
        <v>517</v>
      </c>
      <c r="AA241" s="22" t="s">
        <v>268</v>
      </c>
      <c r="AB241" s="16">
        <v>21</v>
      </c>
      <c r="AC241" s="22" t="s">
        <v>268</v>
      </c>
      <c r="AD241" s="16">
        <v>517</v>
      </c>
    </row>
    <row r="242" spans="1:30">
      <c r="A242" s="21" t="s">
        <v>240</v>
      </c>
      <c r="B242" s="21" t="s">
        <v>237</v>
      </c>
      <c r="C242" s="21" t="s">
        <v>265</v>
      </c>
      <c r="D242" s="21" t="s">
        <v>216</v>
      </c>
      <c r="E242" s="21" t="s">
        <v>466</v>
      </c>
      <c r="F242" s="21" t="s">
        <v>389</v>
      </c>
      <c r="G242" s="16">
        <v>372</v>
      </c>
      <c r="H242" s="16">
        <v>138</v>
      </c>
      <c r="I242" s="16">
        <v>13</v>
      </c>
      <c r="J242" s="22" t="s">
        <v>268</v>
      </c>
      <c r="K242" s="22" t="s">
        <v>268</v>
      </c>
      <c r="L242" s="22" t="s">
        <v>268</v>
      </c>
      <c r="M242" s="16">
        <v>13</v>
      </c>
      <c r="N242" s="16">
        <v>125</v>
      </c>
      <c r="O242" s="22" t="s">
        <v>268</v>
      </c>
      <c r="P242" s="16">
        <v>3</v>
      </c>
      <c r="Q242" s="22" t="s">
        <v>268</v>
      </c>
      <c r="R242" s="22" t="s">
        <v>268</v>
      </c>
      <c r="S242" s="16">
        <v>22</v>
      </c>
      <c r="T242" s="16">
        <v>7</v>
      </c>
      <c r="U242" s="16">
        <v>3</v>
      </c>
      <c r="V242" s="16">
        <v>6</v>
      </c>
      <c r="W242" s="16">
        <v>52</v>
      </c>
      <c r="X242" s="16">
        <v>32</v>
      </c>
      <c r="Y242" s="16">
        <v>5</v>
      </c>
      <c r="Z242" s="16">
        <v>229</v>
      </c>
      <c r="AA242" s="22" t="s">
        <v>268</v>
      </c>
      <c r="AB242" s="16">
        <v>11</v>
      </c>
      <c r="AC242" s="22" t="s">
        <v>268</v>
      </c>
      <c r="AD242" s="16">
        <v>229</v>
      </c>
    </row>
    <row r="243" spans="1:30">
      <c r="A243" s="21" t="s">
        <v>240</v>
      </c>
      <c r="B243" s="21" t="s">
        <v>237</v>
      </c>
      <c r="C243" s="21" t="s">
        <v>265</v>
      </c>
      <c r="D243" s="21" t="s">
        <v>216</v>
      </c>
      <c r="E243" s="21" t="s">
        <v>466</v>
      </c>
      <c r="F243" s="21" t="s">
        <v>390</v>
      </c>
      <c r="G243" s="16">
        <v>100</v>
      </c>
      <c r="H243" s="16">
        <v>45</v>
      </c>
      <c r="I243" s="16">
        <v>1</v>
      </c>
      <c r="J243" s="22" t="s">
        <v>268</v>
      </c>
      <c r="K243" s="22" t="s">
        <v>268</v>
      </c>
      <c r="L243" s="22" t="s">
        <v>268</v>
      </c>
      <c r="M243" s="16">
        <v>1</v>
      </c>
      <c r="N243" s="16">
        <v>44</v>
      </c>
      <c r="O243" s="22" t="s">
        <v>268</v>
      </c>
      <c r="P243" s="16">
        <v>1</v>
      </c>
      <c r="Q243" s="22" t="s">
        <v>268</v>
      </c>
      <c r="R243" s="22" t="s">
        <v>268</v>
      </c>
      <c r="S243" s="16">
        <v>6</v>
      </c>
      <c r="T243" s="16">
        <v>2</v>
      </c>
      <c r="U243" s="16">
        <v>2</v>
      </c>
      <c r="V243" s="16">
        <v>4</v>
      </c>
      <c r="W243" s="16">
        <v>12</v>
      </c>
      <c r="X243" s="16">
        <v>17</v>
      </c>
      <c r="Y243" s="22" t="s">
        <v>268</v>
      </c>
      <c r="Z243" s="16">
        <v>55</v>
      </c>
      <c r="AA243" s="22" t="s">
        <v>268</v>
      </c>
      <c r="AB243" s="16">
        <v>5</v>
      </c>
      <c r="AC243" s="22" t="s">
        <v>268</v>
      </c>
      <c r="AD243" s="16">
        <v>55</v>
      </c>
    </row>
    <row r="244" spans="1:30">
      <c r="A244" s="21" t="s">
        <v>240</v>
      </c>
      <c r="B244" s="21" t="s">
        <v>237</v>
      </c>
      <c r="C244" s="21" t="s">
        <v>265</v>
      </c>
      <c r="D244" s="21" t="s">
        <v>216</v>
      </c>
      <c r="E244" s="21" t="s">
        <v>466</v>
      </c>
      <c r="F244" s="21" t="s">
        <v>391</v>
      </c>
      <c r="G244" s="16">
        <v>7909</v>
      </c>
      <c r="H244" s="16">
        <v>5497</v>
      </c>
      <c r="I244" s="16">
        <v>3918</v>
      </c>
      <c r="J244" s="22" t="s">
        <v>268</v>
      </c>
      <c r="K244" s="16">
        <v>2379</v>
      </c>
      <c r="L244" s="16">
        <v>239</v>
      </c>
      <c r="M244" s="16">
        <v>1300</v>
      </c>
      <c r="N244" s="16">
        <v>1579</v>
      </c>
      <c r="O244" s="22" t="s">
        <v>268</v>
      </c>
      <c r="P244" s="22" t="s">
        <v>268</v>
      </c>
      <c r="Q244" s="16">
        <v>201</v>
      </c>
      <c r="R244" s="16">
        <v>419</v>
      </c>
      <c r="S244" s="16">
        <v>39</v>
      </c>
      <c r="T244" s="16">
        <v>221</v>
      </c>
      <c r="U244" s="16">
        <v>53</v>
      </c>
      <c r="V244" s="16">
        <v>190</v>
      </c>
      <c r="W244" s="16">
        <v>173</v>
      </c>
      <c r="X244" s="16">
        <v>283</v>
      </c>
      <c r="Y244" s="16">
        <v>235</v>
      </c>
      <c r="Z244" s="16">
        <v>2177</v>
      </c>
      <c r="AA244" s="22" t="s">
        <v>268</v>
      </c>
      <c r="AB244" s="16">
        <v>1246</v>
      </c>
      <c r="AC244" s="22" t="s">
        <v>268</v>
      </c>
      <c r="AD244" s="16">
        <v>146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3" orientation="portrait" r:id="rId1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474C81A-E33E-4BD9-9CF2-2706764168AC}">
  <sheetPr>
    <pageSetUpPr fitToPage="1"/>
  </sheetPr>
  <dimension ref="A1:AD244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5" width="12.625" style="20"/>
    <col min="6" max="6" width="19" style="20" bestFit="1" customWidth="1"/>
    <col min="7" max="16384" width="12.625" style="20"/>
  </cols>
  <sheetData>
    <row r="1" spans="1:30" s="11" customFormat="1">
      <c r="A1" s="11" t="s">
        <v>192</v>
      </c>
    </row>
    <row r="2" spans="1:30" s="11" customFormat="1">
      <c r="A2" s="11" t="s">
        <v>628</v>
      </c>
    </row>
    <row r="3" spans="1:30" s="11" customFormat="1"/>
    <row r="4" spans="1:30" s="11" customFormat="1" hidden="1"/>
    <row r="5" spans="1:30" s="11" customFormat="1"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  <c r="R5" s="12" t="s">
        <v>495</v>
      </c>
      <c r="S5" s="12" t="s">
        <v>495</v>
      </c>
      <c r="T5" s="12" t="s">
        <v>495</v>
      </c>
      <c r="U5" s="12" t="s">
        <v>495</v>
      </c>
      <c r="V5" s="12" t="s">
        <v>495</v>
      </c>
      <c r="W5" s="12" t="s">
        <v>495</v>
      </c>
      <c r="X5" s="12" t="s">
        <v>495</v>
      </c>
      <c r="Y5" s="12" t="s">
        <v>495</v>
      </c>
      <c r="Z5" s="12" t="s">
        <v>495</v>
      </c>
      <c r="AA5" s="12" t="s">
        <v>495</v>
      </c>
      <c r="AB5" s="12" t="s">
        <v>495</v>
      </c>
      <c r="AC5" s="12" t="s">
        <v>495</v>
      </c>
      <c r="AD5" s="12" t="s">
        <v>495</v>
      </c>
    </row>
    <row r="6" spans="1:30" s="11" customFormat="1" ht="24"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</row>
    <row r="7" spans="1:30" s="11" customFormat="1">
      <c r="G7" s="12">
        <v>1</v>
      </c>
      <c r="H7" s="12">
        <v>1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2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3</v>
      </c>
      <c r="U7" s="12">
        <v>3</v>
      </c>
      <c r="V7" s="12">
        <v>3</v>
      </c>
      <c r="W7" s="12">
        <v>3</v>
      </c>
      <c r="X7" s="12">
        <v>3</v>
      </c>
      <c r="Y7" s="12">
        <v>1</v>
      </c>
      <c r="Z7" s="12">
        <v>1</v>
      </c>
      <c r="AA7" s="12">
        <v>1</v>
      </c>
      <c r="AB7" s="12">
        <v>1</v>
      </c>
      <c r="AC7" s="12">
        <v>1</v>
      </c>
      <c r="AD7" s="12">
        <v>1</v>
      </c>
    </row>
    <row r="8" spans="1:30" s="11" customFormat="1" ht="60">
      <c r="G8" s="12" t="s">
        <v>214</v>
      </c>
      <c r="H8" s="12" t="s">
        <v>564</v>
      </c>
      <c r="I8" s="12" t="s">
        <v>565</v>
      </c>
      <c r="J8" s="12" t="s">
        <v>566</v>
      </c>
      <c r="K8" s="12" t="s">
        <v>567</v>
      </c>
      <c r="L8" s="12" t="s">
        <v>568</v>
      </c>
      <c r="M8" s="12" t="s">
        <v>569</v>
      </c>
      <c r="N8" s="12" t="s">
        <v>570</v>
      </c>
      <c r="O8" s="12" t="s">
        <v>571</v>
      </c>
      <c r="P8" s="12" t="s">
        <v>575</v>
      </c>
      <c r="Q8" s="12" t="s">
        <v>578</v>
      </c>
      <c r="R8" s="12" t="s">
        <v>581</v>
      </c>
      <c r="S8" s="12" t="s">
        <v>584</v>
      </c>
      <c r="T8" s="12" t="s">
        <v>585</v>
      </c>
      <c r="U8" s="12" t="s">
        <v>586</v>
      </c>
      <c r="V8" s="12" t="s">
        <v>589</v>
      </c>
      <c r="W8" s="12" t="s">
        <v>592</v>
      </c>
      <c r="X8" s="12" t="s">
        <v>593</v>
      </c>
      <c r="Y8" s="12" t="s">
        <v>594</v>
      </c>
      <c r="Z8" s="12" t="s">
        <v>595</v>
      </c>
      <c r="AA8" s="12" t="s">
        <v>596</v>
      </c>
      <c r="AB8" s="12" t="s">
        <v>597</v>
      </c>
      <c r="AC8" s="12" t="s">
        <v>616</v>
      </c>
      <c r="AD8" s="12" t="s">
        <v>617</v>
      </c>
    </row>
    <row r="9" spans="1:30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  <c r="W9" s="13" t="s">
        <v>219</v>
      </c>
      <c r="X9" s="13" t="s">
        <v>219</v>
      </c>
      <c r="Y9" s="13" t="s">
        <v>219</v>
      </c>
      <c r="Z9" s="13" t="s">
        <v>219</v>
      </c>
      <c r="AA9" s="13" t="s">
        <v>219</v>
      </c>
      <c r="AB9" s="13" t="s">
        <v>219</v>
      </c>
      <c r="AC9" s="13" t="s">
        <v>219</v>
      </c>
      <c r="AD9" s="13" t="s">
        <v>219</v>
      </c>
    </row>
    <row r="10" spans="1:30" s="11" customFormat="1">
      <c r="A10" s="14" t="s">
        <v>224</v>
      </c>
      <c r="B10" s="14" t="s">
        <v>259</v>
      </c>
      <c r="C10" s="14" t="s">
        <v>230</v>
      </c>
      <c r="D10" s="14" t="s">
        <v>212</v>
      </c>
      <c r="E10" s="14" t="s">
        <v>465</v>
      </c>
      <c r="F10" s="14" t="s">
        <v>282</v>
      </c>
      <c r="G10" s="14" t="s">
        <v>231</v>
      </c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</row>
    <row r="11" spans="1:30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467</v>
      </c>
      <c r="F11" s="15" t="s">
        <v>401</v>
      </c>
      <c r="G11" s="16">
        <v>60048844</v>
      </c>
      <c r="H11" s="16">
        <v>58820884</v>
      </c>
      <c r="I11" s="16">
        <v>51121305</v>
      </c>
      <c r="J11" s="16">
        <v>22317680</v>
      </c>
      <c r="K11" s="16">
        <v>27993242</v>
      </c>
      <c r="L11" s="16">
        <v>102127</v>
      </c>
      <c r="M11" s="16">
        <v>708256</v>
      </c>
      <c r="N11" s="16">
        <v>7699579</v>
      </c>
      <c r="O11" s="16">
        <v>636896</v>
      </c>
      <c r="P11" s="16">
        <v>1236825</v>
      </c>
      <c r="Q11" s="16">
        <v>1998969</v>
      </c>
      <c r="R11" s="16">
        <v>1873665</v>
      </c>
      <c r="S11" s="16">
        <v>221563</v>
      </c>
      <c r="T11" s="16">
        <v>790934</v>
      </c>
      <c r="U11" s="16">
        <v>211633</v>
      </c>
      <c r="V11" s="16">
        <v>614741</v>
      </c>
      <c r="W11" s="16">
        <v>12525</v>
      </c>
      <c r="X11" s="16">
        <v>101828</v>
      </c>
      <c r="Y11" s="16">
        <v>144887</v>
      </c>
      <c r="Z11" s="16">
        <v>1083073</v>
      </c>
      <c r="AA11" s="22" t="s">
        <v>268</v>
      </c>
      <c r="AB11" s="16">
        <v>5391644</v>
      </c>
      <c r="AC11" s="16">
        <v>13067790</v>
      </c>
      <c r="AD11" s="16">
        <v>296202</v>
      </c>
    </row>
    <row r="12" spans="1:30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467</v>
      </c>
      <c r="F12" s="21" t="s">
        <v>405</v>
      </c>
      <c r="G12" s="16">
        <v>15280</v>
      </c>
      <c r="H12" s="16">
        <v>13633</v>
      </c>
      <c r="I12" s="16">
        <v>9864</v>
      </c>
      <c r="J12" s="16">
        <v>2783</v>
      </c>
      <c r="K12" s="16">
        <v>5772</v>
      </c>
      <c r="L12" s="16">
        <v>248</v>
      </c>
      <c r="M12" s="16">
        <v>1061</v>
      </c>
      <c r="N12" s="16">
        <v>3769</v>
      </c>
      <c r="O12" s="16">
        <v>189</v>
      </c>
      <c r="P12" s="16">
        <v>156</v>
      </c>
      <c r="Q12" s="16">
        <v>328</v>
      </c>
      <c r="R12" s="16">
        <v>375</v>
      </c>
      <c r="S12" s="16">
        <v>210</v>
      </c>
      <c r="T12" s="16">
        <v>374</v>
      </c>
      <c r="U12" s="16">
        <v>787</v>
      </c>
      <c r="V12" s="16">
        <v>952</v>
      </c>
      <c r="W12" s="16">
        <v>38</v>
      </c>
      <c r="X12" s="16">
        <v>360</v>
      </c>
      <c r="Y12" s="16">
        <v>148</v>
      </c>
      <c r="Z12" s="16">
        <v>1499</v>
      </c>
      <c r="AA12" s="22" t="s">
        <v>268</v>
      </c>
      <c r="AB12" s="16">
        <v>2644</v>
      </c>
      <c r="AC12" s="22" t="s">
        <v>268</v>
      </c>
      <c r="AD12" s="22" t="s">
        <v>268</v>
      </c>
    </row>
    <row r="13" spans="1:30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467</v>
      </c>
      <c r="F13" s="21" t="s">
        <v>406</v>
      </c>
      <c r="G13" s="16">
        <v>321692</v>
      </c>
      <c r="H13" s="16">
        <v>312958</v>
      </c>
      <c r="I13" s="16">
        <v>271390</v>
      </c>
      <c r="J13" s="16">
        <v>114421</v>
      </c>
      <c r="K13" s="16">
        <v>151338</v>
      </c>
      <c r="L13" s="16">
        <v>851</v>
      </c>
      <c r="M13" s="16">
        <v>4780</v>
      </c>
      <c r="N13" s="16">
        <v>41568</v>
      </c>
      <c r="O13" s="16">
        <v>2463</v>
      </c>
      <c r="P13" s="16">
        <v>2143</v>
      </c>
      <c r="Q13" s="16">
        <v>5066</v>
      </c>
      <c r="R13" s="16">
        <v>5351</v>
      </c>
      <c r="S13" s="16">
        <v>2243</v>
      </c>
      <c r="T13" s="16">
        <v>2980</v>
      </c>
      <c r="U13" s="16">
        <v>7447</v>
      </c>
      <c r="V13" s="16">
        <v>11790</v>
      </c>
      <c r="W13" s="16">
        <v>173</v>
      </c>
      <c r="X13" s="16">
        <v>1912</v>
      </c>
      <c r="Y13" s="16">
        <v>2048</v>
      </c>
      <c r="Z13" s="16">
        <v>6686</v>
      </c>
      <c r="AA13" s="22" t="s">
        <v>268</v>
      </c>
      <c r="AB13" s="16">
        <v>30638</v>
      </c>
      <c r="AC13" s="22" t="s">
        <v>268</v>
      </c>
      <c r="AD13" s="22" t="s">
        <v>268</v>
      </c>
    </row>
    <row r="14" spans="1:30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467</v>
      </c>
      <c r="F14" s="21" t="s">
        <v>407</v>
      </c>
      <c r="G14" s="16">
        <v>1700083</v>
      </c>
      <c r="H14" s="16">
        <v>1659908</v>
      </c>
      <c r="I14" s="16">
        <v>1540206</v>
      </c>
      <c r="J14" s="16">
        <v>709559</v>
      </c>
      <c r="K14" s="16">
        <v>817897</v>
      </c>
      <c r="L14" s="16">
        <v>1273</v>
      </c>
      <c r="M14" s="16">
        <v>11477</v>
      </c>
      <c r="N14" s="16">
        <v>119702</v>
      </c>
      <c r="O14" s="16">
        <v>7907</v>
      </c>
      <c r="P14" s="16">
        <v>7452</v>
      </c>
      <c r="Q14" s="16">
        <v>21094</v>
      </c>
      <c r="R14" s="16">
        <v>20045</v>
      </c>
      <c r="S14" s="16">
        <v>4591</v>
      </c>
      <c r="T14" s="16">
        <v>7768</v>
      </c>
      <c r="U14" s="16">
        <v>16700</v>
      </c>
      <c r="V14" s="16">
        <v>29611</v>
      </c>
      <c r="W14" s="16">
        <v>501</v>
      </c>
      <c r="X14" s="16">
        <v>4033</v>
      </c>
      <c r="Y14" s="16">
        <v>5181</v>
      </c>
      <c r="Z14" s="16">
        <v>34994</v>
      </c>
      <c r="AA14" s="22" t="s">
        <v>268</v>
      </c>
      <c r="AB14" s="16">
        <v>90908</v>
      </c>
      <c r="AC14" s="22" t="s">
        <v>268</v>
      </c>
      <c r="AD14" s="22" t="s">
        <v>268</v>
      </c>
    </row>
    <row r="15" spans="1:30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467</v>
      </c>
      <c r="F15" s="21" t="s">
        <v>408</v>
      </c>
      <c r="G15" s="16">
        <v>3382949</v>
      </c>
      <c r="H15" s="16">
        <v>3320867</v>
      </c>
      <c r="I15" s="16">
        <v>3080073</v>
      </c>
      <c r="J15" s="16">
        <v>822302</v>
      </c>
      <c r="K15" s="16">
        <v>2229672</v>
      </c>
      <c r="L15" s="16">
        <v>1971</v>
      </c>
      <c r="M15" s="16">
        <v>26128</v>
      </c>
      <c r="N15" s="16">
        <v>240794</v>
      </c>
      <c r="O15" s="16">
        <v>12645</v>
      </c>
      <c r="P15" s="16">
        <v>13055</v>
      </c>
      <c r="Q15" s="16">
        <v>62887</v>
      </c>
      <c r="R15" s="16">
        <v>53501</v>
      </c>
      <c r="S15" s="16">
        <v>5247</v>
      </c>
      <c r="T15" s="16">
        <v>14615</v>
      </c>
      <c r="U15" s="16">
        <v>18834</v>
      </c>
      <c r="V15" s="16">
        <v>54160</v>
      </c>
      <c r="W15" s="16">
        <v>533</v>
      </c>
      <c r="X15" s="16">
        <v>5317</v>
      </c>
      <c r="Y15" s="16">
        <v>7609</v>
      </c>
      <c r="Z15" s="16">
        <v>54473</v>
      </c>
      <c r="AA15" s="22" t="s">
        <v>268</v>
      </c>
      <c r="AB15" s="16">
        <v>198977</v>
      </c>
      <c r="AC15" s="22" t="s">
        <v>268</v>
      </c>
      <c r="AD15" s="22" t="s">
        <v>268</v>
      </c>
    </row>
    <row r="16" spans="1:30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467</v>
      </c>
      <c r="F16" s="21" t="s">
        <v>409</v>
      </c>
      <c r="G16" s="16">
        <v>4610134</v>
      </c>
      <c r="H16" s="16">
        <v>4546984</v>
      </c>
      <c r="I16" s="16">
        <v>4149765</v>
      </c>
      <c r="J16" s="16">
        <v>680378</v>
      </c>
      <c r="K16" s="16">
        <v>3414071</v>
      </c>
      <c r="L16" s="16">
        <v>3330</v>
      </c>
      <c r="M16" s="16">
        <v>51986</v>
      </c>
      <c r="N16" s="16">
        <v>397219</v>
      </c>
      <c r="O16" s="16">
        <v>16984</v>
      </c>
      <c r="P16" s="16">
        <v>19836</v>
      </c>
      <c r="Q16" s="16">
        <v>131231</v>
      </c>
      <c r="R16" s="16">
        <v>111535</v>
      </c>
      <c r="S16" s="16">
        <v>4604</v>
      </c>
      <c r="T16" s="16">
        <v>20195</v>
      </c>
      <c r="U16" s="16">
        <v>16112</v>
      </c>
      <c r="V16" s="16">
        <v>69589</v>
      </c>
      <c r="W16" s="16">
        <v>396</v>
      </c>
      <c r="X16" s="16">
        <v>6737</v>
      </c>
      <c r="Y16" s="16">
        <v>9935</v>
      </c>
      <c r="Z16" s="16">
        <v>53215</v>
      </c>
      <c r="AA16" s="22" t="s">
        <v>268</v>
      </c>
      <c r="AB16" s="16">
        <v>343729</v>
      </c>
      <c r="AC16" s="22" t="s">
        <v>268</v>
      </c>
      <c r="AD16" s="22" t="s">
        <v>268</v>
      </c>
    </row>
    <row r="17" spans="1:30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467</v>
      </c>
      <c r="F17" s="21" t="s">
        <v>410</v>
      </c>
      <c r="G17" s="16">
        <v>5530153</v>
      </c>
      <c r="H17" s="16">
        <v>5447770</v>
      </c>
      <c r="I17" s="16">
        <v>4881428</v>
      </c>
      <c r="J17" s="16">
        <v>727901</v>
      </c>
      <c r="K17" s="16">
        <v>4062073</v>
      </c>
      <c r="L17" s="16">
        <v>5579</v>
      </c>
      <c r="M17" s="16">
        <v>85875</v>
      </c>
      <c r="N17" s="16">
        <v>566342</v>
      </c>
      <c r="O17" s="16">
        <v>24659</v>
      </c>
      <c r="P17" s="16">
        <v>33411</v>
      </c>
      <c r="Q17" s="16">
        <v>201671</v>
      </c>
      <c r="R17" s="16">
        <v>190367</v>
      </c>
      <c r="S17" s="16">
        <v>4822</v>
      </c>
      <c r="T17" s="16">
        <v>24334</v>
      </c>
      <c r="U17" s="16">
        <v>12938</v>
      </c>
      <c r="V17" s="16">
        <v>64794</v>
      </c>
      <c r="W17" s="16">
        <v>386</v>
      </c>
      <c r="X17" s="16">
        <v>8960</v>
      </c>
      <c r="Y17" s="16">
        <v>12258</v>
      </c>
      <c r="Z17" s="16">
        <v>70125</v>
      </c>
      <c r="AA17" s="22" t="s">
        <v>268</v>
      </c>
      <c r="AB17" s="16">
        <v>489351</v>
      </c>
      <c r="AC17" s="22" t="s">
        <v>268</v>
      </c>
      <c r="AD17" s="22" t="s">
        <v>268</v>
      </c>
    </row>
    <row r="18" spans="1:30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467</v>
      </c>
      <c r="F18" s="21" t="s">
        <v>411</v>
      </c>
      <c r="G18" s="16">
        <v>6438670</v>
      </c>
      <c r="H18" s="16">
        <v>6303950</v>
      </c>
      <c r="I18" s="16">
        <v>5530063</v>
      </c>
      <c r="J18" s="16">
        <v>1050998</v>
      </c>
      <c r="K18" s="16">
        <v>4332309</v>
      </c>
      <c r="L18" s="16">
        <v>9617</v>
      </c>
      <c r="M18" s="16">
        <v>137139</v>
      </c>
      <c r="N18" s="16">
        <v>773887</v>
      </c>
      <c r="O18" s="16">
        <v>45236</v>
      </c>
      <c r="P18" s="16">
        <v>71082</v>
      </c>
      <c r="Q18" s="16">
        <v>240653</v>
      </c>
      <c r="R18" s="16">
        <v>297400</v>
      </c>
      <c r="S18" s="16">
        <v>6471</v>
      </c>
      <c r="T18" s="16">
        <v>31480</v>
      </c>
      <c r="U18" s="16">
        <v>14785</v>
      </c>
      <c r="V18" s="16">
        <v>53548</v>
      </c>
      <c r="W18" s="16">
        <v>603</v>
      </c>
      <c r="X18" s="16">
        <v>12629</v>
      </c>
      <c r="Y18" s="16">
        <v>15579</v>
      </c>
      <c r="Z18" s="16">
        <v>119141</v>
      </c>
      <c r="AA18" s="22" t="s">
        <v>268</v>
      </c>
      <c r="AB18" s="16">
        <v>632135</v>
      </c>
      <c r="AC18" s="22" t="s">
        <v>268</v>
      </c>
      <c r="AD18" s="22" t="s">
        <v>268</v>
      </c>
    </row>
    <row r="19" spans="1:30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467</v>
      </c>
      <c r="F19" s="21" t="s">
        <v>412</v>
      </c>
      <c r="G19" s="16">
        <v>5763701</v>
      </c>
      <c r="H19" s="16">
        <v>5586971</v>
      </c>
      <c r="I19" s="16">
        <v>4749089</v>
      </c>
      <c r="J19" s="16">
        <v>1323574</v>
      </c>
      <c r="K19" s="16">
        <v>3281451</v>
      </c>
      <c r="L19" s="16">
        <v>12300</v>
      </c>
      <c r="M19" s="16">
        <v>131764</v>
      </c>
      <c r="N19" s="16">
        <v>837882</v>
      </c>
      <c r="O19" s="16">
        <v>65408</v>
      </c>
      <c r="P19" s="16">
        <v>132235</v>
      </c>
      <c r="Q19" s="16">
        <v>183760</v>
      </c>
      <c r="R19" s="16">
        <v>336749</v>
      </c>
      <c r="S19" s="16">
        <v>7795</v>
      </c>
      <c r="T19" s="16">
        <v>35846</v>
      </c>
      <c r="U19" s="16">
        <v>17875</v>
      </c>
      <c r="V19" s="16">
        <v>42627</v>
      </c>
      <c r="W19" s="16">
        <v>857</v>
      </c>
      <c r="X19" s="16">
        <v>14730</v>
      </c>
      <c r="Y19" s="16">
        <v>15965</v>
      </c>
      <c r="Z19" s="16">
        <v>160765</v>
      </c>
      <c r="AA19" s="22" t="s">
        <v>268</v>
      </c>
      <c r="AB19" s="16">
        <v>610533</v>
      </c>
      <c r="AC19" s="22" t="s">
        <v>268</v>
      </c>
      <c r="AD19" s="22" t="s">
        <v>268</v>
      </c>
    </row>
    <row r="20" spans="1:30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467</v>
      </c>
      <c r="F20" s="21" t="s">
        <v>413</v>
      </c>
      <c r="G20" s="16">
        <v>5477633</v>
      </c>
      <c r="H20" s="16">
        <v>5290917</v>
      </c>
      <c r="I20" s="16">
        <v>4331125</v>
      </c>
      <c r="J20" s="16">
        <v>1823417</v>
      </c>
      <c r="K20" s="16">
        <v>2403100</v>
      </c>
      <c r="L20" s="16">
        <v>13146</v>
      </c>
      <c r="M20" s="16">
        <v>91462</v>
      </c>
      <c r="N20" s="16">
        <v>959792</v>
      </c>
      <c r="O20" s="16">
        <v>79324</v>
      </c>
      <c r="P20" s="16">
        <v>246830</v>
      </c>
      <c r="Q20" s="16">
        <v>131883</v>
      </c>
      <c r="R20" s="16">
        <v>350668</v>
      </c>
      <c r="S20" s="16">
        <v>11407</v>
      </c>
      <c r="T20" s="16">
        <v>50193</v>
      </c>
      <c r="U20" s="16">
        <v>23511</v>
      </c>
      <c r="V20" s="16">
        <v>51674</v>
      </c>
      <c r="W20" s="16">
        <v>1171</v>
      </c>
      <c r="X20" s="16">
        <v>13131</v>
      </c>
      <c r="Y20" s="16">
        <v>15089</v>
      </c>
      <c r="Z20" s="16">
        <v>171627</v>
      </c>
      <c r="AA20" s="22" t="s">
        <v>268</v>
      </c>
      <c r="AB20" s="16">
        <v>597481</v>
      </c>
      <c r="AC20" s="22" t="s">
        <v>268</v>
      </c>
      <c r="AD20" s="22" t="s">
        <v>268</v>
      </c>
    </row>
    <row r="21" spans="1:30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467</v>
      </c>
      <c r="F21" s="21" t="s">
        <v>414</v>
      </c>
      <c r="G21" s="16">
        <v>5340210</v>
      </c>
      <c r="H21" s="16">
        <v>5212208</v>
      </c>
      <c r="I21" s="16">
        <v>4250134</v>
      </c>
      <c r="J21" s="16">
        <v>2383472</v>
      </c>
      <c r="K21" s="16">
        <v>1804654</v>
      </c>
      <c r="L21" s="16">
        <v>10802</v>
      </c>
      <c r="M21" s="16">
        <v>51206</v>
      </c>
      <c r="N21" s="16">
        <v>962074</v>
      </c>
      <c r="O21" s="16">
        <v>61833</v>
      </c>
      <c r="P21" s="16">
        <v>312188</v>
      </c>
      <c r="Q21" s="16">
        <v>113654</v>
      </c>
      <c r="R21" s="16">
        <v>270761</v>
      </c>
      <c r="S21" s="16">
        <v>19023</v>
      </c>
      <c r="T21" s="16">
        <v>81488</v>
      </c>
      <c r="U21" s="16">
        <v>23972</v>
      </c>
      <c r="V21" s="16">
        <v>68034</v>
      </c>
      <c r="W21" s="16">
        <v>1695</v>
      </c>
      <c r="X21" s="16">
        <v>9426</v>
      </c>
      <c r="Y21" s="16">
        <v>13656</v>
      </c>
      <c r="Z21" s="16">
        <v>114346</v>
      </c>
      <c r="AA21" s="22" t="s">
        <v>268</v>
      </c>
      <c r="AB21" s="16">
        <v>543558</v>
      </c>
      <c r="AC21" s="16">
        <v>703061</v>
      </c>
      <c r="AD21" s="22" t="s">
        <v>268</v>
      </c>
    </row>
    <row r="22" spans="1:30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467</v>
      </c>
      <c r="F22" s="21" t="s">
        <v>415</v>
      </c>
      <c r="G22" s="16">
        <v>5916636</v>
      </c>
      <c r="H22" s="16">
        <v>5819598</v>
      </c>
      <c r="I22" s="16">
        <v>4953002</v>
      </c>
      <c r="J22" s="16">
        <v>3219218</v>
      </c>
      <c r="K22" s="16">
        <v>1690953</v>
      </c>
      <c r="L22" s="16">
        <v>9326</v>
      </c>
      <c r="M22" s="16">
        <v>33505</v>
      </c>
      <c r="N22" s="16">
        <v>866596</v>
      </c>
      <c r="O22" s="16">
        <v>40593</v>
      </c>
      <c r="P22" s="16">
        <v>244557</v>
      </c>
      <c r="Q22" s="16">
        <v>171023</v>
      </c>
      <c r="R22" s="16">
        <v>149189</v>
      </c>
      <c r="S22" s="16">
        <v>33588</v>
      </c>
      <c r="T22" s="16">
        <v>131066</v>
      </c>
      <c r="U22" s="16">
        <v>18159</v>
      </c>
      <c r="V22" s="16">
        <v>69265</v>
      </c>
      <c r="W22" s="16">
        <v>2167</v>
      </c>
      <c r="X22" s="16">
        <v>6989</v>
      </c>
      <c r="Y22" s="16">
        <v>13448</v>
      </c>
      <c r="Z22" s="16">
        <v>83590</v>
      </c>
      <c r="AA22" s="22" t="s">
        <v>268</v>
      </c>
      <c r="AB22" s="16">
        <v>523366</v>
      </c>
      <c r="AC22" s="16">
        <v>2982897</v>
      </c>
      <c r="AD22" s="16">
        <v>83590</v>
      </c>
    </row>
    <row r="23" spans="1:30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467</v>
      </c>
      <c r="F23" s="21" t="s">
        <v>416</v>
      </c>
      <c r="G23" s="16">
        <v>6426734</v>
      </c>
      <c r="H23" s="16">
        <v>6336930</v>
      </c>
      <c r="I23" s="16">
        <v>5594760</v>
      </c>
      <c r="J23" s="16">
        <v>3882559</v>
      </c>
      <c r="K23" s="16">
        <v>1675576</v>
      </c>
      <c r="L23" s="16">
        <v>9018</v>
      </c>
      <c r="M23" s="16">
        <v>27607</v>
      </c>
      <c r="N23" s="16">
        <v>742170</v>
      </c>
      <c r="O23" s="16">
        <v>43194</v>
      </c>
      <c r="P23" s="16">
        <v>115354</v>
      </c>
      <c r="Q23" s="16">
        <v>245881</v>
      </c>
      <c r="R23" s="16">
        <v>58683</v>
      </c>
      <c r="S23" s="16">
        <v>48323</v>
      </c>
      <c r="T23" s="16">
        <v>163364</v>
      </c>
      <c r="U23" s="16">
        <v>11978</v>
      </c>
      <c r="V23" s="16">
        <v>47359</v>
      </c>
      <c r="W23" s="16">
        <v>2020</v>
      </c>
      <c r="X23" s="16">
        <v>6014</v>
      </c>
      <c r="Y23" s="16">
        <v>13589</v>
      </c>
      <c r="Z23" s="16">
        <v>76215</v>
      </c>
      <c r="AA23" s="22" t="s">
        <v>268</v>
      </c>
      <c r="AB23" s="16">
        <v>514542</v>
      </c>
      <c r="AC23" s="16">
        <v>3821043</v>
      </c>
      <c r="AD23" s="16">
        <v>76215</v>
      </c>
    </row>
    <row r="24" spans="1:30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467</v>
      </c>
      <c r="F24" s="21" t="s">
        <v>417</v>
      </c>
      <c r="G24" s="16">
        <v>4547067</v>
      </c>
      <c r="H24" s="16">
        <v>4487739</v>
      </c>
      <c r="I24" s="16">
        <v>3993941</v>
      </c>
      <c r="J24" s="16">
        <v>2835099</v>
      </c>
      <c r="K24" s="16">
        <v>1130892</v>
      </c>
      <c r="L24" s="16">
        <v>7404</v>
      </c>
      <c r="M24" s="16">
        <v>20546</v>
      </c>
      <c r="N24" s="16">
        <v>493798</v>
      </c>
      <c r="O24" s="16">
        <v>57686</v>
      </c>
      <c r="P24" s="16">
        <v>20997</v>
      </c>
      <c r="Q24" s="16">
        <v>212727</v>
      </c>
      <c r="R24" s="16">
        <v>12659</v>
      </c>
      <c r="S24" s="16">
        <v>37761</v>
      </c>
      <c r="T24" s="16">
        <v>117612</v>
      </c>
      <c r="U24" s="16">
        <v>8369</v>
      </c>
      <c r="V24" s="16">
        <v>20795</v>
      </c>
      <c r="W24" s="16">
        <v>1093</v>
      </c>
      <c r="X24" s="16">
        <v>4099</v>
      </c>
      <c r="Y24" s="16">
        <v>9377</v>
      </c>
      <c r="Z24" s="16">
        <v>49951</v>
      </c>
      <c r="AA24" s="22" t="s">
        <v>268</v>
      </c>
      <c r="AB24" s="16">
        <v>364998</v>
      </c>
      <c r="AC24" s="16">
        <v>2822547</v>
      </c>
      <c r="AD24" s="16">
        <v>49951</v>
      </c>
    </row>
    <row r="25" spans="1:30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467</v>
      </c>
      <c r="F25" s="21" t="s">
        <v>418</v>
      </c>
      <c r="G25" s="16">
        <v>2852895</v>
      </c>
      <c r="H25" s="16">
        <v>2805486</v>
      </c>
      <c r="I25" s="16">
        <v>2430663</v>
      </c>
      <c r="J25" s="16">
        <v>1750451</v>
      </c>
      <c r="K25" s="16">
        <v>655899</v>
      </c>
      <c r="L25" s="16">
        <v>7297</v>
      </c>
      <c r="M25" s="16">
        <v>17016</v>
      </c>
      <c r="N25" s="16">
        <v>374823</v>
      </c>
      <c r="O25" s="16">
        <v>77126</v>
      </c>
      <c r="P25" s="16">
        <v>5766</v>
      </c>
      <c r="Q25" s="16">
        <v>163782</v>
      </c>
      <c r="R25" s="16">
        <v>6660</v>
      </c>
      <c r="S25" s="16">
        <v>23001</v>
      </c>
      <c r="T25" s="16">
        <v>70735</v>
      </c>
      <c r="U25" s="16">
        <v>9166</v>
      </c>
      <c r="V25" s="16">
        <v>14575</v>
      </c>
      <c r="W25" s="16">
        <v>542</v>
      </c>
      <c r="X25" s="16">
        <v>3470</v>
      </c>
      <c r="Y25" s="16">
        <v>6273</v>
      </c>
      <c r="Z25" s="16">
        <v>41136</v>
      </c>
      <c r="AA25" s="22" t="s">
        <v>268</v>
      </c>
      <c r="AB25" s="16">
        <v>261034</v>
      </c>
      <c r="AC25" s="16">
        <v>1747570</v>
      </c>
      <c r="AD25" s="16">
        <v>41136</v>
      </c>
    </row>
    <row r="26" spans="1:30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467</v>
      </c>
      <c r="F26" s="21" t="s">
        <v>419</v>
      </c>
      <c r="G26" s="16">
        <v>1344312</v>
      </c>
      <c r="H26" s="16">
        <v>1310182</v>
      </c>
      <c r="I26" s="16">
        <v>1079168</v>
      </c>
      <c r="J26" s="16">
        <v>789836</v>
      </c>
      <c r="K26" s="16">
        <v>271727</v>
      </c>
      <c r="L26" s="16">
        <v>6307</v>
      </c>
      <c r="M26" s="16">
        <v>11298</v>
      </c>
      <c r="N26" s="16">
        <v>231014</v>
      </c>
      <c r="O26" s="16">
        <v>69778</v>
      </c>
      <c r="P26" s="16">
        <v>5878</v>
      </c>
      <c r="Q26" s="16">
        <v>87912</v>
      </c>
      <c r="R26" s="16">
        <v>5864</v>
      </c>
      <c r="S26" s="16">
        <v>9878</v>
      </c>
      <c r="T26" s="16">
        <v>30867</v>
      </c>
      <c r="U26" s="16">
        <v>7507</v>
      </c>
      <c r="V26" s="16">
        <v>10483</v>
      </c>
      <c r="W26" s="16">
        <v>249</v>
      </c>
      <c r="X26" s="16">
        <v>2598</v>
      </c>
      <c r="Y26" s="16">
        <v>3429</v>
      </c>
      <c r="Z26" s="16">
        <v>30701</v>
      </c>
      <c r="AA26" s="22" t="s">
        <v>268</v>
      </c>
      <c r="AB26" s="16">
        <v>141414</v>
      </c>
      <c r="AC26" s="16">
        <v>789091</v>
      </c>
      <c r="AD26" s="16">
        <v>30701</v>
      </c>
    </row>
    <row r="27" spans="1:30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467</v>
      </c>
      <c r="F27" s="21" t="s">
        <v>420</v>
      </c>
      <c r="G27" s="16">
        <v>342372</v>
      </c>
      <c r="H27" s="16">
        <v>328743</v>
      </c>
      <c r="I27" s="16">
        <v>251287</v>
      </c>
      <c r="J27" s="16">
        <v>183966</v>
      </c>
      <c r="K27" s="16">
        <v>59889</v>
      </c>
      <c r="L27" s="16">
        <v>2997</v>
      </c>
      <c r="M27" s="16">
        <v>4435</v>
      </c>
      <c r="N27" s="16">
        <v>77456</v>
      </c>
      <c r="O27" s="16">
        <v>28188</v>
      </c>
      <c r="P27" s="16">
        <v>4433</v>
      </c>
      <c r="Q27" s="16">
        <v>23136</v>
      </c>
      <c r="R27" s="16">
        <v>3118</v>
      </c>
      <c r="S27" s="16">
        <v>2369</v>
      </c>
      <c r="T27" s="16">
        <v>7235</v>
      </c>
      <c r="U27" s="16">
        <v>3035</v>
      </c>
      <c r="V27" s="16">
        <v>4696</v>
      </c>
      <c r="W27" s="16">
        <v>90</v>
      </c>
      <c r="X27" s="16">
        <v>1156</v>
      </c>
      <c r="Y27" s="16">
        <v>1102</v>
      </c>
      <c r="Z27" s="16">
        <v>12527</v>
      </c>
      <c r="AA27" s="22" t="s">
        <v>268</v>
      </c>
      <c r="AB27" s="16">
        <v>41191</v>
      </c>
      <c r="AC27" s="16">
        <v>183844</v>
      </c>
      <c r="AD27" s="16">
        <v>12527</v>
      </c>
    </row>
    <row r="28" spans="1:30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467</v>
      </c>
      <c r="F28" s="21" t="s">
        <v>421</v>
      </c>
      <c r="G28" s="16">
        <v>36146</v>
      </c>
      <c r="H28" s="16">
        <v>34018</v>
      </c>
      <c r="I28" s="16">
        <v>24039</v>
      </c>
      <c r="J28" s="16">
        <v>16916</v>
      </c>
      <c r="K28" s="16">
        <v>5660</v>
      </c>
      <c r="L28" s="16">
        <v>610</v>
      </c>
      <c r="M28" s="16">
        <v>853</v>
      </c>
      <c r="N28" s="16">
        <v>9979</v>
      </c>
      <c r="O28" s="16">
        <v>3503</v>
      </c>
      <c r="P28" s="16">
        <v>1266</v>
      </c>
      <c r="Q28" s="16">
        <v>2192</v>
      </c>
      <c r="R28" s="16">
        <v>674</v>
      </c>
      <c r="S28" s="16">
        <v>212</v>
      </c>
      <c r="T28" s="16">
        <v>724</v>
      </c>
      <c r="U28" s="16">
        <v>428</v>
      </c>
      <c r="V28" s="16">
        <v>734</v>
      </c>
      <c r="W28" s="16">
        <v>10</v>
      </c>
      <c r="X28" s="16">
        <v>236</v>
      </c>
      <c r="Y28" s="16">
        <v>181</v>
      </c>
      <c r="Z28" s="16">
        <v>1947</v>
      </c>
      <c r="AA28" s="22" t="s">
        <v>268</v>
      </c>
      <c r="AB28" s="16">
        <v>4831</v>
      </c>
      <c r="AC28" s="16">
        <v>16909</v>
      </c>
      <c r="AD28" s="16">
        <v>1947</v>
      </c>
    </row>
    <row r="29" spans="1:30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467</v>
      </c>
      <c r="F29" s="21" t="s">
        <v>422</v>
      </c>
      <c r="G29" s="16">
        <v>2177</v>
      </c>
      <c r="H29" s="16">
        <v>2022</v>
      </c>
      <c r="I29" s="16">
        <v>1308</v>
      </c>
      <c r="J29" s="16">
        <v>830</v>
      </c>
      <c r="K29" s="16">
        <v>309</v>
      </c>
      <c r="L29" s="16">
        <v>51</v>
      </c>
      <c r="M29" s="16">
        <v>118</v>
      </c>
      <c r="N29" s="16">
        <v>714</v>
      </c>
      <c r="O29" s="16">
        <v>180</v>
      </c>
      <c r="P29" s="16">
        <v>186</v>
      </c>
      <c r="Q29" s="16">
        <v>89</v>
      </c>
      <c r="R29" s="16">
        <v>66</v>
      </c>
      <c r="S29" s="16">
        <v>18</v>
      </c>
      <c r="T29" s="16">
        <v>58</v>
      </c>
      <c r="U29" s="16">
        <v>30</v>
      </c>
      <c r="V29" s="16">
        <v>55</v>
      </c>
      <c r="W29" s="16">
        <v>1</v>
      </c>
      <c r="X29" s="16">
        <v>31</v>
      </c>
      <c r="Y29" s="16">
        <v>20</v>
      </c>
      <c r="Z29" s="16">
        <v>135</v>
      </c>
      <c r="AA29" s="22" t="s">
        <v>268</v>
      </c>
      <c r="AB29" s="16">
        <v>314</v>
      </c>
      <c r="AC29" s="16">
        <v>828</v>
      </c>
      <c r="AD29" s="16">
        <v>135</v>
      </c>
    </row>
    <row r="30" spans="1:30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467</v>
      </c>
      <c r="F30" s="21" t="s">
        <v>423</v>
      </c>
      <c r="G30" s="22" t="s">
        <v>268</v>
      </c>
      <c r="H30" s="22" t="s">
        <v>268</v>
      </c>
      <c r="I30" s="22" t="s">
        <v>268</v>
      </c>
      <c r="J30" s="22" t="s">
        <v>268</v>
      </c>
      <c r="K30" s="22" t="s">
        <v>268</v>
      </c>
      <c r="L30" s="22" t="s">
        <v>268</v>
      </c>
      <c r="M30" s="22" t="s">
        <v>268</v>
      </c>
      <c r="N30" s="22" t="s">
        <v>268</v>
      </c>
      <c r="O30" s="22" t="s">
        <v>268</v>
      </c>
      <c r="P30" s="22" t="s">
        <v>268</v>
      </c>
      <c r="Q30" s="22" t="s">
        <v>268</v>
      </c>
      <c r="R30" s="22" t="s">
        <v>268</v>
      </c>
      <c r="S30" s="22" t="s">
        <v>268</v>
      </c>
      <c r="T30" s="22" t="s">
        <v>268</v>
      </c>
      <c r="U30" s="22" t="s">
        <v>268</v>
      </c>
      <c r="V30" s="22" t="s">
        <v>268</v>
      </c>
      <c r="W30" s="22" t="s">
        <v>268</v>
      </c>
      <c r="X30" s="22" t="s">
        <v>268</v>
      </c>
      <c r="Y30" s="22" t="s">
        <v>268</v>
      </c>
      <c r="Z30" s="22" t="s">
        <v>268</v>
      </c>
      <c r="AA30" s="22" t="s">
        <v>268</v>
      </c>
      <c r="AB30" s="22" t="s">
        <v>268</v>
      </c>
      <c r="AC30" s="22" t="s">
        <v>268</v>
      </c>
      <c r="AD30" s="22" t="s">
        <v>268</v>
      </c>
    </row>
    <row r="31" spans="1:30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467</v>
      </c>
      <c r="F31" s="21" t="s">
        <v>386</v>
      </c>
      <c r="G31" s="22" t="s">
        <v>268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22" t="s">
        <v>268</v>
      </c>
      <c r="M31" s="22" t="s">
        <v>268</v>
      </c>
      <c r="N31" s="22" t="s">
        <v>268</v>
      </c>
      <c r="O31" s="22" t="s">
        <v>268</v>
      </c>
      <c r="P31" s="22" t="s">
        <v>268</v>
      </c>
      <c r="Q31" s="22" t="s">
        <v>268</v>
      </c>
      <c r="R31" s="22" t="s">
        <v>268</v>
      </c>
      <c r="S31" s="22" t="s">
        <v>268</v>
      </c>
      <c r="T31" s="22" t="s">
        <v>268</v>
      </c>
      <c r="U31" s="22" t="s">
        <v>268</v>
      </c>
      <c r="V31" s="22" t="s">
        <v>268</v>
      </c>
      <c r="W31" s="22" t="s">
        <v>268</v>
      </c>
      <c r="X31" s="22" t="s">
        <v>268</v>
      </c>
      <c r="Y31" s="22" t="s">
        <v>268</v>
      </c>
      <c r="Z31" s="22" t="s">
        <v>268</v>
      </c>
      <c r="AA31" s="22" t="s">
        <v>268</v>
      </c>
      <c r="AB31" s="22" t="s">
        <v>268</v>
      </c>
      <c r="AC31" s="22" t="s">
        <v>268</v>
      </c>
      <c r="AD31" s="22" t="s">
        <v>268</v>
      </c>
    </row>
    <row r="32" spans="1:30">
      <c r="A32" s="21" t="s">
        <v>232</v>
      </c>
      <c r="B32" s="21" t="s">
        <v>233</v>
      </c>
      <c r="C32" s="21" t="s">
        <v>262</v>
      </c>
      <c r="D32" s="21" t="s">
        <v>214</v>
      </c>
      <c r="E32" s="21" t="s">
        <v>467</v>
      </c>
      <c r="F32" s="21" t="s">
        <v>387</v>
      </c>
      <c r="G32" s="16">
        <v>38580505</v>
      </c>
      <c r="H32" s="16">
        <v>37696166</v>
      </c>
      <c r="I32" s="16">
        <v>32793137</v>
      </c>
      <c r="J32" s="16">
        <v>9638805</v>
      </c>
      <c r="K32" s="16">
        <v>22502337</v>
      </c>
      <c r="L32" s="16">
        <v>59117</v>
      </c>
      <c r="M32" s="16">
        <v>592878</v>
      </c>
      <c r="N32" s="16">
        <v>4903029</v>
      </c>
      <c r="O32" s="16">
        <v>316648</v>
      </c>
      <c r="P32" s="16">
        <v>838388</v>
      </c>
      <c r="Q32" s="16">
        <v>1092227</v>
      </c>
      <c r="R32" s="16">
        <v>1636752</v>
      </c>
      <c r="S32" s="16">
        <v>66413</v>
      </c>
      <c r="T32" s="16">
        <v>269273</v>
      </c>
      <c r="U32" s="16">
        <v>152961</v>
      </c>
      <c r="V32" s="16">
        <v>446779</v>
      </c>
      <c r="W32" s="16">
        <v>6353</v>
      </c>
      <c r="X32" s="16">
        <v>77235</v>
      </c>
      <c r="Y32" s="16">
        <v>97468</v>
      </c>
      <c r="Z32" s="16">
        <v>786871</v>
      </c>
      <c r="AA32" s="22" t="s">
        <v>268</v>
      </c>
      <c r="AB32" s="16">
        <v>3539954</v>
      </c>
      <c r="AC32" s="16">
        <v>703061</v>
      </c>
      <c r="AD32" s="22" t="s">
        <v>268</v>
      </c>
    </row>
    <row r="33" spans="1:30">
      <c r="A33" s="21" t="s">
        <v>232</v>
      </c>
      <c r="B33" s="21" t="s">
        <v>233</v>
      </c>
      <c r="C33" s="21" t="s">
        <v>262</v>
      </c>
      <c r="D33" s="21" t="s">
        <v>214</v>
      </c>
      <c r="E33" s="21" t="s">
        <v>467</v>
      </c>
      <c r="F33" s="21" t="s">
        <v>388</v>
      </c>
      <c r="G33" s="16">
        <v>21468339</v>
      </c>
      <c r="H33" s="16">
        <v>21124718</v>
      </c>
      <c r="I33" s="16">
        <v>18328168</v>
      </c>
      <c r="J33" s="16">
        <v>12678875</v>
      </c>
      <c r="K33" s="16">
        <v>5490905</v>
      </c>
      <c r="L33" s="16">
        <v>43010</v>
      </c>
      <c r="M33" s="16">
        <v>115378</v>
      </c>
      <c r="N33" s="16">
        <v>2796550</v>
      </c>
      <c r="O33" s="16">
        <v>320248</v>
      </c>
      <c r="P33" s="16">
        <v>398437</v>
      </c>
      <c r="Q33" s="16">
        <v>906742</v>
      </c>
      <c r="R33" s="16">
        <v>236913</v>
      </c>
      <c r="S33" s="16">
        <v>155150</v>
      </c>
      <c r="T33" s="16">
        <v>521661</v>
      </c>
      <c r="U33" s="16">
        <v>58672</v>
      </c>
      <c r="V33" s="16">
        <v>167962</v>
      </c>
      <c r="W33" s="16">
        <v>6172</v>
      </c>
      <c r="X33" s="16">
        <v>24593</v>
      </c>
      <c r="Y33" s="16">
        <v>47419</v>
      </c>
      <c r="Z33" s="16">
        <v>296202</v>
      </c>
      <c r="AA33" s="22" t="s">
        <v>268</v>
      </c>
      <c r="AB33" s="16">
        <v>1851690</v>
      </c>
      <c r="AC33" s="16">
        <v>12364729</v>
      </c>
      <c r="AD33" s="16">
        <v>296202</v>
      </c>
    </row>
    <row r="34" spans="1:30">
      <c r="A34" s="21" t="s">
        <v>232</v>
      </c>
      <c r="B34" s="21" t="s">
        <v>233</v>
      </c>
      <c r="C34" s="21" t="s">
        <v>262</v>
      </c>
      <c r="D34" s="21" t="s">
        <v>214</v>
      </c>
      <c r="E34" s="21" t="s">
        <v>467</v>
      </c>
      <c r="F34" s="21" t="s">
        <v>389</v>
      </c>
      <c r="G34" s="16">
        <v>9124969</v>
      </c>
      <c r="H34" s="16">
        <v>8968190</v>
      </c>
      <c r="I34" s="16">
        <v>7780406</v>
      </c>
      <c r="J34" s="16">
        <v>5577098</v>
      </c>
      <c r="K34" s="16">
        <v>2124376</v>
      </c>
      <c r="L34" s="16">
        <v>24666</v>
      </c>
      <c r="M34" s="16">
        <v>54266</v>
      </c>
      <c r="N34" s="16">
        <v>1187784</v>
      </c>
      <c r="O34" s="16">
        <v>236461</v>
      </c>
      <c r="P34" s="16">
        <v>38526</v>
      </c>
      <c r="Q34" s="16">
        <v>489838</v>
      </c>
      <c r="R34" s="16">
        <v>29041</v>
      </c>
      <c r="S34" s="16">
        <v>73239</v>
      </c>
      <c r="T34" s="16">
        <v>227231</v>
      </c>
      <c r="U34" s="16">
        <v>28535</v>
      </c>
      <c r="V34" s="16">
        <v>51338</v>
      </c>
      <c r="W34" s="16">
        <v>1985</v>
      </c>
      <c r="X34" s="16">
        <v>11590</v>
      </c>
      <c r="Y34" s="16">
        <v>20382</v>
      </c>
      <c r="Z34" s="16">
        <v>136397</v>
      </c>
      <c r="AA34" s="22" t="s">
        <v>268</v>
      </c>
      <c r="AB34" s="16">
        <v>813782</v>
      </c>
      <c r="AC34" s="16">
        <v>5560789</v>
      </c>
      <c r="AD34" s="16">
        <v>136397</v>
      </c>
    </row>
    <row r="35" spans="1:30">
      <c r="A35" s="21" t="s">
        <v>232</v>
      </c>
      <c r="B35" s="21" t="s">
        <v>233</v>
      </c>
      <c r="C35" s="21" t="s">
        <v>262</v>
      </c>
      <c r="D35" s="21" t="s">
        <v>214</v>
      </c>
      <c r="E35" s="21" t="s">
        <v>467</v>
      </c>
      <c r="F35" s="21" t="s">
        <v>390</v>
      </c>
      <c r="G35" s="16">
        <v>1725007</v>
      </c>
      <c r="H35" s="16">
        <v>1674965</v>
      </c>
      <c r="I35" s="16">
        <v>1355802</v>
      </c>
      <c r="J35" s="16">
        <v>991548</v>
      </c>
      <c r="K35" s="16">
        <v>337585</v>
      </c>
      <c r="L35" s="16">
        <v>9965</v>
      </c>
      <c r="M35" s="16">
        <v>16704</v>
      </c>
      <c r="N35" s="16">
        <v>319163</v>
      </c>
      <c r="O35" s="16">
        <v>101649</v>
      </c>
      <c r="P35" s="16">
        <v>11763</v>
      </c>
      <c r="Q35" s="16">
        <v>113329</v>
      </c>
      <c r="R35" s="16">
        <v>9722</v>
      </c>
      <c r="S35" s="16">
        <v>12477</v>
      </c>
      <c r="T35" s="16">
        <v>38884</v>
      </c>
      <c r="U35" s="16">
        <v>11000</v>
      </c>
      <c r="V35" s="16">
        <v>15968</v>
      </c>
      <c r="W35" s="16">
        <v>350</v>
      </c>
      <c r="X35" s="16">
        <v>4021</v>
      </c>
      <c r="Y35" s="16">
        <v>4732</v>
      </c>
      <c r="Z35" s="16">
        <v>45310</v>
      </c>
      <c r="AA35" s="22" t="s">
        <v>268</v>
      </c>
      <c r="AB35" s="16">
        <v>187750</v>
      </c>
      <c r="AC35" s="16">
        <v>990672</v>
      </c>
      <c r="AD35" s="16">
        <v>45310</v>
      </c>
    </row>
    <row r="36" spans="1:30">
      <c r="A36" s="21" t="s">
        <v>232</v>
      </c>
      <c r="B36" s="21" t="s">
        <v>233</v>
      </c>
      <c r="C36" s="21" t="s">
        <v>262</v>
      </c>
      <c r="D36" s="21" t="s">
        <v>214</v>
      </c>
      <c r="E36" s="21" t="s">
        <v>467</v>
      </c>
      <c r="F36" s="21" t="s">
        <v>391</v>
      </c>
      <c r="G36" s="16">
        <v>44481861</v>
      </c>
      <c r="H36" s="16">
        <v>43502131</v>
      </c>
      <c r="I36" s="16">
        <v>37736275</v>
      </c>
      <c r="J36" s="16">
        <v>12855240</v>
      </c>
      <c r="K36" s="16">
        <v>24187518</v>
      </c>
      <c r="L36" s="16">
        <v>68195</v>
      </c>
      <c r="M36" s="16">
        <v>625322</v>
      </c>
      <c r="N36" s="16">
        <v>5765856</v>
      </c>
      <c r="O36" s="16">
        <v>357052</v>
      </c>
      <c r="P36" s="16">
        <v>1082789</v>
      </c>
      <c r="Q36" s="16">
        <v>1262922</v>
      </c>
      <c r="R36" s="16">
        <v>1785566</v>
      </c>
      <c r="S36" s="16">
        <v>99791</v>
      </c>
      <c r="T36" s="16">
        <v>399965</v>
      </c>
      <c r="U36" s="16">
        <v>170333</v>
      </c>
      <c r="V36" s="16">
        <v>515092</v>
      </c>
      <c r="W36" s="16">
        <v>8482</v>
      </c>
      <c r="X36" s="16">
        <v>83864</v>
      </c>
      <c r="Y36" s="16">
        <v>110768</v>
      </c>
      <c r="Z36" s="16">
        <v>868962</v>
      </c>
      <c r="AA36" s="22" t="s">
        <v>268</v>
      </c>
      <c r="AB36" s="16">
        <v>4060676</v>
      </c>
      <c r="AC36" s="16">
        <v>3685958</v>
      </c>
      <c r="AD36" s="16">
        <v>83590</v>
      </c>
    </row>
    <row r="37" spans="1:30">
      <c r="A37" s="21" t="s">
        <v>232</v>
      </c>
      <c r="B37" s="21" t="s">
        <v>233</v>
      </c>
      <c r="C37" s="21" t="s">
        <v>262</v>
      </c>
      <c r="D37" s="21" t="s">
        <v>215</v>
      </c>
      <c r="E37" s="21" t="s">
        <v>467</v>
      </c>
      <c r="F37" s="21" t="s">
        <v>401</v>
      </c>
      <c r="G37" s="16">
        <v>29907605</v>
      </c>
      <c r="H37" s="16">
        <v>29111378</v>
      </c>
      <c r="I37" s="16">
        <v>25315960</v>
      </c>
      <c r="J37" s="16">
        <v>11158840</v>
      </c>
      <c r="K37" s="16">
        <v>14005071</v>
      </c>
      <c r="L37" s="16">
        <v>93206</v>
      </c>
      <c r="M37" s="16">
        <v>58843</v>
      </c>
      <c r="N37" s="16">
        <v>3795418</v>
      </c>
      <c r="O37" s="16">
        <v>318448</v>
      </c>
      <c r="P37" s="16">
        <v>615393</v>
      </c>
      <c r="Q37" s="16">
        <v>999541</v>
      </c>
      <c r="R37" s="16">
        <v>931974</v>
      </c>
      <c r="S37" s="16">
        <v>110780</v>
      </c>
      <c r="T37" s="16">
        <v>374523</v>
      </c>
      <c r="U37" s="16">
        <v>105518</v>
      </c>
      <c r="V37" s="16">
        <v>304272</v>
      </c>
      <c r="W37" s="16">
        <v>7103</v>
      </c>
      <c r="X37" s="16">
        <v>27866</v>
      </c>
      <c r="Y37" s="16">
        <v>74667</v>
      </c>
      <c r="Z37" s="16">
        <v>721560</v>
      </c>
      <c r="AA37" s="22" t="s">
        <v>268</v>
      </c>
      <c r="AB37" s="16">
        <v>2645524</v>
      </c>
      <c r="AC37" s="16">
        <v>6533895</v>
      </c>
      <c r="AD37" s="16">
        <v>167052</v>
      </c>
    </row>
    <row r="38" spans="1:30">
      <c r="A38" s="21" t="s">
        <v>232</v>
      </c>
      <c r="B38" s="21" t="s">
        <v>233</v>
      </c>
      <c r="C38" s="21" t="s">
        <v>262</v>
      </c>
      <c r="D38" s="21" t="s">
        <v>215</v>
      </c>
      <c r="E38" s="21" t="s">
        <v>467</v>
      </c>
      <c r="F38" s="21" t="s">
        <v>405</v>
      </c>
      <c r="G38" s="16">
        <v>6222</v>
      </c>
      <c r="H38" s="16">
        <v>5046</v>
      </c>
      <c r="I38" s="16">
        <v>3579</v>
      </c>
      <c r="J38" s="16">
        <v>798</v>
      </c>
      <c r="K38" s="16">
        <v>2145</v>
      </c>
      <c r="L38" s="16">
        <v>121</v>
      </c>
      <c r="M38" s="16">
        <v>515</v>
      </c>
      <c r="N38" s="16">
        <v>1467</v>
      </c>
      <c r="O38" s="16">
        <v>79</v>
      </c>
      <c r="P38" s="16">
        <v>57</v>
      </c>
      <c r="Q38" s="16">
        <v>124</v>
      </c>
      <c r="R38" s="16">
        <v>161</v>
      </c>
      <c r="S38" s="16">
        <v>90</v>
      </c>
      <c r="T38" s="16">
        <v>119</v>
      </c>
      <c r="U38" s="16">
        <v>309</v>
      </c>
      <c r="V38" s="16">
        <v>355</v>
      </c>
      <c r="W38" s="16">
        <v>20</v>
      </c>
      <c r="X38" s="16">
        <v>153</v>
      </c>
      <c r="Y38" s="16">
        <v>63</v>
      </c>
      <c r="Z38" s="16">
        <v>1113</v>
      </c>
      <c r="AA38" s="22" t="s">
        <v>268</v>
      </c>
      <c r="AB38" s="16">
        <v>994</v>
      </c>
      <c r="AC38" s="22" t="s">
        <v>268</v>
      </c>
      <c r="AD38" s="22" t="s">
        <v>268</v>
      </c>
    </row>
    <row r="39" spans="1:30">
      <c r="A39" s="21" t="s">
        <v>232</v>
      </c>
      <c r="B39" s="21" t="s">
        <v>233</v>
      </c>
      <c r="C39" s="21" t="s">
        <v>262</v>
      </c>
      <c r="D39" s="21" t="s">
        <v>215</v>
      </c>
      <c r="E39" s="21" t="s">
        <v>467</v>
      </c>
      <c r="F39" s="21" t="s">
        <v>406</v>
      </c>
      <c r="G39" s="16">
        <v>126302</v>
      </c>
      <c r="H39" s="16">
        <v>121781</v>
      </c>
      <c r="I39" s="16">
        <v>105106</v>
      </c>
      <c r="J39" s="16">
        <v>42988</v>
      </c>
      <c r="K39" s="16">
        <v>60154</v>
      </c>
      <c r="L39" s="16">
        <v>428</v>
      </c>
      <c r="M39" s="16">
        <v>1536</v>
      </c>
      <c r="N39" s="16">
        <v>16675</v>
      </c>
      <c r="O39" s="16">
        <v>967</v>
      </c>
      <c r="P39" s="16">
        <v>785</v>
      </c>
      <c r="Q39" s="16">
        <v>2023</v>
      </c>
      <c r="R39" s="16">
        <v>2177</v>
      </c>
      <c r="S39" s="16">
        <v>952</v>
      </c>
      <c r="T39" s="16">
        <v>721</v>
      </c>
      <c r="U39" s="16">
        <v>3290</v>
      </c>
      <c r="V39" s="16">
        <v>5106</v>
      </c>
      <c r="W39" s="16">
        <v>86</v>
      </c>
      <c r="X39" s="16">
        <v>568</v>
      </c>
      <c r="Y39" s="16">
        <v>841</v>
      </c>
      <c r="Z39" s="16">
        <v>3680</v>
      </c>
      <c r="AA39" s="22" t="s">
        <v>268</v>
      </c>
      <c r="AB39" s="16">
        <v>12218</v>
      </c>
      <c r="AC39" s="22" t="s">
        <v>268</v>
      </c>
      <c r="AD39" s="22" t="s">
        <v>268</v>
      </c>
    </row>
    <row r="40" spans="1:30">
      <c r="A40" s="21" t="s">
        <v>232</v>
      </c>
      <c r="B40" s="21" t="s">
        <v>233</v>
      </c>
      <c r="C40" s="21" t="s">
        <v>262</v>
      </c>
      <c r="D40" s="21" t="s">
        <v>215</v>
      </c>
      <c r="E40" s="21" t="s">
        <v>467</v>
      </c>
      <c r="F40" s="21" t="s">
        <v>407</v>
      </c>
      <c r="G40" s="16">
        <v>721711</v>
      </c>
      <c r="H40" s="16">
        <v>700009</v>
      </c>
      <c r="I40" s="16">
        <v>651476</v>
      </c>
      <c r="J40" s="16">
        <v>307232</v>
      </c>
      <c r="K40" s="16">
        <v>341758</v>
      </c>
      <c r="L40" s="16">
        <v>756</v>
      </c>
      <c r="M40" s="16">
        <v>1730</v>
      </c>
      <c r="N40" s="16">
        <v>48533</v>
      </c>
      <c r="O40" s="16">
        <v>3130</v>
      </c>
      <c r="P40" s="16">
        <v>2912</v>
      </c>
      <c r="Q40" s="16">
        <v>8409</v>
      </c>
      <c r="R40" s="16">
        <v>8031</v>
      </c>
      <c r="S40" s="16">
        <v>2120</v>
      </c>
      <c r="T40" s="16">
        <v>2064</v>
      </c>
      <c r="U40" s="16">
        <v>7637</v>
      </c>
      <c r="V40" s="16">
        <v>12868</v>
      </c>
      <c r="W40" s="16">
        <v>250</v>
      </c>
      <c r="X40" s="16">
        <v>1112</v>
      </c>
      <c r="Y40" s="16">
        <v>2331</v>
      </c>
      <c r="Z40" s="16">
        <v>19371</v>
      </c>
      <c r="AA40" s="22" t="s">
        <v>268</v>
      </c>
      <c r="AB40" s="16">
        <v>36572</v>
      </c>
      <c r="AC40" s="22" t="s">
        <v>268</v>
      </c>
      <c r="AD40" s="22" t="s">
        <v>268</v>
      </c>
    </row>
    <row r="41" spans="1:30">
      <c r="A41" s="21" t="s">
        <v>232</v>
      </c>
      <c r="B41" s="21" t="s">
        <v>233</v>
      </c>
      <c r="C41" s="21" t="s">
        <v>262</v>
      </c>
      <c r="D41" s="21" t="s">
        <v>215</v>
      </c>
      <c r="E41" s="21" t="s">
        <v>467</v>
      </c>
      <c r="F41" s="21" t="s">
        <v>408</v>
      </c>
      <c r="G41" s="16">
        <v>1540728</v>
      </c>
      <c r="H41" s="16">
        <v>1502687</v>
      </c>
      <c r="I41" s="16">
        <v>1402195</v>
      </c>
      <c r="J41" s="16">
        <v>397954</v>
      </c>
      <c r="K41" s="16">
        <v>1000640</v>
      </c>
      <c r="L41" s="16">
        <v>1422</v>
      </c>
      <c r="M41" s="16">
        <v>2179</v>
      </c>
      <c r="N41" s="16">
        <v>100492</v>
      </c>
      <c r="O41" s="16">
        <v>5431</v>
      </c>
      <c r="P41" s="16">
        <v>5365</v>
      </c>
      <c r="Q41" s="16">
        <v>25985</v>
      </c>
      <c r="R41" s="16">
        <v>21764</v>
      </c>
      <c r="S41" s="16">
        <v>2546</v>
      </c>
      <c r="T41" s="16">
        <v>3934</v>
      </c>
      <c r="U41" s="16">
        <v>9249</v>
      </c>
      <c r="V41" s="16">
        <v>24536</v>
      </c>
      <c r="W41" s="16">
        <v>317</v>
      </c>
      <c r="X41" s="16">
        <v>1365</v>
      </c>
      <c r="Y41" s="16">
        <v>3732</v>
      </c>
      <c r="Z41" s="16">
        <v>34309</v>
      </c>
      <c r="AA41" s="22" t="s">
        <v>268</v>
      </c>
      <c r="AB41" s="16">
        <v>82094</v>
      </c>
      <c r="AC41" s="22" t="s">
        <v>268</v>
      </c>
      <c r="AD41" s="22" t="s">
        <v>268</v>
      </c>
    </row>
    <row r="42" spans="1:30">
      <c r="A42" s="21" t="s">
        <v>232</v>
      </c>
      <c r="B42" s="21" t="s">
        <v>233</v>
      </c>
      <c r="C42" s="21" t="s">
        <v>262</v>
      </c>
      <c r="D42" s="21" t="s">
        <v>215</v>
      </c>
      <c r="E42" s="21" t="s">
        <v>467</v>
      </c>
      <c r="F42" s="21" t="s">
        <v>409</v>
      </c>
      <c r="G42" s="16">
        <v>2162783</v>
      </c>
      <c r="H42" s="16">
        <v>2119770</v>
      </c>
      <c r="I42" s="16">
        <v>1946006</v>
      </c>
      <c r="J42" s="16">
        <v>343246</v>
      </c>
      <c r="K42" s="16">
        <v>1597119</v>
      </c>
      <c r="L42" s="16">
        <v>2649</v>
      </c>
      <c r="M42" s="16">
        <v>2992</v>
      </c>
      <c r="N42" s="16">
        <v>173764</v>
      </c>
      <c r="O42" s="16">
        <v>7959</v>
      </c>
      <c r="P42" s="16">
        <v>8777</v>
      </c>
      <c r="Q42" s="16">
        <v>58289</v>
      </c>
      <c r="R42" s="16">
        <v>47243</v>
      </c>
      <c r="S42" s="16">
        <v>2314</v>
      </c>
      <c r="T42" s="16">
        <v>5700</v>
      </c>
      <c r="U42" s="16">
        <v>8354</v>
      </c>
      <c r="V42" s="16">
        <v>33384</v>
      </c>
      <c r="W42" s="16">
        <v>214</v>
      </c>
      <c r="X42" s="16">
        <v>1530</v>
      </c>
      <c r="Y42" s="16">
        <v>4800</v>
      </c>
      <c r="Z42" s="16">
        <v>38213</v>
      </c>
      <c r="AA42" s="22" t="s">
        <v>268</v>
      </c>
      <c r="AB42" s="16">
        <v>148977</v>
      </c>
      <c r="AC42" s="22" t="s">
        <v>268</v>
      </c>
      <c r="AD42" s="22" t="s">
        <v>268</v>
      </c>
    </row>
    <row r="43" spans="1:30">
      <c r="A43" s="21" t="s">
        <v>232</v>
      </c>
      <c r="B43" s="21" t="s">
        <v>233</v>
      </c>
      <c r="C43" s="21" t="s">
        <v>262</v>
      </c>
      <c r="D43" s="21" t="s">
        <v>215</v>
      </c>
      <c r="E43" s="21" t="s">
        <v>467</v>
      </c>
      <c r="F43" s="21" t="s">
        <v>410</v>
      </c>
      <c r="G43" s="16">
        <v>2650202</v>
      </c>
      <c r="H43" s="16">
        <v>2589179</v>
      </c>
      <c r="I43" s="16">
        <v>2331152</v>
      </c>
      <c r="J43" s="16">
        <v>360603</v>
      </c>
      <c r="K43" s="16">
        <v>1961221</v>
      </c>
      <c r="L43" s="16">
        <v>4880</v>
      </c>
      <c r="M43" s="16">
        <v>4448</v>
      </c>
      <c r="N43" s="16">
        <v>258027</v>
      </c>
      <c r="O43" s="16">
        <v>11861</v>
      </c>
      <c r="P43" s="16">
        <v>14894</v>
      </c>
      <c r="Q43" s="16">
        <v>95886</v>
      </c>
      <c r="R43" s="16">
        <v>84375</v>
      </c>
      <c r="S43" s="16">
        <v>2300</v>
      </c>
      <c r="T43" s="16">
        <v>7446</v>
      </c>
      <c r="U43" s="16">
        <v>6604</v>
      </c>
      <c r="V43" s="16">
        <v>32524</v>
      </c>
      <c r="W43" s="16">
        <v>217</v>
      </c>
      <c r="X43" s="16">
        <v>1920</v>
      </c>
      <c r="Y43" s="16">
        <v>5953</v>
      </c>
      <c r="Z43" s="16">
        <v>55070</v>
      </c>
      <c r="AA43" s="22" t="s">
        <v>268</v>
      </c>
      <c r="AB43" s="16">
        <v>222403</v>
      </c>
      <c r="AC43" s="22" t="s">
        <v>268</v>
      </c>
      <c r="AD43" s="22" t="s">
        <v>268</v>
      </c>
    </row>
    <row r="44" spans="1:30">
      <c r="A44" s="21" t="s">
        <v>232</v>
      </c>
      <c r="B44" s="21" t="s">
        <v>233</v>
      </c>
      <c r="C44" s="21" t="s">
        <v>262</v>
      </c>
      <c r="D44" s="21" t="s">
        <v>215</v>
      </c>
      <c r="E44" s="21" t="s">
        <v>467</v>
      </c>
      <c r="F44" s="21" t="s">
        <v>411</v>
      </c>
      <c r="G44" s="16">
        <v>3108615</v>
      </c>
      <c r="H44" s="16">
        <v>3007265</v>
      </c>
      <c r="I44" s="16">
        <v>2649230</v>
      </c>
      <c r="J44" s="16">
        <v>491593</v>
      </c>
      <c r="K44" s="16">
        <v>2141973</v>
      </c>
      <c r="L44" s="16">
        <v>8564</v>
      </c>
      <c r="M44" s="16">
        <v>7100</v>
      </c>
      <c r="N44" s="16">
        <v>358035</v>
      </c>
      <c r="O44" s="16">
        <v>21259</v>
      </c>
      <c r="P44" s="16">
        <v>30452</v>
      </c>
      <c r="Q44" s="16">
        <v>119855</v>
      </c>
      <c r="R44" s="16">
        <v>135816</v>
      </c>
      <c r="S44" s="16">
        <v>3004</v>
      </c>
      <c r="T44" s="16">
        <v>10771</v>
      </c>
      <c r="U44" s="16">
        <v>7056</v>
      </c>
      <c r="V44" s="16">
        <v>26996</v>
      </c>
      <c r="W44" s="16">
        <v>303</v>
      </c>
      <c r="X44" s="16">
        <v>2523</v>
      </c>
      <c r="Y44" s="16">
        <v>7351</v>
      </c>
      <c r="Z44" s="16">
        <v>93999</v>
      </c>
      <c r="AA44" s="22" t="s">
        <v>268</v>
      </c>
      <c r="AB44" s="16">
        <v>294566</v>
      </c>
      <c r="AC44" s="22" t="s">
        <v>268</v>
      </c>
      <c r="AD44" s="22" t="s">
        <v>268</v>
      </c>
    </row>
    <row r="45" spans="1:30">
      <c r="A45" s="21" t="s">
        <v>232</v>
      </c>
      <c r="B45" s="21" t="s">
        <v>233</v>
      </c>
      <c r="C45" s="21" t="s">
        <v>262</v>
      </c>
      <c r="D45" s="21" t="s">
        <v>215</v>
      </c>
      <c r="E45" s="21" t="s">
        <v>467</v>
      </c>
      <c r="F45" s="21" t="s">
        <v>412</v>
      </c>
      <c r="G45" s="16">
        <v>2789186</v>
      </c>
      <c r="H45" s="16">
        <v>2662784</v>
      </c>
      <c r="I45" s="16">
        <v>2278148</v>
      </c>
      <c r="J45" s="16">
        <v>594256</v>
      </c>
      <c r="K45" s="16">
        <v>1664304</v>
      </c>
      <c r="L45" s="16">
        <v>10876</v>
      </c>
      <c r="M45" s="16">
        <v>8712</v>
      </c>
      <c r="N45" s="16">
        <v>384636</v>
      </c>
      <c r="O45" s="16">
        <v>29831</v>
      </c>
      <c r="P45" s="16">
        <v>54352</v>
      </c>
      <c r="Q45" s="16">
        <v>94817</v>
      </c>
      <c r="R45" s="16">
        <v>156892</v>
      </c>
      <c r="S45" s="16">
        <v>3330</v>
      </c>
      <c r="T45" s="16">
        <v>13651</v>
      </c>
      <c r="U45" s="16">
        <v>7995</v>
      </c>
      <c r="V45" s="16">
        <v>20417</v>
      </c>
      <c r="W45" s="16">
        <v>424</v>
      </c>
      <c r="X45" s="16">
        <v>2927</v>
      </c>
      <c r="Y45" s="16">
        <v>7735</v>
      </c>
      <c r="Z45" s="16">
        <v>118667</v>
      </c>
      <c r="AA45" s="22" t="s">
        <v>268</v>
      </c>
      <c r="AB45" s="16">
        <v>287328</v>
      </c>
      <c r="AC45" s="22" t="s">
        <v>268</v>
      </c>
      <c r="AD45" s="22" t="s">
        <v>268</v>
      </c>
    </row>
    <row r="46" spans="1:30">
      <c r="A46" s="21" t="s">
        <v>232</v>
      </c>
      <c r="B46" s="21" t="s">
        <v>233</v>
      </c>
      <c r="C46" s="21" t="s">
        <v>262</v>
      </c>
      <c r="D46" s="21" t="s">
        <v>215</v>
      </c>
      <c r="E46" s="21" t="s">
        <v>467</v>
      </c>
      <c r="F46" s="21" t="s">
        <v>413</v>
      </c>
      <c r="G46" s="16">
        <v>2665611</v>
      </c>
      <c r="H46" s="16">
        <v>2540602</v>
      </c>
      <c r="I46" s="16">
        <v>2084108</v>
      </c>
      <c r="J46" s="16">
        <v>807565</v>
      </c>
      <c r="K46" s="16">
        <v>1254506</v>
      </c>
      <c r="L46" s="16">
        <v>11606</v>
      </c>
      <c r="M46" s="16">
        <v>10431</v>
      </c>
      <c r="N46" s="16">
        <v>456494</v>
      </c>
      <c r="O46" s="16">
        <v>38770</v>
      </c>
      <c r="P46" s="16">
        <v>107512</v>
      </c>
      <c r="Q46" s="16">
        <v>70142</v>
      </c>
      <c r="R46" s="16">
        <v>176755</v>
      </c>
      <c r="S46" s="16">
        <v>4911</v>
      </c>
      <c r="T46" s="16">
        <v>20298</v>
      </c>
      <c r="U46" s="16">
        <v>10858</v>
      </c>
      <c r="V46" s="16">
        <v>23388</v>
      </c>
      <c r="W46" s="16">
        <v>632</v>
      </c>
      <c r="X46" s="16">
        <v>3228</v>
      </c>
      <c r="Y46" s="16">
        <v>7714</v>
      </c>
      <c r="Z46" s="16">
        <v>117295</v>
      </c>
      <c r="AA46" s="22" t="s">
        <v>268</v>
      </c>
      <c r="AB46" s="16">
        <v>293652</v>
      </c>
      <c r="AC46" s="22" t="s">
        <v>268</v>
      </c>
      <c r="AD46" s="22" t="s">
        <v>268</v>
      </c>
    </row>
    <row r="47" spans="1:30">
      <c r="A47" s="21" t="s">
        <v>232</v>
      </c>
      <c r="B47" s="21" t="s">
        <v>233</v>
      </c>
      <c r="C47" s="21" t="s">
        <v>262</v>
      </c>
      <c r="D47" s="21" t="s">
        <v>215</v>
      </c>
      <c r="E47" s="21" t="s">
        <v>467</v>
      </c>
      <c r="F47" s="21" t="s">
        <v>414</v>
      </c>
      <c r="G47" s="16">
        <v>2608088</v>
      </c>
      <c r="H47" s="16">
        <v>2528003</v>
      </c>
      <c r="I47" s="16">
        <v>2043570</v>
      </c>
      <c r="J47" s="16">
        <v>1079954</v>
      </c>
      <c r="K47" s="16">
        <v>944044</v>
      </c>
      <c r="L47" s="16">
        <v>9673</v>
      </c>
      <c r="M47" s="16">
        <v>9899</v>
      </c>
      <c r="N47" s="16">
        <v>484433</v>
      </c>
      <c r="O47" s="16">
        <v>33023</v>
      </c>
      <c r="P47" s="16">
        <v>154666</v>
      </c>
      <c r="Q47" s="16">
        <v>53644</v>
      </c>
      <c r="R47" s="16">
        <v>152798</v>
      </c>
      <c r="S47" s="16">
        <v>8234</v>
      </c>
      <c r="T47" s="16">
        <v>34191</v>
      </c>
      <c r="U47" s="16">
        <v>12146</v>
      </c>
      <c r="V47" s="16">
        <v>31616</v>
      </c>
      <c r="W47" s="16">
        <v>1009</v>
      </c>
      <c r="X47" s="16">
        <v>3106</v>
      </c>
      <c r="Y47" s="16">
        <v>7294</v>
      </c>
      <c r="Z47" s="16">
        <v>72791</v>
      </c>
      <c r="AA47" s="22" t="s">
        <v>268</v>
      </c>
      <c r="AB47" s="16">
        <v>275694</v>
      </c>
      <c r="AC47" s="22" t="s">
        <v>268</v>
      </c>
      <c r="AD47" s="22" t="s">
        <v>268</v>
      </c>
    </row>
    <row r="48" spans="1:30">
      <c r="A48" s="21" t="s">
        <v>232</v>
      </c>
      <c r="B48" s="21" t="s">
        <v>233</v>
      </c>
      <c r="C48" s="21" t="s">
        <v>262</v>
      </c>
      <c r="D48" s="21" t="s">
        <v>215</v>
      </c>
      <c r="E48" s="21" t="s">
        <v>467</v>
      </c>
      <c r="F48" s="21" t="s">
        <v>415</v>
      </c>
      <c r="G48" s="16">
        <v>2928168</v>
      </c>
      <c r="H48" s="16">
        <v>2870400</v>
      </c>
      <c r="I48" s="16">
        <v>2418970</v>
      </c>
      <c r="J48" s="16">
        <v>1523864</v>
      </c>
      <c r="K48" s="16">
        <v>880021</v>
      </c>
      <c r="L48" s="16">
        <v>8835</v>
      </c>
      <c r="M48" s="16">
        <v>6250</v>
      </c>
      <c r="N48" s="16">
        <v>451430</v>
      </c>
      <c r="O48" s="16">
        <v>21571</v>
      </c>
      <c r="P48" s="16">
        <v>138774</v>
      </c>
      <c r="Q48" s="16">
        <v>73974</v>
      </c>
      <c r="R48" s="16">
        <v>92263</v>
      </c>
      <c r="S48" s="16">
        <v>15177</v>
      </c>
      <c r="T48" s="16">
        <v>59576</v>
      </c>
      <c r="U48" s="16">
        <v>9989</v>
      </c>
      <c r="V48" s="16">
        <v>36298</v>
      </c>
      <c r="W48" s="16">
        <v>1333</v>
      </c>
      <c r="X48" s="16">
        <v>2475</v>
      </c>
      <c r="Y48" s="16">
        <v>7510</v>
      </c>
      <c r="Z48" s="16">
        <v>50258</v>
      </c>
      <c r="AA48" s="22" t="s">
        <v>268</v>
      </c>
      <c r="AB48" s="16">
        <v>262829</v>
      </c>
      <c r="AC48" s="16">
        <v>1378282</v>
      </c>
      <c r="AD48" s="16">
        <v>50258</v>
      </c>
    </row>
    <row r="49" spans="1:30">
      <c r="A49" s="21" t="s">
        <v>232</v>
      </c>
      <c r="B49" s="21" t="s">
        <v>233</v>
      </c>
      <c r="C49" s="21" t="s">
        <v>262</v>
      </c>
      <c r="D49" s="21" t="s">
        <v>215</v>
      </c>
      <c r="E49" s="21" t="s">
        <v>467</v>
      </c>
      <c r="F49" s="21" t="s">
        <v>416</v>
      </c>
      <c r="G49" s="16">
        <v>3303017</v>
      </c>
      <c r="H49" s="16">
        <v>3251676</v>
      </c>
      <c r="I49" s="16">
        <v>2857635</v>
      </c>
      <c r="J49" s="16">
        <v>1957708</v>
      </c>
      <c r="K49" s="16">
        <v>888544</v>
      </c>
      <c r="L49" s="16">
        <v>8819</v>
      </c>
      <c r="M49" s="16">
        <v>2564</v>
      </c>
      <c r="N49" s="16">
        <v>394041</v>
      </c>
      <c r="O49" s="16">
        <v>19979</v>
      </c>
      <c r="P49" s="16">
        <v>74283</v>
      </c>
      <c r="Q49" s="16">
        <v>117837</v>
      </c>
      <c r="R49" s="16">
        <v>38603</v>
      </c>
      <c r="S49" s="16">
        <v>23498</v>
      </c>
      <c r="T49" s="16">
        <v>82272</v>
      </c>
      <c r="U49" s="16">
        <v>6654</v>
      </c>
      <c r="V49" s="16">
        <v>27487</v>
      </c>
      <c r="W49" s="16">
        <v>1240</v>
      </c>
      <c r="X49" s="16">
        <v>2188</v>
      </c>
      <c r="Y49" s="16">
        <v>7585</v>
      </c>
      <c r="Z49" s="16">
        <v>43756</v>
      </c>
      <c r="AA49" s="22" t="s">
        <v>268</v>
      </c>
      <c r="AB49" s="16">
        <v>264800</v>
      </c>
      <c r="AC49" s="16">
        <v>1915764</v>
      </c>
      <c r="AD49" s="16">
        <v>43756</v>
      </c>
    </row>
    <row r="50" spans="1:30">
      <c r="A50" s="21" t="s">
        <v>232</v>
      </c>
      <c r="B50" s="21" t="s">
        <v>233</v>
      </c>
      <c r="C50" s="21" t="s">
        <v>262</v>
      </c>
      <c r="D50" s="21" t="s">
        <v>215</v>
      </c>
      <c r="E50" s="21" t="s">
        <v>467</v>
      </c>
      <c r="F50" s="21" t="s">
        <v>417</v>
      </c>
      <c r="G50" s="16">
        <v>2459947</v>
      </c>
      <c r="H50" s="16">
        <v>2428814</v>
      </c>
      <c r="I50" s="16">
        <v>2168890</v>
      </c>
      <c r="J50" s="16">
        <v>1531828</v>
      </c>
      <c r="K50" s="16">
        <v>629354</v>
      </c>
      <c r="L50" s="16">
        <v>7358</v>
      </c>
      <c r="M50" s="16">
        <v>350</v>
      </c>
      <c r="N50" s="16">
        <v>259924</v>
      </c>
      <c r="O50" s="16">
        <v>25070</v>
      </c>
      <c r="P50" s="16">
        <v>14789</v>
      </c>
      <c r="Q50" s="16">
        <v>109976</v>
      </c>
      <c r="R50" s="16">
        <v>7522</v>
      </c>
      <c r="S50" s="16">
        <v>20133</v>
      </c>
      <c r="T50" s="16">
        <v>64406</v>
      </c>
      <c r="U50" s="16">
        <v>4072</v>
      </c>
      <c r="V50" s="16">
        <v>11840</v>
      </c>
      <c r="W50" s="16">
        <v>597</v>
      </c>
      <c r="X50" s="16">
        <v>1519</v>
      </c>
      <c r="Y50" s="16">
        <v>5224</v>
      </c>
      <c r="Z50" s="16">
        <v>25909</v>
      </c>
      <c r="AA50" s="22" t="s">
        <v>268</v>
      </c>
      <c r="AB50" s="16">
        <v>193254</v>
      </c>
      <c r="AC50" s="16">
        <v>1523073</v>
      </c>
      <c r="AD50" s="16">
        <v>25909</v>
      </c>
    </row>
    <row r="51" spans="1:30">
      <c r="A51" s="21" t="s">
        <v>232</v>
      </c>
      <c r="B51" s="21" t="s">
        <v>233</v>
      </c>
      <c r="C51" s="21" t="s">
        <v>262</v>
      </c>
      <c r="D51" s="21" t="s">
        <v>215</v>
      </c>
      <c r="E51" s="21" t="s">
        <v>467</v>
      </c>
      <c r="F51" s="21" t="s">
        <v>418</v>
      </c>
      <c r="G51" s="16">
        <v>1680662</v>
      </c>
      <c r="H51" s="16">
        <v>1656654</v>
      </c>
      <c r="I51" s="16">
        <v>1449784</v>
      </c>
      <c r="J51" s="16">
        <v>1039351</v>
      </c>
      <c r="K51" s="16">
        <v>403068</v>
      </c>
      <c r="L51" s="16">
        <v>7270</v>
      </c>
      <c r="M51" s="16">
        <v>95</v>
      </c>
      <c r="N51" s="16">
        <v>206870</v>
      </c>
      <c r="O51" s="16">
        <v>37177</v>
      </c>
      <c r="P51" s="16">
        <v>2893</v>
      </c>
      <c r="Q51" s="16">
        <v>93112</v>
      </c>
      <c r="R51" s="16">
        <v>2830</v>
      </c>
      <c r="S51" s="16">
        <v>13749</v>
      </c>
      <c r="T51" s="16">
        <v>42836</v>
      </c>
      <c r="U51" s="16">
        <v>4595</v>
      </c>
      <c r="V51" s="16">
        <v>8050</v>
      </c>
      <c r="W51" s="16">
        <v>286</v>
      </c>
      <c r="X51" s="16">
        <v>1342</v>
      </c>
      <c r="Y51" s="16">
        <v>3594</v>
      </c>
      <c r="Z51" s="16">
        <v>20414</v>
      </c>
      <c r="AA51" s="22" t="s">
        <v>268</v>
      </c>
      <c r="AB51" s="16">
        <v>148568</v>
      </c>
      <c r="AC51" s="16">
        <v>1037380</v>
      </c>
      <c r="AD51" s="16">
        <v>20414</v>
      </c>
    </row>
    <row r="52" spans="1:30">
      <c r="A52" s="21" t="s">
        <v>232</v>
      </c>
      <c r="B52" s="21" t="s">
        <v>233</v>
      </c>
      <c r="C52" s="21" t="s">
        <v>262</v>
      </c>
      <c r="D52" s="21" t="s">
        <v>215</v>
      </c>
      <c r="E52" s="21" t="s">
        <v>467</v>
      </c>
      <c r="F52" s="21" t="s">
        <v>419</v>
      </c>
      <c r="G52" s="16">
        <v>877311</v>
      </c>
      <c r="H52" s="16">
        <v>858249</v>
      </c>
      <c r="I52" s="16">
        <v>718000</v>
      </c>
      <c r="J52" s="16">
        <v>525915</v>
      </c>
      <c r="K52" s="16">
        <v>185753</v>
      </c>
      <c r="L52" s="16">
        <v>6294</v>
      </c>
      <c r="M52" s="16">
        <v>38</v>
      </c>
      <c r="N52" s="16">
        <v>140249</v>
      </c>
      <c r="O52" s="16">
        <v>39776</v>
      </c>
      <c r="P52" s="16">
        <v>2337</v>
      </c>
      <c r="Q52" s="16">
        <v>56662</v>
      </c>
      <c r="R52" s="16">
        <v>2748</v>
      </c>
      <c r="S52" s="16">
        <v>6503</v>
      </c>
      <c r="T52" s="16">
        <v>20637</v>
      </c>
      <c r="U52" s="16">
        <v>4357</v>
      </c>
      <c r="V52" s="16">
        <v>5927</v>
      </c>
      <c r="W52" s="16">
        <v>125</v>
      </c>
      <c r="X52" s="16">
        <v>1177</v>
      </c>
      <c r="Y52" s="16">
        <v>2077</v>
      </c>
      <c r="Z52" s="16">
        <v>16985</v>
      </c>
      <c r="AA52" s="22" t="s">
        <v>268</v>
      </c>
      <c r="AB52" s="16">
        <v>89161</v>
      </c>
      <c r="AC52" s="16">
        <v>525491</v>
      </c>
      <c r="AD52" s="16">
        <v>16985</v>
      </c>
    </row>
    <row r="53" spans="1:30">
      <c r="A53" s="21" t="s">
        <v>232</v>
      </c>
      <c r="B53" s="21" t="s">
        <v>233</v>
      </c>
      <c r="C53" s="21" t="s">
        <v>262</v>
      </c>
      <c r="D53" s="21" t="s">
        <v>215</v>
      </c>
      <c r="E53" s="21" t="s">
        <v>467</v>
      </c>
      <c r="F53" s="21" t="s">
        <v>420</v>
      </c>
      <c r="G53" s="16">
        <v>249072</v>
      </c>
      <c r="H53" s="16">
        <v>240261</v>
      </c>
      <c r="I53" s="16">
        <v>187540</v>
      </c>
      <c r="J53" s="16">
        <v>139047</v>
      </c>
      <c r="K53" s="16">
        <v>45495</v>
      </c>
      <c r="L53" s="16">
        <v>2994</v>
      </c>
      <c r="M53" s="16">
        <v>4</v>
      </c>
      <c r="N53" s="16">
        <v>52721</v>
      </c>
      <c r="O53" s="16">
        <v>19635</v>
      </c>
      <c r="P53" s="16">
        <v>1932</v>
      </c>
      <c r="Q53" s="16">
        <v>16937</v>
      </c>
      <c r="R53" s="16">
        <v>1621</v>
      </c>
      <c r="S53" s="16">
        <v>1731</v>
      </c>
      <c r="T53" s="16">
        <v>5273</v>
      </c>
      <c r="U53" s="16">
        <v>2016</v>
      </c>
      <c r="V53" s="16">
        <v>2942</v>
      </c>
      <c r="W53" s="16">
        <v>44</v>
      </c>
      <c r="X53" s="16">
        <v>590</v>
      </c>
      <c r="Y53" s="16">
        <v>728</v>
      </c>
      <c r="Z53" s="16">
        <v>8083</v>
      </c>
      <c r="AA53" s="22" t="s">
        <v>268</v>
      </c>
      <c r="AB53" s="16">
        <v>28637</v>
      </c>
      <c r="AC53" s="16">
        <v>138975</v>
      </c>
      <c r="AD53" s="16">
        <v>8083</v>
      </c>
    </row>
    <row r="54" spans="1:30">
      <c r="A54" s="21" t="s">
        <v>232</v>
      </c>
      <c r="B54" s="21" t="s">
        <v>233</v>
      </c>
      <c r="C54" s="21" t="s">
        <v>262</v>
      </c>
      <c r="D54" s="21" t="s">
        <v>215</v>
      </c>
      <c r="E54" s="21" t="s">
        <v>467</v>
      </c>
      <c r="F54" s="21" t="s">
        <v>421</v>
      </c>
      <c r="G54" s="16">
        <v>28425</v>
      </c>
      <c r="H54" s="16">
        <v>26766</v>
      </c>
      <c r="I54" s="16">
        <v>19579</v>
      </c>
      <c r="J54" s="16">
        <v>14253</v>
      </c>
      <c r="K54" s="16">
        <v>4716</v>
      </c>
      <c r="L54" s="16">
        <v>610</v>
      </c>
      <c r="M54" s="22" t="s">
        <v>268</v>
      </c>
      <c r="N54" s="16">
        <v>7187</v>
      </c>
      <c r="O54" s="16">
        <v>2774</v>
      </c>
      <c r="P54" s="16">
        <v>551</v>
      </c>
      <c r="Q54" s="16">
        <v>1794</v>
      </c>
      <c r="R54" s="16">
        <v>348</v>
      </c>
      <c r="S54" s="16">
        <v>177</v>
      </c>
      <c r="T54" s="16">
        <v>579</v>
      </c>
      <c r="U54" s="16">
        <v>319</v>
      </c>
      <c r="V54" s="16">
        <v>506</v>
      </c>
      <c r="W54" s="16">
        <v>6</v>
      </c>
      <c r="X54" s="16">
        <v>133</v>
      </c>
      <c r="Y54" s="16">
        <v>120</v>
      </c>
      <c r="Z54" s="16">
        <v>1539</v>
      </c>
      <c r="AA54" s="22" t="s">
        <v>268</v>
      </c>
      <c r="AB54" s="16">
        <v>3575</v>
      </c>
      <c r="AC54" s="16">
        <v>14247</v>
      </c>
      <c r="AD54" s="16">
        <v>1539</v>
      </c>
    </row>
    <row r="55" spans="1:30">
      <c r="A55" s="21" t="s">
        <v>232</v>
      </c>
      <c r="B55" s="21" t="s">
        <v>233</v>
      </c>
      <c r="C55" s="21" t="s">
        <v>262</v>
      </c>
      <c r="D55" s="21" t="s">
        <v>215</v>
      </c>
      <c r="E55" s="21" t="s">
        <v>467</v>
      </c>
      <c r="F55" s="21" t="s">
        <v>422</v>
      </c>
      <c r="G55" s="16">
        <v>1555</v>
      </c>
      <c r="H55" s="16">
        <v>1432</v>
      </c>
      <c r="I55" s="16">
        <v>992</v>
      </c>
      <c r="J55" s="16">
        <v>685</v>
      </c>
      <c r="K55" s="16">
        <v>256</v>
      </c>
      <c r="L55" s="16">
        <v>51</v>
      </c>
      <c r="M55" s="22" t="s">
        <v>268</v>
      </c>
      <c r="N55" s="16">
        <v>440</v>
      </c>
      <c r="O55" s="16">
        <v>156</v>
      </c>
      <c r="P55" s="16">
        <v>62</v>
      </c>
      <c r="Q55" s="16">
        <v>75</v>
      </c>
      <c r="R55" s="16">
        <v>27</v>
      </c>
      <c r="S55" s="16">
        <v>11</v>
      </c>
      <c r="T55" s="16">
        <v>49</v>
      </c>
      <c r="U55" s="16">
        <v>18</v>
      </c>
      <c r="V55" s="16">
        <v>32</v>
      </c>
      <c r="W55" s="22" t="s">
        <v>268</v>
      </c>
      <c r="X55" s="16">
        <v>10</v>
      </c>
      <c r="Y55" s="16">
        <v>15</v>
      </c>
      <c r="Z55" s="16">
        <v>108</v>
      </c>
      <c r="AA55" s="22" t="s">
        <v>268</v>
      </c>
      <c r="AB55" s="16">
        <v>202</v>
      </c>
      <c r="AC55" s="16">
        <v>683</v>
      </c>
      <c r="AD55" s="16">
        <v>108</v>
      </c>
    </row>
    <row r="56" spans="1:30">
      <c r="A56" s="21" t="s">
        <v>232</v>
      </c>
      <c r="B56" s="21" t="s">
        <v>233</v>
      </c>
      <c r="C56" s="21" t="s">
        <v>262</v>
      </c>
      <c r="D56" s="21" t="s">
        <v>215</v>
      </c>
      <c r="E56" s="21" t="s">
        <v>467</v>
      </c>
      <c r="F56" s="21" t="s">
        <v>423</v>
      </c>
      <c r="G56" s="22" t="s">
        <v>268</v>
      </c>
      <c r="H56" s="22" t="s">
        <v>268</v>
      </c>
      <c r="I56" s="22" t="s">
        <v>268</v>
      </c>
      <c r="J56" s="22" t="s">
        <v>268</v>
      </c>
      <c r="K56" s="22" t="s">
        <v>268</v>
      </c>
      <c r="L56" s="22" t="s">
        <v>268</v>
      </c>
      <c r="M56" s="22" t="s">
        <v>268</v>
      </c>
      <c r="N56" s="22" t="s">
        <v>268</v>
      </c>
      <c r="O56" s="22" t="s">
        <v>268</v>
      </c>
      <c r="P56" s="22" t="s">
        <v>268</v>
      </c>
      <c r="Q56" s="22" t="s">
        <v>268</v>
      </c>
      <c r="R56" s="22" t="s">
        <v>268</v>
      </c>
      <c r="S56" s="22" t="s">
        <v>268</v>
      </c>
      <c r="T56" s="22" t="s">
        <v>268</v>
      </c>
      <c r="U56" s="22" t="s">
        <v>268</v>
      </c>
      <c r="V56" s="22" t="s">
        <v>268</v>
      </c>
      <c r="W56" s="22" t="s">
        <v>268</v>
      </c>
      <c r="X56" s="22" t="s">
        <v>268</v>
      </c>
      <c r="Y56" s="22" t="s">
        <v>268</v>
      </c>
      <c r="Z56" s="22" t="s">
        <v>268</v>
      </c>
      <c r="AA56" s="22" t="s">
        <v>268</v>
      </c>
      <c r="AB56" s="22" t="s">
        <v>268</v>
      </c>
      <c r="AC56" s="22" t="s">
        <v>268</v>
      </c>
      <c r="AD56" s="22" t="s">
        <v>268</v>
      </c>
    </row>
    <row r="57" spans="1:30">
      <c r="A57" s="21" t="s">
        <v>232</v>
      </c>
      <c r="B57" s="21" t="s">
        <v>233</v>
      </c>
      <c r="C57" s="21" t="s">
        <v>262</v>
      </c>
      <c r="D57" s="21" t="s">
        <v>215</v>
      </c>
      <c r="E57" s="21" t="s">
        <v>467</v>
      </c>
      <c r="F57" s="21" t="s">
        <v>386</v>
      </c>
      <c r="G57" s="22" t="s">
        <v>268</v>
      </c>
      <c r="H57" s="22" t="s">
        <v>268</v>
      </c>
      <c r="I57" s="22" t="s">
        <v>268</v>
      </c>
      <c r="J57" s="22" t="s">
        <v>268</v>
      </c>
      <c r="K57" s="22" t="s">
        <v>268</v>
      </c>
      <c r="L57" s="22" t="s">
        <v>268</v>
      </c>
      <c r="M57" s="22" t="s">
        <v>268</v>
      </c>
      <c r="N57" s="22" t="s">
        <v>268</v>
      </c>
      <c r="O57" s="22" t="s">
        <v>268</v>
      </c>
      <c r="P57" s="22" t="s">
        <v>268</v>
      </c>
      <c r="Q57" s="22" t="s">
        <v>268</v>
      </c>
      <c r="R57" s="22" t="s">
        <v>268</v>
      </c>
      <c r="S57" s="22" t="s">
        <v>268</v>
      </c>
      <c r="T57" s="22" t="s">
        <v>268</v>
      </c>
      <c r="U57" s="22" t="s">
        <v>268</v>
      </c>
      <c r="V57" s="22" t="s">
        <v>268</v>
      </c>
      <c r="W57" s="22" t="s">
        <v>268</v>
      </c>
      <c r="X57" s="22" t="s">
        <v>268</v>
      </c>
      <c r="Y57" s="22" t="s">
        <v>268</v>
      </c>
      <c r="Z57" s="22" t="s">
        <v>268</v>
      </c>
      <c r="AA57" s="22" t="s">
        <v>268</v>
      </c>
      <c r="AB57" s="22" t="s">
        <v>268</v>
      </c>
      <c r="AC57" s="22" t="s">
        <v>268</v>
      </c>
      <c r="AD57" s="22" t="s">
        <v>268</v>
      </c>
    </row>
    <row r="58" spans="1:30">
      <c r="A58" s="21" t="s">
        <v>232</v>
      </c>
      <c r="B58" s="21" t="s">
        <v>233</v>
      </c>
      <c r="C58" s="21" t="s">
        <v>262</v>
      </c>
      <c r="D58" s="21" t="s">
        <v>215</v>
      </c>
      <c r="E58" s="21" t="s">
        <v>467</v>
      </c>
      <c r="F58" s="21" t="s">
        <v>387</v>
      </c>
      <c r="G58" s="16">
        <v>18379448</v>
      </c>
      <c r="H58" s="16">
        <v>17777126</v>
      </c>
      <c r="I58" s="16">
        <v>15494570</v>
      </c>
      <c r="J58" s="16">
        <v>4426189</v>
      </c>
      <c r="K58" s="16">
        <v>10967864</v>
      </c>
      <c r="L58" s="16">
        <v>50975</v>
      </c>
      <c r="M58" s="16">
        <v>49542</v>
      </c>
      <c r="N58" s="16">
        <v>2282556</v>
      </c>
      <c r="O58" s="16">
        <v>152310</v>
      </c>
      <c r="P58" s="16">
        <v>379772</v>
      </c>
      <c r="Q58" s="16">
        <v>529174</v>
      </c>
      <c r="R58" s="16">
        <v>786012</v>
      </c>
      <c r="S58" s="16">
        <v>29801</v>
      </c>
      <c r="T58" s="16">
        <v>98895</v>
      </c>
      <c r="U58" s="16">
        <v>73498</v>
      </c>
      <c r="V58" s="16">
        <v>211190</v>
      </c>
      <c r="W58" s="16">
        <v>3472</v>
      </c>
      <c r="X58" s="16">
        <v>18432</v>
      </c>
      <c r="Y58" s="16">
        <v>47814</v>
      </c>
      <c r="Z58" s="16">
        <v>554508</v>
      </c>
      <c r="AA58" s="22" t="s">
        <v>268</v>
      </c>
      <c r="AB58" s="16">
        <v>1654498</v>
      </c>
      <c r="AC58" s="22" t="s">
        <v>268</v>
      </c>
      <c r="AD58" s="22" t="s">
        <v>268</v>
      </c>
    </row>
    <row r="59" spans="1:30">
      <c r="A59" s="21" t="s">
        <v>232</v>
      </c>
      <c r="B59" s="21" t="s">
        <v>233</v>
      </c>
      <c r="C59" s="21" t="s">
        <v>262</v>
      </c>
      <c r="D59" s="21" t="s">
        <v>215</v>
      </c>
      <c r="E59" s="21" t="s">
        <v>467</v>
      </c>
      <c r="F59" s="21" t="s">
        <v>388</v>
      </c>
      <c r="G59" s="16">
        <v>11528157</v>
      </c>
      <c r="H59" s="16">
        <v>11334252</v>
      </c>
      <c r="I59" s="16">
        <v>9821390</v>
      </c>
      <c r="J59" s="16">
        <v>6732651</v>
      </c>
      <c r="K59" s="16">
        <v>3037207</v>
      </c>
      <c r="L59" s="16">
        <v>42231</v>
      </c>
      <c r="M59" s="16">
        <v>9301</v>
      </c>
      <c r="N59" s="16">
        <v>1512862</v>
      </c>
      <c r="O59" s="16">
        <v>166138</v>
      </c>
      <c r="P59" s="16">
        <v>235621</v>
      </c>
      <c r="Q59" s="16">
        <v>470367</v>
      </c>
      <c r="R59" s="16">
        <v>145962</v>
      </c>
      <c r="S59" s="16">
        <v>80979</v>
      </c>
      <c r="T59" s="16">
        <v>275628</v>
      </c>
      <c r="U59" s="16">
        <v>32020</v>
      </c>
      <c r="V59" s="16">
        <v>93082</v>
      </c>
      <c r="W59" s="16">
        <v>3631</v>
      </c>
      <c r="X59" s="16">
        <v>9434</v>
      </c>
      <c r="Y59" s="16">
        <v>26853</v>
      </c>
      <c r="Z59" s="16">
        <v>167052</v>
      </c>
      <c r="AA59" s="22" t="s">
        <v>268</v>
      </c>
      <c r="AB59" s="16">
        <v>991026</v>
      </c>
      <c r="AC59" s="16">
        <v>6533895</v>
      </c>
      <c r="AD59" s="16">
        <v>167052</v>
      </c>
    </row>
    <row r="60" spans="1:30">
      <c r="A60" s="21" t="s">
        <v>232</v>
      </c>
      <c r="B60" s="21" t="s">
        <v>233</v>
      </c>
      <c r="C60" s="21" t="s">
        <v>262</v>
      </c>
      <c r="D60" s="21" t="s">
        <v>215</v>
      </c>
      <c r="E60" s="21" t="s">
        <v>467</v>
      </c>
      <c r="F60" s="21" t="s">
        <v>389</v>
      </c>
      <c r="G60" s="16">
        <v>5296972</v>
      </c>
      <c r="H60" s="16">
        <v>5212176</v>
      </c>
      <c r="I60" s="16">
        <v>4544785</v>
      </c>
      <c r="J60" s="16">
        <v>3251079</v>
      </c>
      <c r="K60" s="16">
        <v>1268642</v>
      </c>
      <c r="L60" s="16">
        <v>24577</v>
      </c>
      <c r="M60" s="16">
        <v>487</v>
      </c>
      <c r="N60" s="16">
        <v>667391</v>
      </c>
      <c r="O60" s="16">
        <v>124588</v>
      </c>
      <c r="P60" s="16">
        <v>22564</v>
      </c>
      <c r="Q60" s="16">
        <v>278556</v>
      </c>
      <c r="R60" s="16">
        <v>15096</v>
      </c>
      <c r="S60" s="16">
        <v>42304</v>
      </c>
      <c r="T60" s="16">
        <v>133780</v>
      </c>
      <c r="U60" s="16">
        <v>15377</v>
      </c>
      <c r="V60" s="16">
        <v>29297</v>
      </c>
      <c r="W60" s="16">
        <v>1058</v>
      </c>
      <c r="X60" s="16">
        <v>4771</v>
      </c>
      <c r="Y60" s="16">
        <v>11758</v>
      </c>
      <c r="Z60" s="16">
        <v>73038</v>
      </c>
      <c r="AA60" s="22" t="s">
        <v>268</v>
      </c>
      <c r="AB60" s="16">
        <v>463397</v>
      </c>
      <c r="AC60" s="16">
        <v>3239849</v>
      </c>
      <c r="AD60" s="16">
        <v>73038</v>
      </c>
    </row>
    <row r="61" spans="1:30">
      <c r="A61" s="21" t="s">
        <v>232</v>
      </c>
      <c r="B61" s="21" t="s">
        <v>233</v>
      </c>
      <c r="C61" s="21" t="s">
        <v>262</v>
      </c>
      <c r="D61" s="21" t="s">
        <v>215</v>
      </c>
      <c r="E61" s="21" t="s">
        <v>467</v>
      </c>
      <c r="F61" s="21" t="s">
        <v>390</v>
      </c>
      <c r="G61" s="16">
        <v>1156363</v>
      </c>
      <c r="H61" s="16">
        <v>1126708</v>
      </c>
      <c r="I61" s="16">
        <v>926111</v>
      </c>
      <c r="J61" s="16">
        <v>679900</v>
      </c>
      <c r="K61" s="16">
        <v>236220</v>
      </c>
      <c r="L61" s="16">
        <v>9949</v>
      </c>
      <c r="M61" s="16">
        <v>42</v>
      </c>
      <c r="N61" s="16">
        <v>200597</v>
      </c>
      <c r="O61" s="16">
        <v>62341</v>
      </c>
      <c r="P61" s="16">
        <v>4882</v>
      </c>
      <c r="Q61" s="16">
        <v>75468</v>
      </c>
      <c r="R61" s="16">
        <v>4744</v>
      </c>
      <c r="S61" s="16">
        <v>8422</v>
      </c>
      <c r="T61" s="16">
        <v>26538</v>
      </c>
      <c r="U61" s="16">
        <v>6710</v>
      </c>
      <c r="V61" s="16">
        <v>9407</v>
      </c>
      <c r="W61" s="16">
        <v>175</v>
      </c>
      <c r="X61" s="16">
        <v>1910</v>
      </c>
      <c r="Y61" s="16">
        <v>2940</v>
      </c>
      <c r="Z61" s="16">
        <v>26715</v>
      </c>
      <c r="AA61" s="22" t="s">
        <v>268</v>
      </c>
      <c r="AB61" s="16">
        <v>121575</v>
      </c>
      <c r="AC61" s="16">
        <v>679396</v>
      </c>
      <c r="AD61" s="16">
        <v>26715</v>
      </c>
    </row>
    <row r="62" spans="1:30">
      <c r="A62" s="21" t="s">
        <v>232</v>
      </c>
      <c r="B62" s="21" t="s">
        <v>233</v>
      </c>
      <c r="C62" s="21" t="s">
        <v>262</v>
      </c>
      <c r="D62" s="21" t="s">
        <v>215</v>
      </c>
      <c r="E62" s="21" t="s">
        <v>467</v>
      </c>
      <c r="F62" s="21" t="s">
        <v>391</v>
      </c>
      <c r="G62" s="16">
        <v>21301394</v>
      </c>
      <c r="H62" s="16">
        <v>20642480</v>
      </c>
      <c r="I62" s="16">
        <v>17909961</v>
      </c>
      <c r="J62" s="16">
        <v>5949255</v>
      </c>
      <c r="K62" s="16">
        <v>11845740</v>
      </c>
      <c r="L62" s="16">
        <v>59689</v>
      </c>
      <c r="M62" s="16">
        <v>55277</v>
      </c>
      <c r="N62" s="16">
        <v>2732519</v>
      </c>
      <c r="O62" s="16">
        <v>173802</v>
      </c>
      <c r="P62" s="16">
        <v>518489</v>
      </c>
      <c r="Q62" s="16">
        <v>603024</v>
      </c>
      <c r="R62" s="16">
        <v>878114</v>
      </c>
      <c r="S62" s="16">
        <v>44888</v>
      </c>
      <c r="T62" s="16">
        <v>158352</v>
      </c>
      <c r="U62" s="16">
        <v>83178</v>
      </c>
      <c r="V62" s="16">
        <v>247133</v>
      </c>
      <c r="W62" s="16">
        <v>4785</v>
      </c>
      <c r="X62" s="16">
        <v>20754</v>
      </c>
      <c r="Y62" s="16">
        <v>55261</v>
      </c>
      <c r="Z62" s="16">
        <v>603653</v>
      </c>
      <c r="AA62" s="22" t="s">
        <v>268</v>
      </c>
      <c r="AB62" s="16">
        <v>1916333</v>
      </c>
      <c r="AC62" s="16">
        <v>1378282</v>
      </c>
      <c r="AD62" s="16">
        <v>50258</v>
      </c>
    </row>
    <row r="63" spans="1:30">
      <c r="A63" s="21" t="s">
        <v>232</v>
      </c>
      <c r="B63" s="21" t="s">
        <v>233</v>
      </c>
      <c r="C63" s="21" t="s">
        <v>262</v>
      </c>
      <c r="D63" s="21" t="s">
        <v>216</v>
      </c>
      <c r="E63" s="21" t="s">
        <v>467</v>
      </c>
      <c r="F63" s="21" t="s">
        <v>401</v>
      </c>
      <c r="G63" s="16">
        <v>30141239</v>
      </c>
      <c r="H63" s="16">
        <v>29709506</v>
      </c>
      <c r="I63" s="16">
        <v>25805345</v>
      </c>
      <c r="J63" s="16">
        <v>11158840</v>
      </c>
      <c r="K63" s="16">
        <v>13988171</v>
      </c>
      <c r="L63" s="16">
        <v>8921</v>
      </c>
      <c r="M63" s="16">
        <v>649413</v>
      </c>
      <c r="N63" s="16">
        <v>3904161</v>
      </c>
      <c r="O63" s="16">
        <v>318448</v>
      </c>
      <c r="P63" s="16">
        <v>621432</v>
      </c>
      <c r="Q63" s="16">
        <v>999428</v>
      </c>
      <c r="R63" s="16">
        <v>941691</v>
      </c>
      <c r="S63" s="16">
        <v>110783</v>
      </c>
      <c r="T63" s="16">
        <v>416411</v>
      </c>
      <c r="U63" s="16">
        <v>106115</v>
      </c>
      <c r="V63" s="16">
        <v>310469</v>
      </c>
      <c r="W63" s="16">
        <v>5422</v>
      </c>
      <c r="X63" s="16">
        <v>73962</v>
      </c>
      <c r="Y63" s="16">
        <v>70220</v>
      </c>
      <c r="Z63" s="16">
        <v>361513</v>
      </c>
      <c r="AA63" s="22" t="s">
        <v>268</v>
      </c>
      <c r="AB63" s="16">
        <v>2746120</v>
      </c>
      <c r="AC63" s="16">
        <v>6533895</v>
      </c>
      <c r="AD63" s="16">
        <v>129150</v>
      </c>
    </row>
    <row r="64" spans="1:30">
      <c r="A64" s="21" t="s">
        <v>232</v>
      </c>
      <c r="B64" s="21" t="s">
        <v>233</v>
      </c>
      <c r="C64" s="21" t="s">
        <v>262</v>
      </c>
      <c r="D64" s="21" t="s">
        <v>216</v>
      </c>
      <c r="E64" s="21" t="s">
        <v>467</v>
      </c>
      <c r="F64" s="21" t="s">
        <v>405</v>
      </c>
      <c r="G64" s="16">
        <v>9058</v>
      </c>
      <c r="H64" s="16">
        <v>8587</v>
      </c>
      <c r="I64" s="16">
        <v>6285</v>
      </c>
      <c r="J64" s="16">
        <v>1985</v>
      </c>
      <c r="K64" s="16">
        <v>3627</v>
      </c>
      <c r="L64" s="16">
        <v>127</v>
      </c>
      <c r="M64" s="16">
        <v>546</v>
      </c>
      <c r="N64" s="16">
        <v>2302</v>
      </c>
      <c r="O64" s="16">
        <v>110</v>
      </c>
      <c r="P64" s="16">
        <v>99</v>
      </c>
      <c r="Q64" s="16">
        <v>204</v>
      </c>
      <c r="R64" s="16">
        <v>214</v>
      </c>
      <c r="S64" s="16">
        <v>120</v>
      </c>
      <c r="T64" s="16">
        <v>255</v>
      </c>
      <c r="U64" s="16">
        <v>478</v>
      </c>
      <c r="V64" s="16">
        <v>597</v>
      </c>
      <c r="W64" s="16">
        <v>18</v>
      </c>
      <c r="X64" s="16">
        <v>207</v>
      </c>
      <c r="Y64" s="16">
        <v>85</v>
      </c>
      <c r="Z64" s="16">
        <v>386</v>
      </c>
      <c r="AA64" s="22" t="s">
        <v>268</v>
      </c>
      <c r="AB64" s="16">
        <v>1650</v>
      </c>
      <c r="AC64" s="22" t="s">
        <v>268</v>
      </c>
      <c r="AD64" s="22" t="s">
        <v>268</v>
      </c>
    </row>
    <row r="65" spans="1:30">
      <c r="A65" s="21" t="s">
        <v>232</v>
      </c>
      <c r="B65" s="21" t="s">
        <v>233</v>
      </c>
      <c r="C65" s="21" t="s">
        <v>262</v>
      </c>
      <c r="D65" s="21" t="s">
        <v>216</v>
      </c>
      <c r="E65" s="21" t="s">
        <v>467</v>
      </c>
      <c r="F65" s="21" t="s">
        <v>406</v>
      </c>
      <c r="G65" s="16">
        <v>195390</v>
      </c>
      <c r="H65" s="16">
        <v>191177</v>
      </c>
      <c r="I65" s="16">
        <v>166284</v>
      </c>
      <c r="J65" s="16">
        <v>71433</v>
      </c>
      <c r="K65" s="16">
        <v>91184</v>
      </c>
      <c r="L65" s="16">
        <v>423</v>
      </c>
      <c r="M65" s="16">
        <v>3244</v>
      </c>
      <c r="N65" s="16">
        <v>24893</v>
      </c>
      <c r="O65" s="16">
        <v>1496</v>
      </c>
      <c r="P65" s="16">
        <v>1358</v>
      </c>
      <c r="Q65" s="16">
        <v>3043</v>
      </c>
      <c r="R65" s="16">
        <v>3174</v>
      </c>
      <c r="S65" s="16">
        <v>1291</v>
      </c>
      <c r="T65" s="16">
        <v>2259</v>
      </c>
      <c r="U65" s="16">
        <v>4157</v>
      </c>
      <c r="V65" s="16">
        <v>6684</v>
      </c>
      <c r="W65" s="16">
        <v>87</v>
      </c>
      <c r="X65" s="16">
        <v>1344</v>
      </c>
      <c r="Y65" s="16">
        <v>1207</v>
      </c>
      <c r="Z65" s="16">
        <v>3006</v>
      </c>
      <c r="AA65" s="22" t="s">
        <v>268</v>
      </c>
      <c r="AB65" s="16">
        <v>18420</v>
      </c>
      <c r="AC65" s="22" t="s">
        <v>268</v>
      </c>
      <c r="AD65" s="22" t="s">
        <v>268</v>
      </c>
    </row>
    <row r="66" spans="1:30">
      <c r="A66" s="21" t="s">
        <v>232</v>
      </c>
      <c r="B66" s="21" t="s">
        <v>233</v>
      </c>
      <c r="C66" s="21" t="s">
        <v>262</v>
      </c>
      <c r="D66" s="21" t="s">
        <v>216</v>
      </c>
      <c r="E66" s="21" t="s">
        <v>467</v>
      </c>
      <c r="F66" s="21" t="s">
        <v>407</v>
      </c>
      <c r="G66" s="16">
        <v>978372</v>
      </c>
      <c r="H66" s="16">
        <v>959899</v>
      </c>
      <c r="I66" s="16">
        <v>888730</v>
      </c>
      <c r="J66" s="16">
        <v>402327</v>
      </c>
      <c r="K66" s="16">
        <v>476139</v>
      </c>
      <c r="L66" s="16">
        <v>517</v>
      </c>
      <c r="M66" s="16">
        <v>9747</v>
      </c>
      <c r="N66" s="16">
        <v>71169</v>
      </c>
      <c r="O66" s="16">
        <v>4777</v>
      </c>
      <c r="P66" s="16">
        <v>4540</v>
      </c>
      <c r="Q66" s="16">
        <v>12685</v>
      </c>
      <c r="R66" s="16">
        <v>12014</v>
      </c>
      <c r="S66" s="16">
        <v>2471</v>
      </c>
      <c r="T66" s="16">
        <v>5704</v>
      </c>
      <c r="U66" s="16">
        <v>9063</v>
      </c>
      <c r="V66" s="16">
        <v>16743</v>
      </c>
      <c r="W66" s="16">
        <v>251</v>
      </c>
      <c r="X66" s="16">
        <v>2921</v>
      </c>
      <c r="Y66" s="16">
        <v>2850</v>
      </c>
      <c r="Z66" s="16">
        <v>15623</v>
      </c>
      <c r="AA66" s="22" t="s">
        <v>268</v>
      </c>
      <c r="AB66" s="16">
        <v>54336</v>
      </c>
      <c r="AC66" s="22" t="s">
        <v>268</v>
      </c>
      <c r="AD66" s="22" t="s">
        <v>268</v>
      </c>
    </row>
    <row r="67" spans="1:30">
      <c r="A67" s="21" t="s">
        <v>232</v>
      </c>
      <c r="B67" s="21" t="s">
        <v>233</v>
      </c>
      <c r="C67" s="21" t="s">
        <v>262</v>
      </c>
      <c r="D67" s="21" t="s">
        <v>216</v>
      </c>
      <c r="E67" s="21" t="s">
        <v>467</v>
      </c>
      <c r="F67" s="21" t="s">
        <v>408</v>
      </c>
      <c r="G67" s="16">
        <v>1842221</v>
      </c>
      <c r="H67" s="16">
        <v>1818180</v>
      </c>
      <c r="I67" s="16">
        <v>1677878</v>
      </c>
      <c r="J67" s="16">
        <v>424348</v>
      </c>
      <c r="K67" s="16">
        <v>1229032</v>
      </c>
      <c r="L67" s="16">
        <v>549</v>
      </c>
      <c r="M67" s="16">
        <v>23949</v>
      </c>
      <c r="N67" s="16">
        <v>140302</v>
      </c>
      <c r="O67" s="16">
        <v>7214</v>
      </c>
      <c r="P67" s="16">
        <v>7690</v>
      </c>
      <c r="Q67" s="16">
        <v>36902</v>
      </c>
      <c r="R67" s="16">
        <v>31737</v>
      </c>
      <c r="S67" s="16">
        <v>2701</v>
      </c>
      <c r="T67" s="16">
        <v>10681</v>
      </c>
      <c r="U67" s="16">
        <v>9585</v>
      </c>
      <c r="V67" s="16">
        <v>29624</v>
      </c>
      <c r="W67" s="16">
        <v>216</v>
      </c>
      <c r="X67" s="16">
        <v>3952</v>
      </c>
      <c r="Y67" s="16">
        <v>3877</v>
      </c>
      <c r="Z67" s="16">
        <v>20164</v>
      </c>
      <c r="AA67" s="22" t="s">
        <v>268</v>
      </c>
      <c r="AB67" s="16">
        <v>116883</v>
      </c>
      <c r="AC67" s="22" t="s">
        <v>268</v>
      </c>
      <c r="AD67" s="22" t="s">
        <v>268</v>
      </c>
    </row>
    <row r="68" spans="1:30">
      <c r="A68" s="21" t="s">
        <v>232</v>
      </c>
      <c r="B68" s="21" t="s">
        <v>233</v>
      </c>
      <c r="C68" s="21" t="s">
        <v>262</v>
      </c>
      <c r="D68" s="21" t="s">
        <v>216</v>
      </c>
      <c r="E68" s="21" t="s">
        <v>467</v>
      </c>
      <c r="F68" s="21" t="s">
        <v>409</v>
      </c>
      <c r="G68" s="16">
        <v>2447351</v>
      </c>
      <c r="H68" s="16">
        <v>2427214</v>
      </c>
      <c r="I68" s="16">
        <v>2203759</v>
      </c>
      <c r="J68" s="16">
        <v>337132</v>
      </c>
      <c r="K68" s="16">
        <v>1816952</v>
      </c>
      <c r="L68" s="16">
        <v>681</v>
      </c>
      <c r="M68" s="16">
        <v>48994</v>
      </c>
      <c r="N68" s="16">
        <v>223455</v>
      </c>
      <c r="O68" s="16">
        <v>9025</v>
      </c>
      <c r="P68" s="16">
        <v>11059</v>
      </c>
      <c r="Q68" s="16">
        <v>72942</v>
      </c>
      <c r="R68" s="16">
        <v>64292</v>
      </c>
      <c r="S68" s="16">
        <v>2290</v>
      </c>
      <c r="T68" s="16">
        <v>14495</v>
      </c>
      <c r="U68" s="16">
        <v>7758</v>
      </c>
      <c r="V68" s="16">
        <v>36205</v>
      </c>
      <c r="W68" s="16">
        <v>182</v>
      </c>
      <c r="X68" s="16">
        <v>5207</v>
      </c>
      <c r="Y68" s="16">
        <v>5135</v>
      </c>
      <c r="Z68" s="16">
        <v>15002</v>
      </c>
      <c r="AA68" s="22" t="s">
        <v>268</v>
      </c>
      <c r="AB68" s="16">
        <v>194752</v>
      </c>
      <c r="AC68" s="22" t="s">
        <v>268</v>
      </c>
      <c r="AD68" s="22" t="s">
        <v>268</v>
      </c>
    </row>
    <row r="69" spans="1:30">
      <c r="A69" s="21" t="s">
        <v>232</v>
      </c>
      <c r="B69" s="21" t="s">
        <v>233</v>
      </c>
      <c r="C69" s="21" t="s">
        <v>262</v>
      </c>
      <c r="D69" s="21" t="s">
        <v>216</v>
      </c>
      <c r="E69" s="21" t="s">
        <v>467</v>
      </c>
      <c r="F69" s="21" t="s">
        <v>410</v>
      </c>
      <c r="G69" s="16">
        <v>2879951</v>
      </c>
      <c r="H69" s="16">
        <v>2858591</v>
      </c>
      <c r="I69" s="16">
        <v>2550276</v>
      </c>
      <c r="J69" s="16">
        <v>367298</v>
      </c>
      <c r="K69" s="16">
        <v>2100852</v>
      </c>
      <c r="L69" s="16">
        <v>699</v>
      </c>
      <c r="M69" s="16">
        <v>81427</v>
      </c>
      <c r="N69" s="16">
        <v>308315</v>
      </c>
      <c r="O69" s="16">
        <v>12798</v>
      </c>
      <c r="P69" s="16">
        <v>18517</v>
      </c>
      <c r="Q69" s="16">
        <v>105785</v>
      </c>
      <c r="R69" s="16">
        <v>105992</v>
      </c>
      <c r="S69" s="16">
        <v>2522</v>
      </c>
      <c r="T69" s="16">
        <v>16888</v>
      </c>
      <c r="U69" s="16">
        <v>6334</v>
      </c>
      <c r="V69" s="16">
        <v>32270</v>
      </c>
      <c r="W69" s="16">
        <v>169</v>
      </c>
      <c r="X69" s="16">
        <v>7040</v>
      </c>
      <c r="Y69" s="16">
        <v>6305</v>
      </c>
      <c r="Z69" s="16">
        <v>15055</v>
      </c>
      <c r="AA69" s="22" t="s">
        <v>268</v>
      </c>
      <c r="AB69" s="16">
        <v>266948</v>
      </c>
      <c r="AC69" s="22" t="s">
        <v>268</v>
      </c>
      <c r="AD69" s="22" t="s">
        <v>268</v>
      </c>
    </row>
    <row r="70" spans="1:30">
      <c r="A70" s="21" t="s">
        <v>232</v>
      </c>
      <c r="B70" s="21" t="s">
        <v>233</v>
      </c>
      <c r="C70" s="21" t="s">
        <v>262</v>
      </c>
      <c r="D70" s="21" t="s">
        <v>216</v>
      </c>
      <c r="E70" s="21" t="s">
        <v>467</v>
      </c>
      <c r="F70" s="21" t="s">
        <v>411</v>
      </c>
      <c r="G70" s="16">
        <v>3330055</v>
      </c>
      <c r="H70" s="16">
        <v>3296685</v>
      </c>
      <c r="I70" s="16">
        <v>2880833</v>
      </c>
      <c r="J70" s="16">
        <v>559405</v>
      </c>
      <c r="K70" s="16">
        <v>2190336</v>
      </c>
      <c r="L70" s="16">
        <v>1053</v>
      </c>
      <c r="M70" s="16">
        <v>130039</v>
      </c>
      <c r="N70" s="16">
        <v>415852</v>
      </c>
      <c r="O70" s="16">
        <v>23977</v>
      </c>
      <c r="P70" s="16">
        <v>40630</v>
      </c>
      <c r="Q70" s="16">
        <v>120798</v>
      </c>
      <c r="R70" s="16">
        <v>161584</v>
      </c>
      <c r="S70" s="16">
        <v>3467</v>
      </c>
      <c r="T70" s="16">
        <v>20709</v>
      </c>
      <c r="U70" s="16">
        <v>7729</v>
      </c>
      <c r="V70" s="16">
        <v>26552</v>
      </c>
      <c r="W70" s="16">
        <v>300</v>
      </c>
      <c r="X70" s="16">
        <v>10106</v>
      </c>
      <c r="Y70" s="16">
        <v>8228</v>
      </c>
      <c r="Z70" s="16">
        <v>25142</v>
      </c>
      <c r="AA70" s="22" t="s">
        <v>268</v>
      </c>
      <c r="AB70" s="16">
        <v>337569</v>
      </c>
      <c r="AC70" s="22" t="s">
        <v>268</v>
      </c>
      <c r="AD70" s="22" t="s">
        <v>268</v>
      </c>
    </row>
    <row r="71" spans="1:30">
      <c r="A71" s="21" t="s">
        <v>232</v>
      </c>
      <c r="B71" s="21" t="s">
        <v>233</v>
      </c>
      <c r="C71" s="21" t="s">
        <v>262</v>
      </c>
      <c r="D71" s="21" t="s">
        <v>216</v>
      </c>
      <c r="E71" s="21" t="s">
        <v>467</v>
      </c>
      <c r="F71" s="21" t="s">
        <v>412</v>
      </c>
      <c r="G71" s="16">
        <v>2974515</v>
      </c>
      <c r="H71" s="16">
        <v>2924187</v>
      </c>
      <c r="I71" s="16">
        <v>2470941</v>
      </c>
      <c r="J71" s="16">
        <v>729318</v>
      </c>
      <c r="K71" s="16">
        <v>1617147</v>
      </c>
      <c r="L71" s="16">
        <v>1424</v>
      </c>
      <c r="M71" s="16">
        <v>123052</v>
      </c>
      <c r="N71" s="16">
        <v>453246</v>
      </c>
      <c r="O71" s="16">
        <v>35577</v>
      </c>
      <c r="P71" s="16">
        <v>77883</v>
      </c>
      <c r="Q71" s="16">
        <v>88943</v>
      </c>
      <c r="R71" s="16">
        <v>179857</v>
      </c>
      <c r="S71" s="16">
        <v>4465</v>
      </c>
      <c r="T71" s="16">
        <v>22195</v>
      </c>
      <c r="U71" s="16">
        <v>9880</v>
      </c>
      <c r="V71" s="16">
        <v>22210</v>
      </c>
      <c r="W71" s="16">
        <v>433</v>
      </c>
      <c r="X71" s="16">
        <v>11803</v>
      </c>
      <c r="Y71" s="16">
        <v>8230</v>
      </c>
      <c r="Z71" s="16">
        <v>42098</v>
      </c>
      <c r="AA71" s="22" t="s">
        <v>268</v>
      </c>
      <c r="AB71" s="16">
        <v>323205</v>
      </c>
      <c r="AC71" s="22" t="s">
        <v>268</v>
      </c>
      <c r="AD71" s="22" t="s">
        <v>268</v>
      </c>
    </row>
    <row r="72" spans="1:30">
      <c r="A72" s="21" t="s">
        <v>232</v>
      </c>
      <c r="B72" s="21" t="s">
        <v>233</v>
      </c>
      <c r="C72" s="21" t="s">
        <v>262</v>
      </c>
      <c r="D72" s="21" t="s">
        <v>216</v>
      </c>
      <c r="E72" s="21" t="s">
        <v>467</v>
      </c>
      <c r="F72" s="21" t="s">
        <v>413</v>
      </c>
      <c r="G72" s="16">
        <v>2812022</v>
      </c>
      <c r="H72" s="16">
        <v>2750315</v>
      </c>
      <c r="I72" s="16">
        <v>2247017</v>
      </c>
      <c r="J72" s="16">
        <v>1015852</v>
      </c>
      <c r="K72" s="16">
        <v>1148594</v>
      </c>
      <c r="L72" s="16">
        <v>1540</v>
      </c>
      <c r="M72" s="16">
        <v>81031</v>
      </c>
      <c r="N72" s="16">
        <v>503298</v>
      </c>
      <c r="O72" s="16">
        <v>40554</v>
      </c>
      <c r="P72" s="16">
        <v>139318</v>
      </c>
      <c r="Q72" s="16">
        <v>61741</v>
      </c>
      <c r="R72" s="16">
        <v>173913</v>
      </c>
      <c r="S72" s="16">
        <v>6496</v>
      </c>
      <c r="T72" s="16">
        <v>29895</v>
      </c>
      <c r="U72" s="16">
        <v>12653</v>
      </c>
      <c r="V72" s="16">
        <v>28286</v>
      </c>
      <c r="W72" s="16">
        <v>539</v>
      </c>
      <c r="X72" s="16">
        <v>9903</v>
      </c>
      <c r="Y72" s="16">
        <v>7375</v>
      </c>
      <c r="Z72" s="16">
        <v>54332</v>
      </c>
      <c r="AA72" s="22" t="s">
        <v>268</v>
      </c>
      <c r="AB72" s="16">
        <v>303829</v>
      </c>
      <c r="AC72" s="22" t="s">
        <v>268</v>
      </c>
      <c r="AD72" s="22" t="s">
        <v>268</v>
      </c>
    </row>
    <row r="73" spans="1:30">
      <c r="A73" s="21" t="s">
        <v>232</v>
      </c>
      <c r="B73" s="21" t="s">
        <v>233</v>
      </c>
      <c r="C73" s="21" t="s">
        <v>262</v>
      </c>
      <c r="D73" s="21" t="s">
        <v>216</v>
      </c>
      <c r="E73" s="21" t="s">
        <v>467</v>
      </c>
      <c r="F73" s="21" t="s">
        <v>414</v>
      </c>
      <c r="G73" s="16">
        <v>2732122</v>
      </c>
      <c r="H73" s="16">
        <v>2684205</v>
      </c>
      <c r="I73" s="16">
        <v>2206564</v>
      </c>
      <c r="J73" s="16">
        <v>1303518</v>
      </c>
      <c r="K73" s="16">
        <v>860610</v>
      </c>
      <c r="L73" s="16">
        <v>1129</v>
      </c>
      <c r="M73" s="16">
        <v>41307</v>
      </c>
      <c r="N73" s="16">
        <v>477641</v>
      </c>
      <c r="O73" s="16">
        <v>28810</v>
      </c>
      <c r="P73" s="16">
        <v>157522</v>
      </c>
      <c r="Q73" s="16">
        <v>60010</v>
      </c>
      <c r="R73" s="16">
        <v>117963</v>
      </c>
      <c r="S73" s="16">
        <v>10789</v>
      </c>
      <c r="T73" s="16">
        <v>47297</v>
      </c>
      <c r="U73" s="16">
        <v>11826</v>
      </c>
      <c r="V73" s="16">
        <v>36418</v>
      </c>
      <c r="W73" s="16">
        <v>686</v>
      </c>
      <c r="X73" s="16">
        <v>6320</v>
      </c>
      <c r="Y73" s="16">
        <v>6362</v>
      </c>
      <c r="Z73" s="16">
        <v>41555</v>
      </c>
      <c r="AA73" s="22" t="s">
        <v>268</v>
      </c>
      <c r="AB73" s="16">
        <v>267864</v>
      </c>
      <c r="AC73" s="16">
        <v>703061</v>
      </c>
      <c r="AD73" s="22" t="s">
        <v>268</v>
      </c>
    </row>
    <row r="74" spans="1:30">
      <c r="A74" s="21" t="s">
        <v>232</v>
      </c>
      <c r="B74" s="21" t="s">
        <v>233</v>
      </c>
      <c r="C74" s="21" t="s">
        <v>262</v>
      </c>
      <c r="D74" s="21" t="s">
        <v>216</v>
      </c>
      <c r="E74" s="21" t="s">
        <v>467</v>
      </c>
      <c r="F74" s="21" t="s">
        <v>415</v>
      </c>
      <c r="G74" s="16">
        <v>2988468</v>
      </c>
      <c r="H74" s="16">
        <v>2949198</v>
      </c>
      <c r="I74" s="16">
        <v>2534032</v>
      </c>
      <c r="J74" s="16">
        <v>1695354</v>
      </c>
      <c r="K74" s="16">
        <v>810932</v>
      </c>
      <c r="L74" s="16">
        <v>491</v>
      </c>
      <c r="M74" s="16">
        <v>27255</v>
      </c>
      <c r="N74" s="16">
        <v>415166</v>
      </c>
      <c r="O74" s="16">
        <v>19022</v>
      </c>
      <c r="P74" s="16">
        <v>105783</v>
      </c>
      <c r="Q74" s="16">
        <v>97049</v>
      </c>
      <c r="R74" s="16">
        <v>56926</v>
      </c>
      <c r="S74" s="16">
        <v>18411</v>
      </c>
      <c r="T74" s="16">
        <v>71490</v>
      </c>
      <c r="U74" s="16">
        <v>8170</v>
      </c>
      <c r="V74" s="16">
        <v>32967</v>
      </c>
      <c r="W74" s="16">
        <v>834</v>
      </c>
      <c r="X74" s="16">
        <v>4514</v>
      </c>
      <c r="Y74" s="16">
        <v>5938</v>
      </c>
      <c r="Z74" s="16">
        <v>33332</v>
      </c>
      <c r="AA74" s="22" t="s">
        <v>268</v>
      </c>
      <c r="AB74" s="16">
        <v>260537</v>
      </c>
      <c r="AC74" s="16">
        <v>1604615</v>
      </c>
      <c r="AD74" s="16">
        <v>33332</v>
      </c>
    </row>
    <row r="75" spans="1:30">
      <c r="A75" s="21" t="s">
        <v>232</v>
      </c>
      <c r="B75" s="21" t="s">
        <v>233</v>
      </c>
      <c r="C75" s="21" t="s">
        <v>262</v>
      </c>
      <c r="D75" s="21" t="s">
        <v>216</v>
      </c>
      <c r="E75" s="21" t="s">
        <v>467</v>
      </c>
      <c r="F75" s="21" t="s">
        <v>416</v>
      </c>
      <c r="G75" s="16">
        <v>3123717</v>
      </c>
      <c r="H75" s="16">
        <v>3085254</v>
      </c>
      <c r="I75" s="16">
        <v>2737125</v>
      </c>
      <c r="J75" s="16">
        <v>1924851</v>
      </c>
      <c r="K75" s="16">
        <v>787032</v>
      </c>
      <c r="L75" s="16">
        <v>199</v>
      </c>
      <c r="M75" s="16">
        <v>25043</v>
      </c>
      <c r="N75" s="16">
        <v>348129</v>
      </c>
      <c r="O75" s="16">
        <v>23215</v>
      </c>
      <c r="P75" s="16">
        <v>41071</v>
      </c>
      <c r="Q75" s="16">
        <v>128044</v>
      </c>
      <c r="R75" s="16">
        <v>20080</v>
      </c>
      <c r="S75" s="16">
        <v>24825</v>
      </c>
      <c r="T75" s="16">
        <v>81092</v>
      </c>
      <c r="U75" s="16">
        <v>5324</v>
      </c>
      <c r="V75" s="16">
        <v>19872</v>
      </c>
      <c r="W75" s="16">
        <v>780</v>
      </c>
      <c r="X75" s="16">
        <v>3826</v>
      </c>
      <c r="Y75" s="16">
        <v>6004</v>
      </c>
      <c r="Z75" s="16">
        <v>32459</v>
      </c>
      <c r="AA75" s="22" t="s">
        <v>268</v>
      </c>
      <c r="AB75" s="16">
        <v>249742</v>
      </c>
      <c r="AC75" s="16">
        <v>1905279</v>
      </c>
      <c r="AD75" s="16">
        <v>32459</v>
      </c>
    </row>
    <row r="76" spans="1:30">
      <c r="A76" s="21" t="s">
        <v>232</v>
      </c>
      <c r="B76" s="21" t="s">
        <v>233</v>
      </c>
      <c r="C76" s="21" t="s">
        <v>262</v>
      </c>
      <c r="D76" s="21" t="s">
        <v>216</v>
      </c>
      <c r="E76" s="21" t="s">
        <v>467</v>
      </c>
      <c r="F76" s="21" t="s">
        <v>417</v>
      </c>
      <c r="G76" s="16">
        <v>2087120</v>
      </c>
      <c r="H76" s="16">
        <v>2058925</v>
      </c>
      <c r="I76" s="16">
        <v>1825051</v>
      </c>
      <c r="J76" s="16">
        <v>1303271</v>
      </c>
      <c r="K76" s="16">
        <v>501538</v>
      </c>
      <c r="L76" s="16">
        <v>46</v>
      </c>
      <c r="M76" s="16">
        <v>20196</v>
      </c>
      <c r="N76" s="16">
        <v>233874</v>
      </c>
      <c r="O76" s="16">
        <v>32616</v>
      </c>
      <c r="P76" s="16">
        <v>6208</v>
      </c>
      <c r="Q76" s="16">
        <v>102751</v>
      </c>
      <c r="R76" s="16">
        <v>5137</v>
      </c>
      <c r="S76" s="16">
        <v>17628</v>
      </c>
      <c r="T76" s="16">
        <v>53206</v>
      </c>
      <c r="U76" s="16">
        <v>4297</v>
      </c>
      <c r="V76" s="16">
        <v>8955</v>
      </c>
      <c r="W76" s="16">
        <v>496</v>
      </c>
      <c r="X76" s="16">
        <v>2580</v>
      </c>
      <c r="Y76" s="16">
        <v>4153</v>
      </c>
      <c r="Z76" s="16">
        <v>24042</v>
      </c>
      <c r="AA76" s="22" t="s">
        <v>268</v>
      </c>
      <c r="AB76" s="16">
        <v>171744</v>
      </c>
      <c r="AC76" s="16">
        <v>1299474</v>
      </c>
      <c r="AD76" s="16">
        <v>24042</v>
      </c>
    </row>
    <row r="77" spans="1:30">
      <c r="A77" s="21" t="s">
        <v>232</v>
      </c>
      <c r="B77" s="21" t="s">
        <v>233</v>
      </c>
      <c r="C77" s="21" t="s">
        <v>262</v>
      </c>
      <c r="D77" s="21" t="s">
        <v>216</v>
      </c>
      <c r="E77" s="21" t="s">
        <v>467</v>
      </c>
      <c r="F77" s="21" t="s">
        <v>418</v>
      </c>
      <c r="G77" s="16">
        <v>1172233</v>
      </c>
      <c r="H77" s="16">
        <v>1148832</v>
      </c>
      <c r="I77" s="16">
        <v>980879</v>
      </c>
      <c r="J77" s="16">
        <v>711100</v>
      </c>
      <c r="K77" s="16">
        <v>252831</v>
      </c>
      <c r="L77" s="16">
        <v>27</v>
      </c>
      <c r="M77" s="16">
        <v>16921</v>
      </c>
      <c r="N77" s="16">
        <v>167953</v>
      </c>
      <c r="O77" s="16">
        <v>39949</v>
      </c>
      <c r="P77" s="16">
        <v>2873</v>
      </c>
      <c r="Q77" s="16">
        <v>70670</v>
      </c>
      <c r="R77" s="16">
        <v>3830</v>
      </c>
      <c r="S77" s="16">
        <v>9252</v>
      </c>
      <c r="T77" s="16">
        <v>27899</v>
      </c>
      <c r="U77" s="16">
        <v>4571</v>
      </c>
      <c r="V77" s="16">
        <v>6525</v>
      </c>
      <c r="W77" s="16">
        <v>256</v>
      </c>
      <c r="X77" s="16">
        <v>2128</v>
      </c>
      <c r="Y77" s="16">
        <v>2679</v>
      </c>
      <c r="Z77" s="16">
        <v>20722</v>
      </c>
      <c r="AA77" s="22" t="s">
        <v>268</v>
      </c>
      <c r="AB77" s="16">
        <v>112466</v>
      </c>
      <c r="AC77" s="16">
        <v>710190</v>
      </c>
      <c r="AD77" s="16">
        <v>20722</v>
      </c>
    </row>
    <row r="78" spans="1:30">
      <c r="A78" s="21" t="s">
        <v>232</v>
      </c>
      <c r="B78" s="21" t="s">
        <v>233</v>
      </c>
      <c r="C78" s="21" t="s">
        <v>262</v>
      </c>
      <c r="D78" s="21" t="s">
        <v>216</v>
      </c>
      <c r="E78" s="21" t="s">
        <v>467</v>
      </c>
      <c r="F78" s="21" t="s">
        <v>419</v>
      </c>
      <c r="G78" s="16">
        <v>467001</v>
      </c>
      <c r="H78" s="16">
        <v>451933</v>
      </c>
      <c r="I78" s="16">
        <v>361168</v>
      </c>
      <c r="J78" s="16">
        <v>263921</v>
      </c>
      <c r="K78" s="16">
        <v>85974</v>
      </c>
      <c r="L78" s="16">
        <v>13</v>
      </c>
      <c r="M78" s="16">
        <v>11260</v>
      </c>
      <c r="N78" s="16">
        <v>90765</v>
      </c>
      <c r="O78" s="16">
        <v>30002</v>
      </c>
      <c r="P78" s="16">
        <v>3541</v>
      </c>
      <c r="Q78" s="16">
        <v>31250</v>
      </c>
      <c r="R78" s="16">
        <v>3116</v>
      </c>
      <c r="S78" s="16">
        <v>3375</v>
      </c>
      <c r="T78" s="16">
        <v>10230</v>
      </c>
      <c r="U78" s="16">
        <v>3150</v>
      </c>
      <c r="V78" s="16">
        <v>4556</v>
      </c>
      <c r="W78" s="16">
        <v>124</v>
      </c>
      <c r="X78" s="16">
        <v>1421</v>
      </c>
      <c r="Y78" s="16">
        <v>1352</v>
      </c>
      <c r="Z78" s="16">
        <v>13716</v>
      </c>
      <c r="AA78" s="22" t="s">
        <v>268</v>
      </c>
      <c r="AB78" s="16">
        <v>52253</v>
      </c>
      <c r="AC78" s="16">
        <v>263600</v>
      </c>
      <c r="AD78" s="16">
        <v>13716</v>
      </c>
    </row>
    <row r="79" spans="1:30">
      <c r="A79" s="21" t="s">
        <v>232</v>
      </c>
      <c r="B79" s="21" t="s">
        <v>233</v>
      </c>
      <c r="C79" s="21" t="s">
        <v>262</v>
      </c>
      <c r="D79" s="21" t="s">
        <v>216</v>
      </c>
      <c r="E79" s="21" t="s">
        <v>467</v>
      </c>
      <c r="F79" s="21" t="s">
        <v>420</v>
      </c>
      <c r="G79" s="16">
        <v>93300</v>
      </c>
      <c r="H79" s="16">
        <v>88482</v>
      </c>
      <c r="I79" s="16">
        <v>63747</v>
      </c>
      <c r="J79" s="16">
        <v>44919</v>
      </c>
      <c r="K79" s="16">
        <v>14394</v>
      </c>
      <c r="L79" s="16">
        <v>3</v>
      </c>
      <c r="M79" s="16">
        <v>4431</v>
      </c>
      <c r="N79" s="16">
        <v>24735</v>
      </c>
      <c r="O79" s="16">
        <v>8553</v>
      </c>
      <c r="P79" s="16">
        <v>2501</v>
      </c>
      <c r="Q79" s="16">
        <v>6199</v>
      </c>
      <c r="R79" s="16">
        <v>1497</v>
      </c>
      <c r="S79" s="16">
        <v>638</v>
      </c>
      <c r="T79" s="16">
        <v>1962</v>
      </c>
      <c r="U79" s="16">
        <v>1019</v>
      </c>
      <c r="V79" s="16">
        <v>1754</v>
      </c>
      <c r="W79" s="16">
        <v>46</v>
      </c>
      <c r="X79" s="16">
        <v>566</v>
      </c>
      <c r="Y79" s="16">
        <v>374</v>
      </c>
      <c r="Z79" s="16">
        <v>4444</v>
      </c>
      <c r="AA79" s="22" t="s">
        <v>268</v>
      </c>
      <c r="AB79" s="16">
        <v>12554</v>
      </c>
      <c r="AC79" s="16">
        <v>44869</v>
      </c>
      <c r="AD79" s="16">
        <v>4444</v>
      </c>
    </row>
    <row r="80" spans="1:30">
      <c r="A80" s="21" t="s">
        <v>232</v>
      </c>
      <c r="B80" s="21" t="s">
        <v>233</v>
      </c>
      <c r="C80" s="21" t="s">
        <v>262</v>
      </c>
      <c r="D80" s="21" t="s">
        <v>216</v>
      </c>
      <c r="E80" s="21" t="s">
        <v>467</v>
      </c>
      <c r="F80" s="21" t="s">
        <v>421</v>
      </c>
      <c r="G80" s="16">
        <v>7721</v>
      </c>
      <c r="H80" s="16">
        <v>7252</v>
      </c>
      <c r="I80" s="16">
        <v>4460</v>
      </c>
      <c r="J80" s="16">
        <v>2663</v>
      </c>
      <c r="K80" s="16">
        <v>944</v>
      </c>
      <c r="L80" s="22" t="s">
        <v>268</v>
      </c>
      <c r="M80" s="16">
        <v>853</v>
      </c>
      <c r="N80" s="16">
        <v>2792</v>
      </c>
      <c r="O80" s="16">
        <v>729</v>
      </c>
      <c r="P80" s="16">
        <v>715</v>
      </c>
      <c r="Q80" s="16">
        <v>398</v>
      </c>
      <c r="R80" s="16">
        <v>326</v>
      </c>
      <c r="S80" s="16">
        <v>35</v>
      </c>
      <c r="T80" s="16">
        <v>145</v>
      </c>
      <c r="U80" s="16">
        <v>109</v>
      </c>
      <c r="V80" s="16">
        <v>228</v>
      </c>
      <c r="W80" s="16">
        <v>4</v>
      </c>
      <c r="X80" s="16">
        <v>103</v>
      </c>
      <c r="Y80" s="16">
        <v>61</v>
      </c>
      <c r="Z80" s="16">
        <v>408</v>
      </c>
      <c r="AA80" s="22" t="s">
        <v>268</v>
      </c>
      <c r="AB80" s="16">
        <v>1256</v>
      </c>
      <c r="AC80" s="16">
        <v>2662</v>
      </c>
      <c r="AD80" s="16">
        <v>408</v>
      </c>
    </row>
    <row r="81" spans="1:30">
      <c r="A81" s="21" t="s">
        <v>232</v>
      </c>
      <c r="B81" s="21" t="s">
        <v>233</v>
      </c>
      <c r="C81" s="21" t="s">
        <v>262</v>
      </c>
      <c r="D81" s="21" t="s">
        <v>216</v>
      </c>
      <c r="E81" s="21" t="s">
        <v>467</v>
      </c>
      <c r="F81" s="21" t="s">
        <v>422</v>
      </c>
      <c r="G81" s="16">
        <v>622</v>
      </c>
      <c r="H81" s="16">
        <v>590</v>
      </c>
      <c r="I81" s="16">
        <v>316</v>
      </c>
      <c r="J81" s="16">
        <v>145</v>
      </c>
      <c r="K81" s="16">
        <v>53</v>
      </c>
      <c r="L81" s="22" t="s">
        <v>268</v>
      </c>
      <c r="M81" s="16">
        <v>118</v>
      </c>
      <c r="N81" s="16">
        <v>274</v>
      </c>
      <c r="O81" s="16">
        <v>24</v>
      </c>
      <c r="P81" s="16">
        <v>124</v>
      </c>
      <c r="Q81" s="16">
        <v>14</v>
      </c>
      <c r="R81" s="16">
        <v>39</v>
      </c>
      <c r="S81" s="16">
        <v>7</v>
      </c>
      <c r="T81" s="16">
        <v>9</v>
      </c>
      <c r="U81" s="16">
        <v>12</v>
      </c>
      <c r="V81" s="16">
        <v>23</v>
      </c>
      <c r="W81" s="16">
        <v>1</v>
      </c>
      <c r="X81" s="16">
        <v>21</v>
      </c>
      <c r="Y81" s="16">
        <v>5</v>
      </c>
      <c r="Z81" s="16">
        <v>27</v>
      </c>
      <c r="AA81" s="22" t="s">
        <v>268</v>
      </c>
      <c r="AB81" s="16">
        <v>112</v>
      </c>
      <c r="AC81" s="16">
        <v>145</v>
      </c>
      <c r="AD81" s="16">
        <v>27</v>
      </c>
    </row>
    <row r="82" spans="1:30">
      <c r="A82" s="21" t="s">
        <v>232</v>
      </c>
      <c r="B82" s="21" t="s">
        <v>233</v>
      </c>
      <c r="C82" s="21" t="s">
        <v>262</v>
      </c>
      <c r="D82" s="21" t="s">
        <v>216</v>
      </c>
      <c r="E82" s="21" t="s">
        <v>467</v>
      </c>
      <c r="F82" s="21" t="s">
        <v>423</v>
      </c>
      <c r="G82" s="22" t="s">
        <v>268</v>
      </c>
      <c r="H82" s="22" t="s">
        <v>268</v>
      </c>
      <c r="I82" s="22" t="s">
        <v>268</v>
      </c>
      <c r="J82" s="22" t="s">
        <v>268</v>
      </c>
      <c r="K82" s="22" t="s">
        <v>268</v>
      </c>
      <c r="L82" s="22" t="s">
        <v>268</v>
      </c>
      <c r="M82" s="22" t="s">
        <v>268</v>
      </c>
      <c r="N82" s="22" t="s">
        <v>268</v>
      </c>
      <c r="O82" s="22" t="s">
        <v>268</v>
      </c>
      <c r="P82" s="22" t="s">
        <v>268</v>
      </c>
      <c r="Q82" s="22" t="s">
        <v>268</v>
      </c>
      <c r="R82" s="22" t="s">
        <v>268</v>
      </c>
      <c r="S82" s="22" t="s">
        <v>268</v>
      </c>
      <c r="T82" s="22" t="s">
        <v>268</v>
      </c>
      <c r="U82" s="22" t="s">
        <v>268</v>
      </c>
      <c r="V82" s="22" t="s">
        <v>268</v>
      </c>
      <c r="W82" s="22" t="s">
        <v>268</v>
      </c>
      <c r="X82" s="22" t="s">
        <v>268</v>
      </c>
      <c r="Y82" s="22" t="s">
        <v>268</v>
      </c>
      <c r="Z82" s="22" t="s">
        <v>268</v>
      </c>
      <c r="AA82" s="22" t="s">
        <v>268</v>
      </c>
      <c r="AB82" s="22" t="s">
        <v>268</v>
      </c>
      <c r="AC82" s="22" t="s">
        <v>268</v>
      </c>
      <c r="AD82" s="22" t="s">
        <v>268</v>
      </c>
    </row>
    <row r="83" spans="1:30">
      <c r="A83" s="21" t="s">
        <v>232</v>
      </c>
      <c r="B83" s="21" t="s">
        <v>233</v>
      </c>
      <c r="C83" s="21" t="s">
        <v>262</v>
      </c>
      <c r="D83" s="21" t="s">
        <v>216</v>
      </c>
      <c r="E83" s="21" t="s">
        <v>467</v>
      </c>
      <c r="F83" s="21" t="s">
        <v>386</v>
      </c>
      <c r="G83" s="22" t="s">
        <v>268</v>
      </c>
      <c r="H83" s="22" t="s">
        <v>268</v>
      </c>
      <c r="I83" s="22" t="s">
        <v>268</v>
      </c>
      <c r="J83" s="22" t="s">
        <v>268</v>
      </c>
      <c r="K83" s="22" t="s">
        <v>268</v>
      </c>
      <c r="L83" s="22" t="s">
        <v>268</v>
      </c>
      <c r="M83" s="22" t="s">
        <v>268</v>
      </c>
      <c r="N83" s="22" t="s">
        <v>268</v>
      </c>
      <c r="O83" s="22" t="s">
        <v>268</v>
      </c>
      <c r="P83" s="22" t="s">
        <v>268</v>
      </c>
      <c r="Q83" s="22" t="s">
        <v>268</v>
      </c>
      <c r="R83" s="22" t="s">
        <v>268</v>
      </c>
      <c r="S83" s="22" t="s">
        <v>268</v>
      </c>
      <c r="T83" s="22" t="s">
        <v>268</v>
      </c>
      <c r="U83" s="22" t="s">
        <v>268</v>
      </c>
      <c r="V83" s="22" t="s">
        <v>268</v>
      </c>
      <c r="W83" s="22" t="s">
        <v>268</v>
      </c>
      <c r="X83" s="22" t="s">
        <v>268</v>
      </c>
      <c r="Y83" s="22" t="s">
        <v>268</v>
      </c>
      <c r="Z83" s="22" t="s">
        <v>268</v>
      </c>
      <c r="AA83" s="22" t="s">
        <v>268</v>
      </c>
      <c r="AB83" s="22" t="s">
        <v>268</v>
      </c>
      <c r="AC83" s="22" t="s">
        <v>268</v>
      </c>
      <c r="AD83" s="22" t="s">
        <v>268</v>
      </c>
    </row>
    <row r="84" spans="1:30">
      <c r="A84" s="21" t="s">
        <v>232</v>
      </c>
      <c r="B84" s="21" t="s">
        <v>233</v>
      </c>
      <c r="C84" s="21" t="s">
        <v>262</v>
      </c>
      <c r="D84" s="21" t="s">
        <v>216</v>
      </c>
      <c r="E84" s="21" t="s">
        <v>467</v>
      </c>
      <c r="F84" s="21" t="s">
        <v>387</v>
      </c>
      <c r="G84" s="16">
        <v>20201057</v>
      </c>
      <c r="H84" s="16">
        <v>19919040</v>
      </c>
      <c r="I84" s="16">
        <v>17298567</v>
      </c>
      <c r="J84" s="16">
        <v>5212616</v>
      </c>
      <c r="K84" s="16">
        <v>11534473</v>
      </c>
      <c r="L84" s="16">
        <v>8142</v>
      </c>
      <c r="M84" s="16">
        <v>543336</v>
      </c>
      <c r="N84" s="16">
        <v>2620473</v>
      </c>
      <c r="O84" s="16">
        <v>164338</v>
      </c>
      <c r="P84" s="16">
        <v>458616</v>
      </c>
      <c r="Q84" s="16">
        <v>563053</v>
      </c>
      <c r="R84" s="16">
        <v>850740</v>
      </c>
      <c r="S84" s="16">
        <v>36612</v>
      </c>
      <c r="T84" s="16">
        <v>170378</v>
      </c>
      <c r="U84" s="16">
        <v>79463</v>
      </c>
      <c r="V84" s="16">
        <v>235589</v>
      </c>
      <c r="W84" s="16">
        <v>2881</v>
      </c>
      <c r="X84" s="16">
        <v>58803</v>
      </c>
      <c r="Y84" s="16">
        <v>49654</v>
      </c>
      <c r="Z84" s="16">
        <v>232363</v>
      </c>
      <c r="AA84" s="22" t="s">
        <v>268</v>
      </c>
      <c r="AB84" s="16">
        <v>1885456</v>
      </c>
      <c r="AC84" s="16">
        <v>703061</v>
      </c>
      <c r="AD84" s="22" t="s">
        <v>268</v>
      </c>
    </row>
    <row r="85" spans="1:30">
      <c r="A85" s="21" t="s">
        <v>232</v>
      </c>
      <c r="B85" s="21" t="s">
        <v>233</v>
      </c>
      <c r="C85" s="21" t="s">
        <v>262</v>
      </c>
      <c r="D85" s="21" t="s">
        <v>216</v>
      </c>
      <c r="E85" s="21" t="s">
        <v>467</v>
      </c>
      <c r="F85" s="21" t="s">
        <v>388</v>
      </c>
      <c r="G85" s="16">
        <v>9940182</v>
      </c>
      <c r="H85" s="16">
        <v>9790466</v>
      </c>
      <c r="I85" s="16">
        <v>8506778</v>
      </c>
      <c r="J85" s="16">
        <v>5946224</v>
      </c>
      <c r="K85" s="16">
        <v>2453698</v>
      </c>
      <c r="L85" s="16">
        <v>779</v>
      </c>
      <c r="M85" s="16">
        <v>106077</v>
      </c>
      <c r="N85" s="16">
        <v>1283688</v>
      </c>
      <c r="O85" s="16">
        <v>154110</v>
      </c>
      <c r="P85" s="16">
        <v>162816</v>
      </c>
      <c r="Q85" s="16">
        <v>436375</v>
      </c>
      <c r="R85" s="16">
        <v>90951</v>
      </c>
      <c r="S85" s="16">
        <v>74171</v>
      </c>
      <c r="T85" s="16">
        <v>246033</v>
      </c>
      <c r="U85" s="16">
        <v>26652</v>
      </c>
      <c r="V85" s="16">
        <v>74880</v>
      </c>
      <c r="W85" s="16">
        <v>2541</v>
      </c>
      <c r="X85" s="16">
        <v>15159</v>
      </c>
      <c r="Y85" s="16">
        <v>20566</v>
      </c>
      <c r="Z85" s="16">
        <v>129150</v>
      </c>
      <c r="AA85" s="22" t="s">
        <v>268</v>
      </c>
      <c r="AB85" s="16">
        <v>860664</v>
      </c>
      <c r="AC85" s="16">
        <v>5830834</v>
      </c>
      <c r="AD85" s="16">
        <v>129150</v>
      </c>
    </row>
    <row r="86" spans="1:30">
      <c r="A86" s="21" t="s">
        <v>232</v>
      </c>
      <c r="B86" s="21" t="s">
        <v>233</v>
      </c>
      <c r="C86" s="21" t="s">
        <v>262</v>
      </c>
      <c r="D86" s="21" t="s">
        <v>216</v>
      </c>
      <c r="E86" s="21" t="s">
        <v>467</v>
      </c>
      <c r="F86" s="21" t="s">
        <v>389</v>
      </c>
      <c r="G86" s="16">
        <v>3827997</v>
      </c>
      <c r="H86" s="16">
        <v>3756014</v>
      </c>
      <c r="I86" s="16">
        <v>3235621</v>
      </c>
      <c r="J86" s="16">
        <v>2326019</v>
      </c>
      <c r="K86" s="16">
        <v>855734</v>
      </c>
      <c r="L86" s="16">
        <v>89</v>
      </c>
      <c r="M86" s="16">
        <v>53779</v>
      </c>
      <c r="N86" s="16">
        <v>520393</v>
      </c>
      <c r="O86" s="16">
        <v>111873</v>
      </c>
      <c r="P86" s="16">
        <v>15962</v>
      </c>
      <c r="Q86" s="16">
        <v>211282</v>
      </c>
      <c r="R86" s="16">
        <v>13945</v>
      </c>
      <c r="S86" s="16">
        <v>30935</v>
      </c>
      <c r="T86" s="16">
        <v>93451</v>
      </c>
      <c r="U86" s="16">
        <v>13158</v>
      </c>
      <c r="V86" s="16">
        <v>22041</v>
      </c>
      <c r="W86" s="16">
        <v>927</v>
      </c>
      <c r="X86" s="16">
        <v>6819</v>
      </c>
      <c r="Y86" s="16">
        <v>8624</v>
      </c>
      <c r="Z86" s="16">
        <v>63359</v>
      </c>
      <c r="AA86" s="22" t="s">
        <v>268</v>
      </c>
      <c r="AB86" s="16">
        <v>350385</v>
      </c>
      <c r="AC86" s="16">
        <v>2320940</v>
      </c>
      <c r="AD86" s="16">
        <v>63359</v>
      </c>
    </row>
    <row r="87" spans="1:30">
      <c r="A87" s="21" t="s">
        <v>232</v>
      </c>
      <c r="B87" s="21" t="s">
        <v>233</v>
      </c>
      <c r="C87" s="21" t="s">
        <v>262</v>
      </c>
      <c r="D87" s="21" t="s">
        <v>216</v>
      </c>
      <c r="E87" s="21" t="s">
        <v>467</v>
      </c>
      <c r="F87" s="21" t="s">
        <v>390</v>
      </c>
      <c r="G87" s="16">
        <v>568644</v>
      </c>
      <c r="H87" s="16">
        <v>548257</v>
      </c>
      <c r="I87" s="16">
        <v>429691</v>
      </c>
      <c r="J87" s="16">
        <v>311648</v>
      </c>
      <c r="K87" s="16">
        <v>101365</v>
      </c>
      <c r="L87" s="16">
        <v>16</v>
      </c>
      <c r="M87" s="16">
        <v>16662</v>
      </c>
      <c r="N87" s="16">
        <v>118566</v>
      </c>
      <c r="O87" s="16">
        <v>39308</v>
      </c>
      <c r="P87" s="16">
        <v>6881</v>
      </c>
      <c r="Q87" s="16">
        <v>37861</v>
      </c>
      <c r="R87" s="16">
        <v>4978</v>
      </c>
      <c r="S87" s="16">
        <v>4055</v>
      </c>
      <c r="T87" s="16">
        <v>12346</v>
      </c>
      <c r="U87" s="16">
        <v>4290</v>
      </c>
      <c r="V87" s="16">
        <v>6561</v>
      </c>
      <c r="W87" s="16">
        <v>175</v>
      </c>
      <c r="X87" s="16">
        <v>2111</v>
      </c>
      <c r="Y87" s="16">
        <v>1792</v>
      </c>
      <c r="Z87" s="16">
        <v>18595</v>
      </c>
      <c r="AA87" s="22" t="s">
        <v>268</v>
      </c>
      <c r="AB87" s="16">
        <v>66175</v>
      </c>
      <c r="AC87" s="16">
        <v>311276</v>
      </c>
      <c r="AD87" s="16">
        <v>18595</v>
      </c>
    </row>
    <row r="88" spans="1:30">
      <c r="A88" s="21" t="s">
        <v>232</v>
      </c>
      <c r="B88" s="21" t="s">
        <v>233</v>
      </c>
      <c r="C88" s="21" t="s">
        <v>262</v>
      </c>
      <c r="D88" s="21" t="s">
        <v>216</v>
      </c>
      <c r="E88" s="21" t="s">
        <v>467</v>
      </c>
      <c r="F88" s="21" t="s">
        <v>391</v>
      </c>
      <c r="G88" s="16">
        <v>23180467</v>
      </c>
      <c r="H88" s="16">
        <v>22859651</v>
      </c>
      <c r="I88" s="16">
        <v>19826314</v>
      </c>
      <c r="J88" s="16">
        <v>6905985</v>
      </c>
      <c r="K88" s="16">
        <v>12341778</v>
      </c>
      <c r="L88" s="16">
        <v>8506</v>
      </c>
      <c r="M88" s="16">
        <v>570045</v>
      </c>
      <c r="N88" s="16">
        <v>3033337</v>
      </c>
      <c r="O88" s="16">
        <v>183250</v>
      </c>
      <c r="P88" s="16">
        <v>564300</v>
      </c>
      <c r="Q88" s="16">
        <v>659898</v>
      </c>
      <c r="R88" s="16">
        <v>907452</v>
      </c>
      <c r="S88" s="16">
        <v>54903</v>
      </c>
      <c r="T88" s="16">
        <v>241613</v>
      </c>
      <c r="U88" s="16">
        <v>87155</v>
      </c>
      <c r="V88" s="16">
        <v>267959</v>
      </c>
      <c r="W88" s="16">
        <v>3697</v>
      </c>
      <c r="X88" s="16">
        <v>63110</v>
      </c>
      <c r="Y88" s="16">
        <v>55507</v>
      </c>
      <c r="Z88" s="16">
        <v>265309</v>
      </c>
      <c r="AA88" s="22" t="s">
        <v>268</v>
      </c>
      <c r="AB88" s="16">
        <v>2144343</v>
      </c>
      <c r="AC88" s="16">
        <v>2307676</v>
      </c>
      <c r="AD88" s="16">
        <v>33332</v>
      </c>
    </row>
    <row r="89" spans="1:30">
      <c r="A89" s="21" t="s">
        <v>232</v>
      </c>
      <c r="B89" s="21" t="s">
        <v>237</v>
      </c>
      <c r="C89" s="21" t="s">
        <v>264</v>
      </c>
      <c r="D89" s="21" t="s">
        <v>214</v>
      </c>
      <c r="E89" s="21" t="s">
        <v>467</v>
      </c>
      <c r="F89" s="21" t="s">
        <v>401</v>
      </c>
      <c r="G89" s="16">
        <v>834192</v>
      </c>
      <c r="H89" s="16">
        <v>814677</v>
      </c>
      <c r="I89" s="16">
        <v>662655</v>
      </c>
      <c r="J89" s="16">
        <v>298656</v>
      </c>
      <c r="K89" s="16">
        <v>351925</v>
      </c>
      <c r="L89" s="16">
        <v>1502</v>
      </c>
      <c r="M89" s="16">
        <v>10572</v>
      </c>
      <c r="N89" s="16">
        <v>152022</v>
      </c>
      <c r="O89" s="16">
        <v>14296</v>
      </c>
      <c r="P89" s="16">
        <v>24269</v>
      </c>
      <c r="Q89" s="16">
        <v>39423</v>
      </c>
      <c r="R89" s="16">
        <v>30753</v>
      </c>
      <c r="S89" s="16">
        <v>4516</v>
      </c>
      <c r="T89" s="16">
        <v>16000</v>
      </c>
      <c r="U89" s="16">
        <v>5247</v>
      </c>
      <c r="V89" s="16">
        <v>15334</v>
      </c>
      <c r="W89" s="16">
        <v>257</v>
      </c>
      <c r="X89" s="16">
        <v>1927</v>
      </c>
      <c r="Y89" s="16">
        <v>1965</v>
      </c>
      <c r="Z89" s="16">
        <v>17550</v>
      </c>
      <c r="AA89" s="22" t="s">
        <v>268</v>
      </c>
      <c r="AB89" s="16">
        <v>104649</v>
      </c>
      <c r="AC89" s="16">
        <v>188350</v>
      </c>
      <c r="AD89" s="16">
        <v>5107</v>
      </c>
    </row>
    <row r="90" spans="1:30">
      <c r="A90" s="21" t="s">
        <v>232</v>
      </c>
      <c r="B90" s="21" t="s">
        <v>237</v>
      </c>
      <c r="C90" s="21" t="s">
        <v>264</v>
      </c>
      <c r="D90" s="21" t="s">
        <v>214</v>
      </c>
      <c r="E90" s="21" t="s">
        <v>467</v>
      </c>
      <c r="F90" s="21" t="s">
        <v>405</v>
      </c>
      <c r="G90" s="16">
        <v>242</v>
      </c>
      <c r="H90" s="16">
        <v>218</v>
      </c>
      <c r="I90" s="16">
        <v>142</v>
      </c>
      <c r="J90" s="16">
        <v>45</v>
      </c>
      <c r="K90" s="16">
        <v>77</v>
      </c>
      <c r="L90" s="16">
        <v>2</v>
      </c>
      <c r="M90" s="16">
        <v>18</v>
      </c>
      <c r="N90" s="16">
        <v>76</v>
      </c>
      <c r="O90" s="16">
        <v>2</v>
      </c>
      <c r="P90" s="16">
        <v>4</v>
      </c>
      <c r="Q90" s="16">
        <v>7</v>
      </c>
      <c r="R90" s="16">
        <v>6</v>
      </c>
      <c r="S90" s="16">
        <v>2</v>
      </c>
      <c r="T90" s="16">
        <v>7</v>
      </c>
      <c r="U90" s="16">
        <v>10</v>
      </c>
      <c r="V90" s="16">
        <v>34</v>
      </c>
      <c r="W90" s="22" t="s">
        <v>268</v>
      </c>
      <c r="X90" s="16">
        <v>4</v>
      </c>
      <c r="Y90" s="22" t="s">
        <v>268</v>
      </c>
      <c r="Z90" s="16">
        <v>24</v>
      </c>
      <c r="AA90" s="22" t="s">
        <v>268</v>
      </c>
      <c r="AB90" s="16">
        <v>62</v>
      </c>
      <c r="AC90" s="22" t="s">
        <v>268</v>
      </c>
      <c r="AD90" s="22" t="s">
        <v>268</v>
      </c>
    </row>
    <row r="91" spans="1:30">
      <c r="A91" s="21" t="s">
        <v>232</v>
      </c>
      <c r="B91" s="21" t="s">
        <v>237</v>
      </c>
      <c r="C91" s="21" t="s">
        <v>264</v>
      </c>
      <c r="D91" s="21" t="s">
        <v>214</v>
      </c>
      <c r="E91" s="21" t="s">
        <v>467</v>
      </c>
      <c r="F91" s="21" t="s">
        <v>406</v>
      </c>
      <c r="G91" s="16">
        <v>5181</v>
      </c>
      <c r="H91" s="16">
        <v>4984</v>
      </c>
      <c r="I91" s="16">
        <v>3982</v>
      </c>
      <c r="J91" s="16">
        <v>1378</v>
      </c>
      <c r="K91" s="16">
        <v>2518</v>
      </c>
      <c r="L91" s="16">
        <v>10</v>
      </c>
      <c r="M91" s="16">
        <v>76</v>
      </c>
      <c r="N91" s="16">
        <v>1002</v>
      </c>
      <c r="O91" s="16">
        <v>54</v>
      </c>
      <c r="P91" s="16">
        <v>27</v>
      </c>
      <c r="Q91" s="16">
        <v>121</v>
      </c>
      <c r="R91" s="16">
        <v>105</v>
      </c>
      <c r="S91" s="16">
        <v>44</v>
      </c>
      <c r="T91" s="16">
        <v>68</v>
      </c>
      <c r="U91" s="16">
        <v>198</v>
      </c>
      <c r="V91" s="16">
        <v>337</v>
      </c>
      <c r="W91" s="16">
        <v>3</v>
      </c>
      <c r="X91" s="16">
        <v>45</v>
      </c>
      <c r="Y91" s="16">
        <v>31</v>
      </c>
      <c r="Z91" s="16">
        <v>166</v>
      </c>
      <c r="AA91" s="22" t="s">
        <v>268</v>
      </c>
      <c r="AB91" s="16">
        <v>813</v>
      </c>
      <c r="AC91" s="22" t="s">
        <v>268</v>
      </c>
      <c r="AD91" s="22" t="s">
        <v>268</v>
      </c>
    </row>
    <row r="92" spans="1:30">
      <c r="A92" s="21" t="s">
        <v>232</v>
      </c>
      <c r="B92" s="21" t="s">
        <v>237</v>
      </c>
      <c r="C92" s="21" t="s">
        <v>264</v>
      </c>
      <c r="D92" s="21" t="s">
        <v>214</v>
      </c>
      <c r="E92" s="21" t="s">
        <v>467</v>
      </c>
      <c r="F92" s="21" t="s">
        <v>407</v>
      </c>
      <c r="G92" s="16">
        <v>23732</v>
      </c>
      <c r="H92" s="16">
        <v>22972</v>
      </c>
      <c r="I92" s="16">
        <v>20269</v>
      </c>
      <c r="J92" s="16">
        <v>6926</v>
      </c>
      <c r="K92" s="16">
        <v>13139</v>
      </c>
      <c r="L92" s="16">
        <v>19</v>
      </c>
      <c r="M92" s="16">
        <v>185</v>
      </c>
      <c r="N92" s="16">
        <v>2703</v>
      </c>
      <c r="O92" s="16">
        <v>107</v>
      </c>
      <c r="P92" s="16">
        <v>99</v>
      </c>
      <c r="Q92" s="16">
        <v>507</v>
      </c>
      <c r="R92" s="16">
        <v>458</v>
      </c>
      <c r="S92" s="16">
        <v>91</v>
      </c>
      <c r="T92" s="16">
        <v>146</v>
      </c>
      <c r="U92" s="16">
        <v>377</v>
      </c>
      <c r="V92" s="16">
        <v>830</v>
      </c>
      <c r="W92" s="16">
        <v>4</v>
      </c>
      <c r="X92" s="16">
        <v>84</v>
      </c>
      <c r="Y92" s="16">
        <v>74</v>
      </c>
      <c r="Z92" s="16">
        <v>686</v>
      </c>
      <c r="AA92" s="22" t="s">
        <v>268</v>
      </c>
      <c r="AB92" s="16">
        <v>2301</v>
      </c>
      <c r="AC92" s="22" t="s">
        <v>268</v>
      </c>
      <c r="AD92" s="22" t="s">
        <v>268</v>
      </c>
    </row>
    <row r="93" spans="1:30">
      <c r="A93" s="21" t="s">
        <v>232</v>
      </c>
      <c r="B93" s="21" t="s">
        <v>237</v>
      </c>
      <c r="C93" s="21" t="s">
        <v>264</v>
      </c>
      <c r="D93" s="21" t="s">
        <v>214</v>
      </c>
      <c r="E93" s="21" t="s">
        <v>467</v>
      </c>
      <c r="F93" s="21" t="s">
        <v>408</v>
      </c>
      <c r="G93" s="16">
        <v>46396</v>
      </c>
      <c r="H93" s="16">
        <v>45274</v>
      </c>
      <c r="I93" s="16">
        <v>40184</v>
      </c>
      <c r="J93" s="16">
        <v>7593</v>
      </c>
      <c r="K93" s="16">
        <v>32099</v>
      </c>
      <c r="L93" s="16">
        <v>21</v>
      </c>
      <c r="M93" s="16">
        <v>471</v>
      </c>
      <c r="N93" s="16">
        <v>5090</v>
      </c>
      <c r="O93" s="16">
        <v>178</v>
      </c>
      <c r="P93" s="16">
        <v>170</v>
      </c>
      <c r="Q93" s="16">
        <v>1427</v>
      </c>
      <c r="R93" s="16">
        <v>1044</v>
      </c>
      <c r="S93" s="16">
        <v>101</v>
      </c>
      <c r="T93" s="16">
        <v>276</v>
      </c>
      <c r="U93" s="16">
        <v>442</v>
      </c>
      <c r="V93" s="16">
        <v>1354</v>
      </c>
      <c r="W93" s="16">
        <v>12</v>
      </c>
      <c r="X93" s="16">
        <v>86</v>
      </c>
      <c r="Y93" s="16">
        <v>104</v>
      </c>
      <c r="Z93" s="16">
        <v>1018</v>
      </c>
      <c r="AA93" s="22" t="s">
        <v>268</v>
      </c>
      <c r="AB93" s="16">
        <v>4504</v>
      </c>
      <c r="AC93" s="22" t="s">
        <v>268</v>
      </c>
      <c r="AD93" s="22" t="s">
        <v>268</v>
      </c>
    </row>
    <row r="94" spans="1:30">
      <c r="A94" s="21" t="s">
        <v>232</v>
      </c>
      <c r="B94" s="21" t="s">
        <v>237</v>
      </c>
      <c r="C94" s="21" t="s">
        <v>264</v>
      </c>
      <c r="D94" s="21" t="s">
        <v>214</v>
      </c>
      <c r="E94" s="21" t="s">
        <v>467</v>
      </c>
      <c r="F94" s="21" t="s">
        <v>409</v>
      </c>
      <c r="G94" s="16">
        <v>62632</v>
      </c>
      <c r="H94" s="16">
        <v>61503</v>
      </c>
      <c r="I94" s="16">
        <v>53423</v>
      </c>
      <c r="J94" s="16">
        <v>6398</v>
      </c>
      <c r="K94" s="16">
        <v>46137</v>
      </c>
      <c r="L94" s="16">
        <v>47</v>
      </c>
      <c r="M94" s="16">
        <v>841</v>
      </c>
      <c r="N94" s="16">
        <v>8080</v>
      </c>
      <c r="O94" s="16">
        <v>264</v>
      </c>
      <c r="P94" s="16">
        <v>307</v>
      </c>
      <c r="Q94" s="16">
        <v>2764</v>
      </c>
      <c r="R94" s="16">
        <v>2039</v>
      </c>
      <c r="S94" s="16">
        <v>69</v>
      </c>
      <c r="T94" s="16">
        <v>440</v>
      </c>
      <c r="U94" s="16">
        <v>382</v>
      </c>
      <c r="V94" s="16">
        <v>1672</v>
      </c>
      <c r="W94" s="16">
        <v>5</v>
      </c>
      <c r="X94" s="16">
        <v>138</v>
      </c>
      <c r="Y94" s="16">
        <v>124</v>
      </c>
      <c r="Z94" s="16">
        <v>1005</v>
      </c>
      <c r="AA94" s="22" t="s">
        <v>268</v>
      </c>
      <c r="AB94" s="16">
        <v>7267</v>
      </c>
      <c r="AC94" s="22" t="s">
        <v>268</v>
      </c>
      <c r="AD94" s="22" t="s">
        <v>268</v>
      </c>
    </row>
    <row r="95" spans="1:30">
      <c r="A95" s="21" t="s">
        <v>232</v>
      </c>
      <c r="B95" s="21" t="s">
        <v>237</v>
      </c>
      <c r="C95" s="21" t="s">
        <v>264</v>
      </c>
      <c r="D95" s="21" t="s">
        <v>214</v>
      </c>
      <c r="E95" s="21" t="s">
        <v>467</v>
      </c>
      <c r="F95" s="21" t="s">
        <v>410</v>
      </c>
      <c r="G95" s="16">
        <v>71405</v>
      </c>
      <c r="H95" s="16">
        <v>70038</v>
      </c>
      <c r="I95" s="16">
        <v>59645</v>
      </c>
      <c r="J95" s="16">
        <v>6635</v>
      </c>
      <c r="K95" s="16">
        <v>51585</v>
      </c>
      <c r="L95" s="16">
        <v>89</v>
      </c>
      <c r="M95" s="16">
        <v>1336</v>
      </c>
      <c r="N95" s="16">
        <v>10393</v>
      </c>
      <c r="O95" s="16">
        <v>361</v>
      </c>
      <c r="P95" s="16">
        <v>444</v>
      </c>
      <c r="Q95" s="16">
        <v>3945</v>
      </c>
      <c r="R95" s="16">
        <v>3196</v>
      </c>
      <c r="S95" s="16">
        <v>77</v>
      </c>
      <c r="T95" s="16">
        <v>452</v>
      </c>
      <c r="U95" s="16">
        <v>280</v>
      </c>
      <c r="V95" s="16">
        <v>1456</v>
      </c>
      <c r="W95" s="16">
        <v>6</v>
      </c>
      <c r="X95" s="16">
        <v>176</v>
      </c>
      <c r="Y95" s="16">
        <v>165</v>
      </c>
      <c r="Z95" s="16">
        <v>1202</v>
      </c>
      <c r="AA95" s="22" t="s">
        <v>268</v>
      </c>
      <c r="AB95" s="16">
        <v>9304</v>
      </c>
      <c r="AC95" s="22" t="s">
        <v>268</v>
      </c>
      <c r="AD95" s="22" t="s">
        <v>268</v>
      </c>
    </row>
    <row r="96" spans="1:30">
      <c r="A96" s="21" t="s">
        <v>232</v>
      </c>
      <c r="B96" s="21" t="s">
        <v>237</v>
      </c>
      <c r="C96" s="21" t="s">
        <v>264</v>
      </c>
      <c r="D96" s="21" t="s">
        <v>214</v>
      </c>
      <c r="E96" s="21" t="s">
        <v>467</v>
      </c>
      <c r="F96" s="21" t="s">
        <v>411</v>
      </c>
      <c r="G96" s="16">
        <v>74946</v>
      </c>
      <c r="H96" s="16">
        <v>72899</v>
      </c>
      <c r="I96" s="16">
        <v>60244</v>
      </c>
      <c r="J96" s="16">
        <v>10165</v>
      </c>
      <c r="K96" s="16">
        <v>48027</v>
      </c>
      <c r="L96" s="16">
        <v>135</v>
      </c>
      <c r="M96" s="16">
        <v>1917</v>
      </c>
      <c r="N96" s="16">
        <v>12655</v>
      </c>
      <c r="O96" s="16">
        <v>820</v>
      </c>
      <c r="P96" s="16">
        <v>981</v>
      </c>
      <c r="Q96" s="16">
        <v>4258</v>
      </c>
      <c r="R96" s="16">
        <v>4273</v>
      </c>
      <c r="S96" s="16">
        <v>106</v>
      </c>
      <c r="T96" s="16">
        <v>511</v>
      </c>
      <c r="U96" s="16">
        <v>341</v>
      </c>
      <c r="V96" s="16">
        <v>1150</v>
      </c>
      <c r="W96" s="16">
        <v>12</v>
      </c>
      <c r="X96" s="16">
        <v>203</v>
      </c>
      <c r="Y96" s="16">
        <v>175</v>
      </c>
      <c r="Z96" s="16">
        <v>1872</v>
      </c>
      <c r="AA96" s="22" t="s">
        <v>268</v>
      </c>
      <c r="AB96" s="16">
        <v>10464</v>
      </c>
      <c r="AC96" s="22" t="s">
        <v>268</v>
      </c>
      <c r="AD96" s="22" t="s">
        <v>268</v>
      </c>
    </row>
    <row r="97" spans="1:30">
      <c r="A97" s="21" t="s">
        <v>232</v>
      </c>
      <c r="B97" s="21" t="s">
        <v>237</v>
      </c>
      <c r="C97" s="21" t="s">
        <v>264</v>
      </c>
      <c r="D97" s="21" t="s">
        <v>214</v>
      </c>
      <c r="E97" s="21" t="s">
        <v>467</v>
      </c>
      <c r="F97" s="21" t="s">
        <v>412</v>
      </c>
      <c r="G97" s="16">
        <v>68365</v>
      </c>
      <c r="H97" s="16">
        <v>65913</v>
      </c>
      <c r="I97" s="16">
        <v>51028</v>
      </c>
      <c r="J97" s="16">
        <v>15244</v>
      </c>
      <c r="K97" s="16">
        <v>33884</v>
      </c>
      <c r="L97" s="16">
        <v>164</v>
      </c>
      <c r="M97" s="16">
        <v>1736</v>
      </c>
      <c r="N97" s="16">
        <v>14885</v>
      </c>
      <c r="O97" s="16">
        <v>1408</v>
      </c>
      <c r="P97" s="16">
        <v>2325</v>
      </c>
      <c r="Q97" s="16">
        <v>3563</v>
      </c>
      <c r="R97" s="16">
        <v>5095</v>
      </c>
      <c r="S97" s="16">
        <v>109</v>
      </c>
      <c r="T97" s="16">
        <v>652</v>
      </c>
      <c r="U97" s="16">
        <v>455</v>
      </c>
      <c r="V97" s="16">
        <v>1012</v>
      </c>
      <c r="W97" s="16">
        <v>8</v>
      </c>
      <c r="X97" s="16">
        <v>258</v>
      </c>
      <c r="Y97" s="16">
        <v>183</v>
      </c>
      <c r="Z97" s="16">
        <v>2269</v>
      </c>
      <c r="AA97" s="22" t="s">
        <v>268</v>
      </c>
      <c r="AB97" s="16">
        <v>10646</v>
      </c>
      <c r="AC97" s="22" t="s">
        <v>268</v>
      </c>
      <c r="AD97" s="22" t="s">
        <v>268</v>
      </c>
    </row>
    <row r="98" spans="1:30">
      <c r="A98" s="21" t="s">
        <v>232</v>
      </c>
      <c r="B98" s="21" t="s">
        <v>237</v>
      </c>
      <c r="C98" s="21" t="s">
        <v>264</v>
      </c>
      <c r="D98" s="21" t="s">
        <v>214</v>
      </c>
      <c r="E98" s="21" t="s">
        <v>467</v>
      </c>
      <c r="F98" s="21" t="s">
        <v>413</v>
      </c>
      <c r="G98" s="16">
        <v>74932</v>
      </c>
      <c r="H98" s="16">
        <v>72215</v>
      </c>
      <c r="I98" s="16">
        <v>53111</v>
      </c>
      <c r="J98" s="16">
        <v>24685</v>
      </c>
      <c r="K98" s="16">
        <v>26929</v>
      </c>
      <c r="L98" s="16">
        <v>167</v>
      </c>
      <c r="M98" s="16">
        <v>1330</v>
      </c>
      <c r="N98" s="16">
        <v>19104</v>
      </c>
      <c r="O98" s="16">
        <v>2088</v>
      </c>
      <c r="P98" s="16">
        <v>5080</v>
      </c>
      <c r="Q98" s="16">
        <v>2813</v>
      </c>
      <c r="R98" s="16">
        <v>5708</v>
      </c>
      <c r="S98" s="16">
        <v>189</v>
      </c>
      <c r="T98" s="16">
        <v>966</v>
      </c>
      <c r="U98" s="16">
        <v>595</v>
      </c>
      <c r="V98" s="16">
        <v>1379</v>
      </c>
      <c r="W98" s="16">
        <v>19</v>
      </c>
      <c r="X98" s="16">
        <v>267</v>
      </c>
      <c r="Y98" s="16">
        <v>193</v>
      </c>
      <c r="Z98" s="16">
        <v>2524</v>
      </c>
      <c r="AA98" s="22" t="s">
        <v>268</v>
      </c>
      <c r="AB98" s="16">
        <v>11209</v>
      </c>
      <c r="AC98" s="22" t="s">
        <v>268</v>
      </c>
      <c r="AD98" s="22" t="s">
        <v>268</v>
      </c>
    </row>
    <row r="99" spans="1:30">
      <c r="A99" s="21" t="s">
        <v>232</v>
      </c>
      <c r="B99" s="21" t="s">
        <v>237</v>
      </c>
      <c r="C99" s="21" t="s">
        <v>264</v>
      </c>
      <c r="D99" s="21" t="s">
        <v>214</v>
      </c>
      <c r="E99" s="21" t="s">
        <v>467</v>
      </c>
      <c r="F99" s="21" t="s">
        <v>414</v>
      </c>
      <c r="G99" s="16">
        <v>84079</v>
      </c>
      <c r="H99" s="16">
        <v>82201</v>
      </c>
      <c r="I99" s="16">
        <v>61945</v>
      </c>
      <c r="J99" s="16">
        <v>37393</v>
      </c>
      <c r="K99" s="16">
        <v>23554</v>
      </c>
      <c r="L99" s="16">
        <v>174</v>
      </c>
      <c r="M99" s="16">
        <v>824</v>
      </c>
      <c r="N99" s="16">
        <v>20256</v>
      </c>
      <c r="O99" s="16">
        <v>1560</v>
      </c>
      <c r="P99" s="16">
        <v>6608</v>
      </c>
      <c r="Q99" s="16">
        <v>2508</v>
      </c>
      <c r="R99" s="16">
        <v>4667</v>
      </c>
      <c r="S99" s="16">
        <v>422</v>
      </c>
      <c r="T99" s="16">
        <v>1885</v>
      </c>
      <c r="U99" s="16">
        <v>614</v>
      </c>
      <c r="V99" s="16">
        <v>1787</v>
      </c>
      <c r="W99" s="16">
        <v>40</v>
      </c>
      <c r="X99" s="16">
        <v>165</v>
      </c>
      <c r="Y99" s="16">
        <v>201</v>
      </c>
      <c r="Z99" s="16">
        <v>1677</v>
      </c>
      <c r="AA99" s="22" t="s">
        <v>268</v>
      </c>
      <c r="AB99" s="16">
        <v>11071</v>
      </c>
      <c r="AC99" s="16">
        <v>10804</v>
      </c>
      <c r="AD99" s="22" t="s">
        <v>268</v>
      </c>
    </row>
    <row r="100" spans="1:30">
      <c r="A100" s="21" t="s">
        <v>232</v>
      </c>
      <c r="B100" s="21" t="s">
        <v>237</v>
      </c>
      <c r="C100" s="21" t="s">
        <v>264</v>
      </c>
      <c r="D100" s="21" t="s">
        <v>214</v>
      </c>
      <c r="E100" s="21" t="s">
        <v>467</v>
      </c>
      <c r="F100" s="21" t="s">
        <v>415</v>
      </c>
      <c r="G100" s="16">
        <v>94774</v>
      </c>
      <c r="H100" s="16">
        <v>93232</v>
      </c>
      <c r="I100" s="16">
        <v>74723</v>
      </c>
      <c r="J100" s="16">
        <v>50788</v>
      </c>
      <c r="K100" s="16">
        <v>23252</v>
      </c>
      <c r="L100" s="16">
        <v>144</v>
      </c>
      <c r="M100" s="16">
        <v>539</v>
      </c>
      <c r="N100" s="16">
        <v>18509</v>
      </c>
      <c r="O100" s="16">
        <v>904</v>
      </c>
      <c r="P100" s="16">
        <v>5148</v>
      </c>
      <c r="Q100" s="16">
        <v>3722</v>
      </c>
      <c r="R100" s="16">
        <v>2532</v>
      </c>
      <c r="S100" s="16">
        <v>804</v>
      </c>
      <c r="T100" s="16">
        <v>2997</v>
      </c>
      <c r="U100" s="16">
        <v>448</v>
      </c>
      <c r="V100" s="16">
        <v>1750</v>
      </c>
      <c r="W100" s="16">
        <v>45</v>
      </c>
      <c r="X100" s="16">
        <v>159</v>
      </c>
      <c r="Y100" s="16">
        <v>190</v>
      </c>
      <c r="Z100" s="16">
        <v>1352</v>
      </c>
      <c r="AA100" s="22" t="s">
        <v>268</v>
      </c>
      <c r="AB100" s="16">
        <v>11059</v>
      </c>
      <c r="AC100" s="16">
        <v>47106</v>
      </c>
      <c r="AD100" s="16">
        <v>1352</v>
      </c>
    </row>
    <row r="101" spans="1:30">
      <c r="A101" s="21" t="s">
        <v>232</v>
      </c>
      <c r="B101" s="21" t="s">
        <v>237</v>
      </c>
      <c r="C101" s="21" t="s">
        <v>264</v>
      </c>
      <c r="D101" s="21" t="s">
        <v>214</v>
      </c>
      <c r="E101" s="21" t="s">
        <v>467</v>
      </c>
      <c r="F101" s="21" t="s">
        <v>416</v>
      </c>
      <c r="G101" s="16">
        <v>91888</v>
      </c>
      <c r="H101" s="16">
        <v>90459</v>
      </c>
      <c r="I101" s="16">
        <v>75910</v>
      </c>
      <c r="J101" s="16">
        <v>54082</v>
      </c>
      <c r="K101" s="16">
        <v>21305</v>
      </c>
      <c r="L101" s="16">
        <v>139</v>
      </c>
      <c r="M101" s="16">
        <v>384</v>
      </c>
      <c r="N101" s="16">
        <v>14549</v>
      </c>
      <c r="O101" s="16">
        <v>787</v>
      </c>
      <c r="P101" s="16">
        <v>2223</v>
      </c>
      <c r="Q101" s="16">
        <v>4615</v>
      </c>
      <c r="R101" s="16">
        <v>1022</v>
      </c>
      <c r="S101" s="16">
        <v>1041</v>
      </c>
      <c r="T101" s="16">
        <v>3292</v>
      </c>
      <c r="U101" s="16">
        <v>304</v>
      </c>
      <c r="V101" s="16">
        <v>1103</v>
      </c>
      <c r="W101" s="16">
        <v>47</v>
      </c>
      <c r="X101" s="16">
        <v>115</v>
      </c>
      <c r="Y101" s="16">
        <v>228</v>
      </c>
      <c r="Z101" s="16">
        <v>1201</v>
      </c>
      <c r="AA101" s="22" t="s">
        <v>268</v>
      </c>
      <c r="AB101" s="16">
        <v>10002</v>
      </c>
      <c r="AC101" s="16">
        <v>53310</v>
      </c>
      <c r="AD101" s="16">
        <v>1201</v>
      </c>
    </row>
    <row r="102" spans="1:30">
      <c r="A102" s="21" t="s">
        <v>232</v>
      </c>
      <c r="B102" s="21" t="s">
        <v>237</v>
      </c>
      <c r="C102" s="21" t="s">
        <v>264</v>
      </c>
      <c r="D102" s="21" t="s">
        <v>214</v>
      </c>
      <c r="E102" s="21" t="s">
        <v>467</v>
      </c>
      <c r="F102" s="21" t="s">
        <v>417</v>
      </c>
      <c r="G102" s="16">
        <v>61018</v>
      </c>
      <c r="H102" s="16">
        <v>60025</v>
      </c>
      <c r="I102" s="16">
        <v>50897</v>
      </c>
      <c r="J102" s="16">
        <v>36603</v>
      </c>
      <c r="K102" s="16">
        <v>13906</v>
      </c>
      <c r="L102" s="16">
        <v>83</v>
      </c>
      <c r="M102" s="16">
        <v>305</v>
      </c>
      <c r="N102" s="16">
        <v>9128</v>
      </c>
      <c r="O102" s="16">
        <v>1157</v>
      </c>
      <c r="P102" s="16">
        <v>395</v>
      </c>
      <c r="Q102" s="16">
        <v>3680</v>
      </c>
      <c r="R102" s="16">
        <v>237</v>
      </c>
      <c r="S102" s="16">
        <v>722</v>
      </c>
      <c r="T102" s="16">
        <v>2105</v>
      </c>
      <c r="U102" s="16">
        <v>230</v>
      </c>
      <c r="V102" s="16">
        <v>509</v>
      </c>
      <c r="W102" s="16">
        <v>24</v>
      </c>
      <c r="X102" s="16">
        <v>69</v>
      </c>
      <c r="Y102" s="16">
        <v>132</v>
      </c>
      <c r="Z102" s="16">
        <v>861</v>
      </c>
      <c r="AA102" s="22" t="s">
        <v>268</v>
      </c>
      <c r="AB102" s="16">
        <v>6558</v>
      </c>
      <c r="AC102" s="16">
        <v>36455</v>
      </c>
      <c r="AD102" s="16">
        <v>861</v>
      </c>
    </row>
    <row r="103" spans="1:30">
      <c r="A103" s="21" t="s">
        <v>232</v>
      </c>
      <c r="B103" s="21" t="s">
        <v>237</v>
      </c>
      <c r="C103" s="21" t="s">
        <v>264</v>
      </c>
      <c r="D103" s="21" t="s">
        <v>214</v>
      </c>
      <c r="E103" s="21" t="s">
        <v>467</v>
      </c>
      <c r="F103" s="21" t="s">
        <v>418</v>
      </c>
      <c r="G103" s="16">
        <v>43878</v>
      </c>
      <c r="H103" s="16">
        <v>42995</v>
      </c>
      <c r="I103" s="16">
        <v>34978</v>
      </c>
      <c r="J103" s="16">
        <v>25116</v>
      </c>
      <c r="K103" s="16">
        <v>9457</v>
      </c>
      <c r="L103" s="16">
        <v>112</v>
      </c>
      <c r="M103" s="16">
        <v>293</v>
      </c>
      <c r="N103" s="16">
        <v>8017</v>
      </c>
      <c r="O103" s="16">
        <v>1909</v>
      </c>
      <c r="P103" s="16">
        <v>156</v>
      </c>
      <c r="Q103" s="16">
        <v>3193</v>
      </c>
      <c r="R103" s="16">
        <v>147</v>
      </c>
      <c r="S103" s="16">
        <v>452</v>
      </c>
      <c r="T103" s="16">
        <v>1393</v>
      </c>
      <c r="U103" s="16">
        <v>259</v>
      </c>
      <c r="V103" s="16">
        <v>425</v>
      </c>
      <c r="W103" s="16">
        <v>15</v>
      </c>
      <c r="X103" s="16">
        <v>68</v>
      </c>
      <c r="Y103" s="16">
        <v>92</v>
      </c>
      <c r="Z103" s="16">
        <v>791</v>
      </c>
      <c r="AA103" s="22" t="s">
        <v>268</v>
      </c>
      <c r="AB103" s="16">
        <v>5289</v>
      </c>
      <c r="AC103" s="16">
        <v>25079</v>
      </c>
      <c r="AD103" s="16">
        <v>791</v>
      </c>
    </row>
    <row r="104" spans="1:30">
      <c r="A104" s="21" t="s">
        <v>232</v>
      </c>
      <c r="B104" s="21" t="s">
        <v>237</v>
      </c>
      <c r="C104" s="21" t="s">
        <v>264</v>
      </c>
      <c r="D104" s="21" t="s">
        <v>214</v>
      </c>
      <c r="E104" s="21" t="s">
        <v>467</v>
      </c>
      <c r="F104" s="21" t="s">
        <v>419</v>
      </c>
      <c r="G104" s="16">
        <v>23382</v>
      </c>
      <c r="H104" s="16">
        <v>22713</v>
      </c>
      <c r="I104" s="16">
        <v>17318</v>
      </c>
      <c r="J104" s="16">
        <v>12222</v>
      </c>
      <c r="K104" s="16">
        <v>4772</v>
      </c>
      <c r="L104" s="16">
        <v>116</v>
      </c>
      <c r="M104" s="16">
        <v>208</v>
      </c>
      <c r="N104" s="16">
        <v>5395</v>
      </c>
      <c r="O104" s="16">
        <v>1830</v>
      </c>
      <c r="P104" s="16">
        <v>154</v>
      </c>
      <c r="Q104" s="16">
        <v>1787</v>
      </c>
      <c r="R104" s="16">
        <v>147</v>
      </c>
      <c r="S104" s="16">
        <v>226</v>
      </c>
      <c r="T104" s="16">
        <v>623</v>
      </c>
      <c r="U104" s="16">
        <v>213</v>
      </c>
      <c r="V104" s="16">
        <v>341</v>
      </c>
      <c r="W104" s="16">
        <v>12</v>
      </c>
      <c r="X104" s="16">
        <v>62</v>
      </c>
      <c r="Y104" s="16">
        <v>54</v>
      </c>
      <c r="Z104" s="16">
        <v>615</v>
      </c>
      <c r="AA104" s="22" t="s">
        <v>268</v>
      </c>
      <c r="AB104" s="16">
        <v>3043</v>
      </c>
      <c r="AC104" s="16">
        <v>12214</v>
      </c>
      <c r="AD104" s="16">
        <v>615</v>
      </c>
    </row>
    <row r="105" spans="1:30">
      <c r="A105" s="21" t="s">
        <v>232</v>
      </c>
      <c r="B105" s="21" t="s">
        <v>237</v>
      </c>
      <c r="C105" s="21" t="s">
        <v>264</v>
      </c>
      <c r="D105" s="21" t="s">
        <v>214</v>
      </c>
      <c r="E105" s="21" t="s">
        <v>467</v>
      </c>
      <c r="F105" s="21" t="s">
        <v>420</v>
      </c>
      <c r="G105" s="16">
        <v>6566</v>
      </c>
      <c r="H105" s="16">
        <v>6305</v>
      </c>
      <c r="I105" s="16">
        <v>4385</v>
      </c>
      <c r="J105" s="16">
        <v>3088</v>
      </c>
      <c r="K105" s="16">
        <v>1152</v>
      </c>
      <c r="L105" s="16">
        <v>68</v>
      </c>
      <c r="M105" s="16">
        <v>77</v>
      </c>
      <c r="N105" s="16">
        <v>1920</v>
      </c>
      <c r="O105" s="16">
        <v>768</v>
      </c>
      <c r="P105" s="16">
        <v>114</v>
      </c>
      <c r="Q105" s="16">
        <v>463</v>
      </c>
      <c r="R105" s="16">
        <v>67</v>
      </c>
      <c r="S105" s="16">
        <v>56</v>
      </c>
      <c r="T105" s="16">
        <v>165</v>
      </c>
      <c r="U105" s="16">
        <v>88</v>
      </c>
      <c r="V105" s="16">
        <v>167</v>
      </c>
      <c r="W105" s="16">
        <v>4</v>
      </c>
      <c r="X105" s="16">
        <v>28</v>
      </c>
      <c r="Y105" s="16">
        <v>15</v>
      </c>
      <c r="Z105" s="16">
        <v>246</v>
      </c>
      <c r="AA105" s="22" t="s">
        <v>268</v>
      </c>
      <c r="AB105" s="16">
        <v>937</v>
      </c>
      <c r="AC105" s="16">
        <v>3087</v>
      </c>
      <c r="AD105" s="16">
        <v>246</v>
      </c>
    </row>
    <row r="106" spans="1:30">
      <c r="A106" s="21" t="s">
        <v>232</v>
      </c>
      <c r="B106" s="21" t="s">
        <v>237</v>
      </c>
      <c r="C106" s="21" t="s">
        <v>264</v>
      </c>
      <c r="D106" s="21" t="s">
        <v>214</v>
      </c>
      <c r="E106" s="21" t="s">
        <v>467</v>
      </c>
      <c r="F106" s="21" t="s">
        <v>421</v>
      </c>
      <c r="G106" s="16">
        <v>725</v>
      </c>
      <c r="H106" s="16">
        <v>682</v>
      </c>
      <c r="I106" s="16">
        <v>443</v>
      </c>
      <c r="J106" s="16">
        <v>276</v>
      </c>
      <c r="K106" s="16">
        <v>127</v>
      </c>
      <c r="L106" s="16">
        <v>12</v>
      </c>
      <c r="M106" s="16">
        <v>28</v>
      </c>
      <c r="N106" s="16">
        <v>239</v>
      </c>
      <c r="O106" s="16">
        <v>91</v>
      </c>
      <c r="P106" s="16">
        <v>30</v>
      </c>
      <c r="Q106" s="16">
        <v>49</v>
      </c>
      <c r="R106" s="16">
        <v>9</v>
      </c>
      <c r="S106" s="16">
        <v>5</v>
      </c>
      <c r="T106" s="16">
        <v>18</v>
      </c>
      <c r="U106" s="16">
        <v>10</v>
      </c>
      <c r="V106" s="16">
        <v>26</v>
      </c>
      <c r="W106" s="16">
        <v>1</v>
      </c>
      <c r="X106" s="22" t="s">
        <v>268</v>
      </c>
      <c r="Y106" s="16">
        <v>4</v>
      </c>
      <c r="Z106" s="16">
        <v>39</v>
      </c>
      <c r="AA106" s="22" t="s">
        <v>268</v>
      </c>
      <c r="AB106" s="16">
        <v>112</v>
      </c>
      <c r="AC106" s="16">
        <v>276</v>
      </c>
      <c r="AD106" s="16">
        <v>39</v>
      </c>
    </row>
    <row r="107" spans="1:30">
      <c r="A107" s="21" t="s">
        <v>232</v>
      </c>
      <c r="B107" s="21" t="s">
        <v>237</v>
      </c>
      <c r="C107" s="21" t="s">
        <v>264</v>
      </c>
      <c r="D107" s="21" t="s">
        <v>214</v>
      </c>
      <c r="E107" s="21" t="s">
        <v>467</v>
      </c>
      <c r="F107" s="21" t="s">
        <v>422</v>
      </c>
      <c r="G107" s="16">
        <v>51</v>
      </c>
      <c r="H107" s="16">
        <v>49</v>
      </c>
      <c r="I107" s="16">
        <v>28</v>
      </c>
      <c r="J107" s="16">
        <v>19</v>
      </c>
      <c r="K107" s="16">
        <v>5</v>
      </c>
      <c r="L107" s="22" t="s">
        <v>268</v>
      </c>
      <c r="M107" s="16">
        <v>4</v>
      </c>
      <c r="N107" s="16">
        <v>21</v>
      </c>
      <c r="O107" s="16">
        <v>8</v>
      </c>
      <c r="P107" s="16">
        <v>4</v>
      </c>
      <c r="Q107" s="16">
        <v>1</v>
      </c>
      <c r="R107" s="16">
        <v>1</v>
      </c>
      <c r="S107" s="22" t="s">
        <v>268</v>
      </c>
      <c r="T107" s="16">
        <v>4</v>
      </c>
      <c r="U107" s="16">
        <v>1</v>
      </c>
      <c r="V107" s="16">
        <v>2</v>
      </c>
      <c r="W107" s="22" t="s">
        <v>268</v>
      </c>
      <c r="X107" s="22" t="s">
        <v>268</v>
      </c>
      <c r="Y107" s="22" t="s">
        <v>268</v>
      </c>
      <c r="Z107" s="16">
        <v>2</v>
      </c>
      <c r="AA107" s="22" t="s">
        <v>268</v>
      </c>
      <c r="AB107" s="16">
        <v>8</v>
      </c>
      <c r="AC107" s="16">
        <v>19</v>
      </c>
      <c r="AD107" s="16">
        <v>2</v>
      </c>
    </row>
    <row r="108" spans="1:30">
      <c r="A108" s="21" t="s">
        <v>232</v>
      </c>
      <c r="B108" s="21" t="s">
        <v>237</v>
      </c>
      <c r="C108" s="21" t="s">
        <v>264</v>
      </c>
      <c r="D108" s="21" t="s">
        <v>214</v>
      </c>
      <c r="E108" s="21" t="s">
        <v>467</v>
      </c>
      <c r="F108" s="21" t="s">
        <v>423</v>
      </c>
      <c r="G108" s="22" t="s">
        <v>268</v>
      </c>
      <c r="H108" s="22" t="s">
        <v>268</v>
      </c>
      <c r="I108" s="22" t="s">
        <v>268</v>
      </c>
      <c r="J108" s="22" t="s">
        <v>268</v>
      </c>
      <c r="K108" s="22" t="s">
        <v>268</v>
      </c>
      <c r="L108" s="22" t="s">
        <v>268</v>
      </c>
      <c r="M108" s="22" t="s">
        <v>268</v>
      </c>
      <c r="N108" s="22" t="s">
        <v>268</v>
      </c>
      <c r="O108" s="22" t="s">
        <v>268</v>
      </c>
      <c r="P108" s="22" t="s">
        <v>268</v>
      </c>
      <c r="Q108" s="22" t="s">
        <v>268</v>
      </c>
      <c r="R108" s="22" t="s">
        <v>268</v>
      </c>
      <c r="S108" s="22" t="s">
        <v>268</v>
      </c>
      <c r="T108" s="22" t="s">
        <v>268</v>
      </c>
      <c r="U108" s="22" t="s">
        <v>268</v>
      </c>
      <c r="V108" s="22" t="s">
        <v>268</v>
      </c>
      <c r="W108" s="22" t="s">
        <v>268</v>
      </c>
      <c r="X108" s="22" t="s">
        <v>268</v>
      </c>
      <c r="Y108" s="22" t="s">
        <v>268</v>
      </c>
      <c r="Z108" s="22" t="s">
        <v>268</v>
      </c>
      <c r="AA108" s="22" t="s">
        <v>268</v>
      </c>
      <c r="AB108" s="22" t="s">
        <v>268</v>
      </c>
      <c r="AC108" s="22" t="s">
        <v>268</v>
      </c>
      <c r="AD108" s="22" t="s">
        <v>268</v>
      </c>
    </row>
    <row r="109" spans="1:30">
      <c r="A109" s="21" t="s">
        <v>232</v>
      </c>
      <c r="B109" s="21" t="s">
        <v>237</v>
      </c>
      <c r="C109" s="21" t="s">
        <v>264</v>
      </c>
      <c r="D109" s="21" t="s">
        <v>214</v>
      </c>
      <c r="E109" s="21" t="s">
        <v>467</v>
      </c>
      <c r="F109" s="21" t="s">
        <v>386</v>
      </c>
      <c r="G109" s="22" t="s">
        <v>268</v>
      </c>
      <c r="H109" s="22" t="s">
        <v>268</v>
      </c>
      <c r="I109" s="22" t="s">
        <v>268</v>
      </c>
      <c r="J109" s="22" t="s">
        <v>268</v>
      </c>
      <c r="K109" s="22" t="s">
        <v>268</v>
      </c>
      <c r="L109" s="22" t="s">
        <v>268</v>
      </c>
      <c r="M109" s="22" t="s">
        <v>268</v>
      </c>
      <c r="N109" s="22" t="s">
        <v>268</v>
      </c>
      <c r="O109" s="22" t="s">
        <v>268</v>
      </c>
      <c r="P109" s="22" t="s">
        <v>268</v>
      </c>
      <c r="Q109" s="22" t="s">
        <v>268</v>
      </c>
      <c r="R109" s="22" t="s">
        <v>268</v>
      </c>
      <c r="S109" s="22" t="s">
        <v>268</v>
      </c>
      <c r="T109" s="22" t="s">
        <v>268</v>
      </c>
      <c r="U109" s="22" t="s">
        <v>268</v>
      </c>
      <c r="V109" s="22" t="s">
        <v>268</v>
      </c>
      <c r="W109" s="22" t="s">
        <v>268</v>
      </c>
      <c r="X109" s="22" t="s">
        <v>268</v>
      </c>
      <c r="Y109" s="22" t="s">
        <v>268</v>
      </c>
      <c r="Z109" s="22" t="s">
        <v>268</v>
      </c>
      <c r="AA109" s="22" t="s">
        <v>268</v>
      </c>
      <c r="AB109" s="22" t="s">
        <v>268</v>
      </c>
      <c r="AC109" s="22" t="s">
        <v>268</v>
      </c>
      <c r="AD109" s="22" t="s">
        <v>268</v>
      </c>
    </row>
    <row r="110" spans="1:30">
      <c r="A110" s="21" t="s">
        <v>232</v>
      </c>
      <c r="B110" s="21" t="s">
        <v>237</v>
      </c>
      <c r="C110" s="21" t="s">
        <v>264</v>
      </c>
      <c r="D110" s="21" t="s">
        <v>214</v>
      </c>
      <c r="E110" s="21" t="s">
        <v>467</v>
      </c>
      <c r="F110" s="21" t="s">
        <v>387</v>
      </c>
      <c r="G110" s="16">
        <v>511910</v>
      </c>
      <c r="H110" s="16">
        <v>498217</v>
      </c>
      <c r="I110" s="16">
        <v>403973</v>
      </c>
      <c r="J110" s="16">
        <v>116462</v>
      </c>
      <c r="K110" s="16">
        <v>277949</v>
      </c>
      <c r="L110" s="16">
        <v>828</v>
      </c>
      <c r="M110" s="16">
        <v>8734</v>
      </c>
      <c r="N110" s="16">
        <v>94244</v>
      </c>
      <c r="O110" s="16">
        <v>6842</v>
      </c>
      <c r="P110" s="16">
        <v>16045</v>
      </c>
      <c r="Q110" s="16">
        <v>21913</v>
      </c>
      <c r="R110" s="16">
        <v>26591</v>
      </c>
      <c r="S110" s="16">
        <v>1210</v>
      </c>
      <c r="T110" s="16">
        <v>5403</v>
      </c>
      <c r="U110" s="16">
        <v>3694</v>
      </c>
      <c r="V110" s="16">
        <v>11011</v>
      </c>
      <c r="W110" s="16">
        <v>109</v>
      </c>
      <c r="X110" s="16">
        <v>1426</v>
      </c>
      <c r="Y110" s="16">
        <v>1250</v>
      </c>
      <c r="Z110" s="16">
        <v>12443</v>
      </c>
      <c r="AA110" s="22" t="s">
        <v>268</v>
      </c>
      <c r="AB110" s="16">
        <v>67641</v>
      </c>
      <c r="AC110" s="16">
        <v>10804</v>
      </c>
      <c r="AD110" s="22" t="s">
        <v>268</v>
      </c>
    </row>
    <row r="111" spans="1:30">
      <c r="A111" s="21" t="s">
        <v>232</v>
      </c>
      <c r="B111" s="21" t="s">
        <v>237</v>
      </c>
      <c r="C111" s="21" t="s">
        <v>264</v>
      </c>
      <c r="D111" s="21" t="s">
        <v>214</v>
      </c>
      <c r="E111" s="21" t="s">
        <v>467</v>
      </c>
      <c r="F111" s="21" t="s">
        <v>388</v>
      </c>
      <c r="G111" s="16">
        <v>322282</v>
      </c>
      <c r="H111" s="16">
        <v>316460</v>
      </c>
      <c r="I111" s="16">
        <v>258682</v>
      </c>
      <c r="J111" s="16">
        <v>182194</v>
      </c>
      <c r="K111" s="16">
        <v>73976</v>
      </c>
      <c r="L111" s="16">
        <v>674</v>
      </c>
      <c r="M111" s="16">
        <v>1838</v>
      </c>
      <c r="N111" s="16">
        <v>57778</v>
      </c>
      <c r="O111" s="16">
        <v>7454</v>
      </c>
      <c r="P111" s="16">
        <v>8224</v>
      </c>
      <c r="Q111" s="16">
        <v>17510</v>
      </c>
      <c r="R111" s="16">
        <v>4162</v>
      </c>
      <c r="S111" s="16">
        <v>3306</v>
      </c>
      <c r="T111" s="16">
        <v>10597</v>
      </c>
      <c r="U111" s="16">
        <v>1553</v>
      </c>
      <c r="V111" s="16">
        <v>4323</v>
      </c>
      <c r="W111" s="16">
        <v>148</v>
      </c>
      <c r="X111" s="16">
        <v>501</v>
      </c>
      <c r="Y111" s="16">
        <v>715</v>
      </c>
      <c r="Z111" s="16">
        <v>5107</v>
      </c>
      <c r="AA111" s="22" t="s">
        <v>268</v>
      </c>
      <c r="AB111" s="16">
        <v>37008</v>
      </c>
      <c r="AC111" s="16">
        <v>177546</v>
      </c>
      <c r="AD111" s="16">
        <v>5107</v>
      </c>
    </row>
    <row r="112" spans="1:30">
      <c r="A112" s="21" t="s">
        <v>232</v>
      </c>
      <c r="B112" s="21" t="s">
        <v>237</v>
      </c>
      <c r="C112" s="21" t="s">
        <v>264</v>
      </c>
      <c r="D112" s="21" t="s">
        <v>214</v>
      </c>
      <c r="E112" s="21" t="s">
        <v>467</v>
      </c>
      <c r="F112" s="21" t="s">
        <v>389</v>
      </c>
      <c r="G112" s="16">
        <v>135620</v>
      </c>
      <c r="H112" s="16">
        <v>132769</v>
      </c>
      <c r="I112" s="16">
        <v>108049</v>
      </c>
      <c r="J112" s="16">
        <v>77324</v>
      </c>
      <c r="K112" s="16">
        <v>29419</v>
      </c>
      <c r="L112" s="16">
        <v>391</v>
      </c>
      <c r="M112" s="16">
        <v>915</v>
      </c>
      <c r="N112" s="16">
        <v>24720</v>
      </c>
      <c r="O112" s="16">
        <v>5763</v>
      </c>
      <c r="P112" s="16">
        <v>853</v>
      </c>
      <c r="Q112" s="16">
        <v>9173</v>
      </c>
      <c r="R112" s="16">
        <v>608</v>
      </c>
      <c r="S112" s="16">
        <v>1461</v>
      </c>
      <c r="T112" s="16">
        <v>4308</v>
      </c>
      <c r="U112" s="16">
        <v>801</v>
      </c>
      <c r="V112" s="16">
        <v>1470</v>
      </c>
      <c r="W112" s="16">
        <v>56</v>
      </c>
      <c r="X112" s="16">
        <v>227</v>
      </c>
      <c r="Y112" s="16">
        <v>297</v>
      </c>
      <c r="Z112" s="16">
        <v>2554</v>
      </c>
      <c r="AA112" s="22" t="s">
        <v>268</v>
      </c>
      <c r="AB112" s="16">
        <v>15947</v>
      </c>
      <c r="AC112" s="16">
        <v>77130</v>
      </c>
      <c r="AD112" s="16">
        <v>2554</v>
      </c>
    </row>
    <row r="113" spans="1:30">
      <c r="A113" s="21" t="s">
        <v>232</v>
      </c>
      <c r="B113" s="21" t="s">
        <v>237</v>
      </c>
      <c r="C113" s="21" t="s">
        <v>264</v>
      </c>
      <c r="D113" s="21" t="s">
        <v>214</v>
      </c>
      <c r="E113" s="21" t="s">
        <v>467</v>
      </c>
      <c r="F113" s="21" t="s">
        <v>390</v>
      </c>
      <c r="G113" s="16">
        <v>30724</v>
      </c>
      <c r="H113" s="16">
        <v>29749</v>
      </c>
      <c r="I113" s="16">
        <v>22174</v>
      </c>
      <c r="J113" s="16">
        <v>15605</v>
      </c>
      <c r="K113" s="16">
        <v>6056</v>
      </c>
      <c r="L113" s="16">
        <v>196</v>
      </c>
      <c r="M113" s="16">
        <v>317</v>
      </c>
      <c r="N113" s="16">
        <v>7575</v>
      </c>
      <c r="O113" s="16">
        <v>2697</v>
      </c>
      <c r="P113" s="16">
        <v>302</v>
      </c>
      <c r="Q113" s="16">
        <v>2300</v>
      </c>
      <c r="R113" s="16">
        <v>224</v>
      </c>
      <c r="S113" s="16">
        <v>287</v>
      </c>
      <c r="T113" s="16">
        <v>810</v>
      </c>
      <c r="U113" s="16">
        <v>312</v>
      </c>
      <c r="V113" s="16">
        <v>536</v>
      </c>
      <c r="W113" s="16">
        <v>17</v>
      </c>
      <c r="X113" s="16">
        <v>90</v>
      </c>
      <c r="Y113" s="16">
        <v>73</v>
      </c>
      <c r="Z113" s="16">
        <v>902</v>
      </c>
      <c r="AA113" s="22" t="s">
        <v>268</v>
      </c>
      <c r="AB113" s="16">
        <v>4100</v>
      </c>
      <c r="AC113" s="16">
        <v>15596</v>
      </c>
      <c r="AD113" s="16">
        <v>902</v>
      </c>
    </row>
    <row r="114" spans="1:30">
      <c r="A114" s="21" t="s">
        <v>232</v>
      </c>
      <c r="B114" s="21" t="s">
        <v>237</v>
      </c>
      <c r="C114" s="21" t="s">
        <v>264</v>
      </c>
      <c r="D114" s="21" t="s">
        <v>214</v>
      </c>
      <c r="E114" s="21" t="s">
        <v>467</v>
      </c>
      <c r="F114" s="21" t="s">
        <v>391</v>
      </c>
      <c r="G114" s="16">
        <v>606442</v>
      </c>
      <c r="H114" s="16">
        <v>591231</v>
      </c>
      <c r="I114" s="16">
        <v>478554</v>
      </c>
      <c r="J114" s="16">
        <v>167205</v>
      </c>
      <c r="K114" s="16">
        <v>301124</v>
      </c>
      <c r="L114" s="16">
        <v>970</v>
      </c>
      <c r="M114" s="16">
        <v>9255</v>
      </c>
      <c r="N114" s="16">
        <v>112677</v>
      </c>
      <c r="O114" s="16">
        <v>7744</v>
      </c>
      <c r="P114" s="16">
        <v>21189</v>
      </c>
      <c r="Q114" s="16">
        <v>25628</v>
      </c>
      <c r="R114" s="16">
        <v>29117</v>
      </c>
      <c r="S114" s="16">
        <v>2012</v>
      </c>
      <c r="T114" s="16">
        <v>8393</v>
      </c>
      <c r="U114" s="16">
        <v>4132</v>
      </c>
      <c r="V114" s="16">
        <v>12727</v>
      </c>
      <c r="W114" s="16">
        <v>154</v>
      </c>
      <c r="X114" s="16">
        <v>1581</v>
      </c>
      <c r="Y114" s="16">
        <v>1440</v>
      </c>
      <c r="Z114" s="16">
        <v>13771</v>
      </c>
      <c r="AA114" s="22" t="s">
        <v>268</v>
      </c>
      <c r="AB114" s="16">
        <v>78638</v>
      </c>
      <c r="AC114" s="16">
        <v>57910</v>
      </c>
      <c r="AD114" s="16">
        <v>1352</v>
      </c>
    </row>
    <row r="115" spans="1:30">
      <c r="A115" s="21" t="s">
        <v>232</v>
      </c>
      <c r="B115" s="21" t="s">
        <v>237</v>
      </c>
      <c r="C115" s="21" t="s">
        <v>264</v>
      </c>
      <c r="D115" s="21" t="s">
        <v>215</v>
      </c>
      <c r="E115" s="21" t="s">
        <v>467</v>
      </c>
      <c r="F115" s="21" t="s">
        <v>401</v>
      </c>
      <c r="G115" s="16">
        <v>415325</v>
      </c>
      <c r="H115" s="16">
        <v>402968</v>
      </c>
      <c r="I115" s="16">
        <v>328056</v>
      </c>
      <c r="J115" s="16">
        <v>149328</v>
      </c>
      <c r="K115" s="16">
        <v>176193</v>
      </c>
      <c r="L115" s="16">
        <v>1378</v>
      </c>
      <c r="M115" s="16">
        <v>1157</v>
      </c>
      <c r="N115" s="16">
        <v>74912</v>
      </c>
      <c r="O115" s="16">
        <v>7148</v>
      </c>
      <c r="P115" s="16">
        <v>12062</v>
      </c>
      <c r="Q115" s="16">
        <v>19711</v>
      </c>
      <c r="R115" s="16">
        <v>15304</v>
      </c>
      <c r="S115" s="16">
        <v>2258</v>
      </c>
      <c r="T115" s="16">
        <v>7597</v>
      </c>
      <c r="U115" s="16">
        <v>2615</v>
      </c>
      <c r="V115" s="16">
        <v>7583</v>
      </c>
      <c r="W115" s="16">
        <v>129</v>
      </c>
      <c r="X115" s="16">
        <v>505</v>
      </c>
      <c r="Y115" s="16">
        <v>991</v>
      </c>
      <c r="Z115" s="16">
        <v>11366</v>
      </c>
      <c r="AA115" s="22" t="s">
        <v>268</v>
      </c>
      <c r="AB115" s="16">
        <v>51322</v>
      </c>
      <c r="AC115" s="16">
        <v>94175</v>
      </c>
      <c r="AD115" s="16">
        <v>2866</v>
      </c>
    </row>
    <row r="116" spans="1:30">
      <c r="A116" s="21" t="s">
        <v>232</v>
      </c>
      <c r="B116" s="21" t="s">
        <v>237</v>
      </c>
      <c r="C116" s="21" t="s">
        <v>264</v>
      </c>
      <c r="D116" s="21" t="s">
        <v>215</v>
      </c>
      <c r="E116" s="21" t="s">
        <v>467</v>
      </c>
      <c r="F116" s="21" t="s">
        <v>405</v>
      </c>
      <c r="G116" s="16">
        <v>95</v>
      </c>
      <c r="H116" s="16">
        <v>77</v>
      </c>
      <c r="I116" s="16">
        <v>44</v>
      </c>
      <c r="J116" s="16">
        <v>12</v>
      </c>
      <c r="K116" s="16">
        <v>23</v>
      </c>
      <c r="L116" s="16">
        <v>1</v>
      </c>
      <c r="M116" s="16">
        <v>8</v>
      </c>
      <c r="N116" s="16">
        <v>33</v>
      </c>
      <c r="O116" s="16">
        <v>1</v>
      </c>
      <c r="P116" s="16">
        <v>1</v>
      </c>
      <c r="Q116" s="16">
        <v>3</v>
      </c>
      <c r="R116" s="16">
        <v>4</v>
      </c>
      <c r="S116" s="16">
        <v>2</v>
      </c>
      <c r="T116" s="16">
        <v>4</v>
      </c>
      <c r="U116" s="16">
        <v>4</v>
      </c>
      <c r="V116" s="16">
        <v>14</v>
      </c>
      <c r="W116" s="22" t="s">
        <v>268</v>
      </c>
      <c r="X116" s="22" t="s">
        <v>268</v>
      </c>
      <c r="Y116" s="22" t="s">
        <v>268</v>
      </c>
      <c r="Z116" s="16">
        <v>18</v>
      </c>
      <c r="AA116" s="22" t="s">
        <v>268</v>
      </c>
      <c r="AB116" s="16">
        <v>26</v>
      </c>
      <c r="AC116" s="22" t="s">
        <v>268</v>
      </c>
      <c r="AD116" s="22" t="s">
        <v>268</v>
      </c>
    </row>
    <row r="117" spans="1:30">
      <c r="A117" s="21" t="s">
        <v>232</v>
      </c>
      <c r="B117" s="21" t="s">
        <v>237</v>
      </c>
      <c r="C117" s="21" t="s">
        <v>264</v>
      </c>
      <c r="D117" s="21" t="s">
        <v>215</v>
      </c>
      <c r="E117" s="21" t="s">
        <v>467</v>
      </c>
      <c r="F117" s="21" t="s">
        <v>406</v>
      </c>
      <c r="G117" s="16">
        <v>2143</v>
      </c>
      <c r="H117" s="16">
        <v>2046</v>
      </c>
      <c r="I117" s="16">
        <v>1639</v>
      </c>
      <c r="J117" s="16">
        <v>578</v>
      </c>
      <c r="K117" s="16">
        <v>1032</v>
      </c>
      <c r="L117" s="16">
        <v>7</v>
      </c>
      <c r="M117" s="16">
        <v>22</v>
      </c>
      <c r="N117" s="16">
        <v>407</v>
      </c>
      <c r="O117" s="16">
        <v>22</v>
      </c>
      <c r="P117" s="16">
        <v>11</v>
      </c>
      <c r="Q117" s="16">
        <v>52</v>
      </c>
      <c r="R117" s="16">
        <v>42</v>
      </c>
      <c r="S117" s="16">
        <v>12</v>
      </c>
      <c r="T117" s="16">
        <v>16</v>
      </c>
      <c r="U117" s="16">
        <v>95</v>
      </c>
      <c r="V117" s="16">
        <v>148</v>
      </c>
      <c r="W117" s="22" t="s">
        <v>268</v>
      </c>
      <c r="X117" s="16">
        <v>9</v>
      </c>
      <c r="Y117" s="16">
        <v>11</v>
      </c>
      <c r="Z117" s="16">
        <v>86</v>
      </c>
      <c r="AA117" s="22" t="s">
        <v>268</v>
      </c>
      <c r="AB117" s="16">
        <v>332</v>
      </c>
      <c r="AC117" s="22" t="s">
        <v>268</v>
      </c>
      <c r="AD117" s="22" t="s">
        <v>268</v>
      </c>
    </row>
    <row r="118" spans="1:30">
      <c r="A118" s="21" t="s">
        <v>232</v>
      </c>
      <c r="B118" s="21" t="s">
        <v>237</v>
      </c>
      <c r="C118" s="21" t="s">
        <v>264</v>
      </c>
      <c r="D118" s="21" t="s">
        <v>215</v>
      </c>
      <c r="E118" s="21" t="s">
        <v>467</v>
      </c>
      <c r="F118" s="21" t="s">
        <v>407</v>
      </c>
      <c r="G118" s="16">
        <v>10369</v>
      </c>
      <c r="H118" s="16">
        <v>10025</v>
      </c>
      <c r="I118" s="16">
        <v>8911</v>
      </c>
      <c r="J118" s="16">
        <v>3079</v>
      </c>
      <c r="K118" s="16">
        <v>5795</v>
      </c>
      <c r="L118" s="16">
        <v>7</v>
      </c>
      <c r="M118" s="16">
        <v>30</v>
      </c>
      <c r="N118" s="16">
        <v>1114</v>
      </c>
      <c r="O118" s="16">
        <v>42</v>
      </c>
      <c r="P118" s="16">
        <v>38</v>
      </c>
      <c r="Q118" s="16">
        <v>189</v>
      </c>
      <c r="R118" s="16">
        <v>200</v>
      </c>
      <c r="S118" s="16">
        <v>49</v>
      </c>
      <c r="T118" s="16">
        <v>43</v>
      </c>
      <c r="U118" s="16">
        <v>168</v>
      </c>
      <c r="V118" s="16">
        <v>359</v>
      </c>
      <c r="W118" s="16">
        <v>4</v>
      </c>
      <c r="X118" s="16">
        <v>22</v>
      </c>
      <c r="Y118" s="16">
        <v>32</v>
      </c>
      <c r="Z118" s="16">
        <v>312</v>
      </c>
      <c r="AA118" s="22" t="s">
        <v>268</v>
      </c>
      <c r="AB118" s="16">
        <v>936</v>
      </c>
      <c r="AC118" s="22" t="s">
        <v>268</v>
      </c>
      <c r="AD118" s="22" t="s">
        <v>268</v>
      </c>
    </row>
    <row r="119" spans="1:30">
      <c r="A119" s="21" t="s">
        <v>232</v>
      </c>
      <c r="B119" s="21" t="s">
        <v>237</v>
      </c>
      <c r="C119" s="21" t="s">
        <v>264</v>
      </c>
      <c r="D119" s="21" t="s">
        <v>215</v>
      </c>
      <c r="E119" s="21" t="s">
        <v>467</v>
      </c>
      <c r="F119" s="21" t="s">
        <v>408</v>
      </c>
      <c r="G119" s="16">
        <v>21177</v>
      </c>
      <c r="H119" s="16">
        <v>20567</v>
      </c>
      <c r="I119" s="16">
        <v>18400</v>
      </c>
      <c r="J119" s="16">
        <v>3696</v>
      </c>
      <c r="K119" s="16">
        <v>14649</v>
      </c>
      <c r="L119" s="16">
        <v>18</v>
      </c>
      <c r="M119" s="16">
        <v>37</v>
      </c>
      <c r="N119" s="16">
        <v>2167</v>
      </c>
      <c r="O119" s="16">
        <v>79</v>
      </c>
      <c r="P119" s="16">
        <v>74</v>
      </c>
      <c r="Q119" s="16">
        <v>617</v>
      </c>
      <c r="R119" s="16">
        <v>436</v>
      </c>
      <c r="S119" s="16">
        <v>53</v>
      </c>
      <c r="T119" s="16">
        <v>61</v>
      </c>
      <c r="U119" s="16">
        <v>222</v>
      </c>
      <c r="V119" s="16">
        <v>594</v>
      </c>
      <c r="W119" s="16">
        <v>4</v>
      </c>
      <c r="X119" s="16">
        <v>27</v>
      </c>
      <c r="Y119" s="16">
        <v>46</v>
      </c>
      <c r="Z119" s="16">
        <v>564</v>
      </c>
      <c r="AA119" s="22" t="s">
        <v>268</v>
      </c>
      <c r="AB119" s="16">
        <v>1894</v>
      </c>
      <c r="AC119" s="22" t="s">
        <v>268</v>
      </c>
      <c r="AD119" s="22" t="s">
        <v>268</v>
      </c>
    </row>
    <row r="120" spans="1:30">
      <c r="A120" s="21" t="s">
        <v>232</v>
      </c>
      <c r="B120" s="21" t="s">
        <v>237</v>
      </c>
      <c r="C120" s="21" t="s">
        <v>264</v>
      </c>
      <c r="D120" s="21" t="s">
        <v>215</v>
      </c>
      <c r="E120" s="21" t="s">
        <v>467</v>
      </c>
      <c r="F120" s="21" t="s">
        <v>409</v>
      </c>
      <c r="G120" s="16">
        <v>29658</v>
      </c>
      <c r="H120" s="16">
        <v>28870</v>
      </c>
      <c r="I120" s="16">
        <v>25225</v>
      </c>
      <c r="J120" s="16">
        <v>3236</v>
      </c>
      <c r="K120" s="16">
        <v>21906</v>
      </c>
      <c r="L120" s="16">
        <v>40</v>
      </c>
      <c r="M120" s="16">
        <v>43</v>
      </c>
      <c r="N120" s="16">
        <v>3645</v>
      </c>
      <c r="O120" s="16">
        <v>123</v>
      </c>
      <c r="P120" s="16">
        <v>138</v>
      </c>
      <c r="Q120" s="16">
        <v>1275</v>
      </c>
      <c r="R120" s="16">
        <v>891</v>
      </c>
      <c r="S120" s="16">
        <v>29</v>
      </c>
      <c r="T120" s="16">
        <v>129</v>
      </c>
      <c r="U120" s="16">
        <v>189</v>
      </c>
      <c r="V120" s="16">
        <v>843</v>
      </c>
      <c r="W120" s="16">
        <v>2</v>
      </c>
      <c r="X120" s="16">
        <v>26</v>
      </c>
      <c r="Y120" s="16">
        <v>58</v>
      </c>
      <c r="Z120" s="16">
        <v>730</v>
      </c>
      <c r="AA120" s="22" t="s">
        <v>268</v>
      </c>
      <c r="AB120" s="16">
        <v>3274</v>
      </c>
      <c r="AC120" s="22" t="s">
        <v>268</v>
      </c>
      <c r="AD120" s="22" t="s">
        <v>268</v>
      </c>
    </row>
    <row r="121" spans="1:30">
      <c r="A121" s="21" t="s">
        <v>232</v>
      </c>
      <c r="B121" s="21" t="s">
        <v>237</v>
      </c>
      <c r="C121" s="21" t="s">
        <v>264</v>
      </c>
      <c r="D121" s="21" t="s">
        <v>215</v>
      </c>
      <c r="E121" s="21" t="s">
        <v>467</v>
      </c>
      <c r="F121" s="21" t="s">
        <v>410</v>
      </c>
      <c r="G121" s="16">
        <v>34679</v>
      </c>
      <c r="H121" s="16">
        <v>33654</v>
      </c>
      <c r="I121" s="16">
        <v>28818</v>
      </c>
      <c r="J121" s="16">
        <v>3280</v>
      </c>
      <c r="K121" s="16">
        <v>25391</v>
      </c>
      <c r="L121" s="16">
        <v>79</v>
      </c>
      <c r="M121" s="16">
        <v>68</v>
      </c>
      <c r="N121" s="16">
        <v>4836</v>
      </c>
      <c r="O121" s="16">
        <v>176</v>
      </c>
      <c r="P121" s="16">
        <v>202</v>
      </c>
      <c r="Q121" s="16">
        <v>1904</v>
      </c>
      <c r="R121" s="16">
        <v>1481</v>
      </c>
      <c r="S121" s="16">
        <v>35</v>
      </c>
      <c r="T121" s="16">
        <v>128</v>
      </c>
      <c r="U121" s="16">
        <v>141</v>
      </c>
      <c r="V121" s="16">
        <v>734</v>
      </c>
      <c r="W121" s="16">
        <v>5</v>
      </c>
      <c r="X121" s="16">
        <v>30</v>
      </c>
      <c r="Y121" s="16">
        <v>81</v>
      </c>
      <c r="Z121" s="16">
        <v>944</v>
      </c>
      <c r="AA121" s="22" t="s">
        <v>268</v>
      </c>
      <c r="AB121" s="16">
        <v>4338</v>
      </c>
      <c r="AC121" s="22" t="s">
        <v>268</v>
      </c>
      <c r="AD121" s="22" t="s">
        <v>268</v>
      </c>
    </row>
    <row r="122" spans="1:30">
      <c r="A122" s="21" t="s">
        <v>232</v>
      </c>
      <c r="B122" s="21" t="s">
        <v>237</v>
      </c>
      <c r="C122" s="21" t="s">
        <v>264</v>
      </c>
      <c r="D122" s="21" t="s">
        <v>215</v>
      </c>
      <c r="E122" s="21" t="s">
        <v>467</v>
      </c>
      <c r="F122" s="21" t="s">
        <v>411</v>
      </c>
      <c r="G122" s="16">
        <v>36461</v>
      </c>
      <c r="H122" s="16">
        <v>34908</v>
      </c>
      <c r="I122" s="16">
        <v>29063</v>
      </c>
      <c r="J122" s="16">
        <v>4737</v>
      </c>
      <c r="K122" s="16">
        <v>24079</v>
      </c>
      <c r="L122" s="16">
        <v>124</v>
      </c>
      <c r="M122" s="16">
        <v>123</v>
      </c>
      <c r="N122" s="16">
        <v>5845</v>
      </c>
      <c r="O122" s="16">
        <v>378</v>
      </c>
      <c r="P122" s="16">
        <v>404</v>
      </c>
      <c r="Q122" s="16">
        <v>2090</v>
      </c>
      <c r="R122" s="16">
        <v>1957</v>
      </c>
      <c r="S122" s="16">
        <v>53</v>
      </c>
      <c r="T122" s="16">
        <v>171</v>
      </c>
      <c r="U122" s="16">
        <v>175</v>
      </c>
      <c r="V122" s="16">
        <v>571</v>
      </c>
      <c r="W122" s="16">
        <v>5</v>
      </c>
      <c r="X122" s="16">
        <v>41</v>
      </c>
      <c r="Y122" s="16">
        <v>83</v>
      </c>
      <c r="Z122" s="16">
        <v>1470</v>
      </c>
      <c r="AA122" s="22" t="s">
        <v>268</v>
      </c>
      <c r="AB122" s="16">
        <v>4870</v>
      </c>
      <c r="AC122" s="22" t="s">
        <v>268</v>
      </c>
      <c r="AD122" s="22" t="s">
        <v>268</v>
      </c>
    </row>
    <row r="123" spans="1:30">
      <c r="A123" s="21" t="s">
        <v>232</v>
      </c>
      <c r="B123" s="21" t="s">
        <v>237</v>
      </c>
      <c r="C123" s="21" t="s">
        <v>264</v>
      </c>
      <c r="D123" s="21" t="s">
        <v>215</v>
      </c>
      <c r="E123" s="21" t="s">
        <v>467</v>
      </c>
      <c r="F123" s="21" t="s">
        <v>412</v>
      </c>
      <c r="G123" s="16">
        <v>32070</v>
      </c>
      <c r="H123" s="16">
        <v>30363</v>
      </c>
      <c r="I123" s="16">
        <v>23704</v>
      </c>
      <c r="J123" s="16">
        <v>6446</v>
      </c>
      <c r="K123" s="16">
        <v>16966</v>
      </c>
      <c r="L123" s="16">
        <v>151</v>
      </c>
      <c r="M123" s="16">
        <v>141</v>
      </c>
      <c r="N123" s="16">
        <v>6659</v>
      </c>
      <c r="O123" s="16">
        <v>619</v>
      </c>
      <c r="P123" s="16">
        <v>918</v>
      </c>
      <c r="Q123" s="16">
        <v>1790</v>
      </c>
      <c r="R123" s="16">
        <v>2305</v>
      </c>
      <c r="S123" s="16">
        <v>43</v>
      </c>
      <c r="T123" s="16">
        <v>251</v>
      </c>
      <c r="U123" s="16">
        <v>197</v>
      </c>
      <c r="V123" s="16">
        <v>476</v>
      </c>
      <c r="W123" s="16">
        <v>6</v>
      </c>
      <c r="X123" s="16">
        <v>54</v>
      </c>
      <c r="Y123" s="16">
        <v>87</v>
      </c>
      <c r="Z123" s="16">
        <v>1620</v>
      </c>
      <c r="AA123" s="22" t="s">
        <v>268</v>
      </c>
      <c r="AB123" s="16">
        <v>4906</v>
      </c>
      <c r="AC123" s="22" t="s">
        <v>268</v>
      </c>
      <c r="AD123" s="22" t="s">
        <v>268</v>
      </c>
    </row>
    <row r="124" spans="1:30">
      <c r="A124" s="21" t="s">
        <v>232</v>
      </c>
      <c r="B124" s="21" t="s">
        <v>237</v>
      </c>
      <c r="C124" s="21" t="s">
        <v>264</v>
      </c>
      <c r="D124" s="21" t="s">
        <v>215</v>
      </c>
      <c r="E124" s="21" t="s">
        <v>467</v>
      </c>
      <c r="F124" s="21" t="s">
        <v>413</v>
      </c>
      <c r="G124" s="16">
        <v>35421</v>
      </c>
      <c r="H124" s="16">
        <v>33642</v>
      </c>
      <c r="I124" s="16">
        <v>24599</v>
      </c>
      <c r="J124" s="16">
        <v>10527</v>
      </c>
      <c r="K124" s="16">
        <v>13719</v>
      </c>
      <c r="L124" s="16">
        <v>135</v>
      </c>
      <c r="M124" s="16">
        <v>218</v>
      </c>
      <c r="N124" s="16">
        <v>9043</v>
      </c>
      <c r="O124" s="16">
        <v>1025</v>
      </c>
      <c r="P124" s="16">
        <v>2213</v>
      </c>
      <c r="Q124" s="16">
        <v>1486</v>
      </c>
      <c r="R124" s="16">
        <v>2867</v>
      </c>
      <c r="S124" s="16">
        <v>86</v>
      </c>
      <c r="T124" s="16">
        <v>397</v>
      </c>
      <c r="U124" s="16">
        <v>275</v>
      </c>
      <c r="V124" s="16">
        <v>621</v>
      </c>
      <c r="W124" s="16">
        <v>7</v>
      </c>
      <c r="X124" s="16">
        <v>66</v>
      </c>
      <c r="Y124" s="16">
        <v>102</v>
      </c>
      <c r="Z124" s="16">
        <v>1677</v>
      </c>
      <c r="AA124" s="22" t="s">
        <v>268</v>
      </c>
      <c r="AB124" s="16">
        <v>5484</v>
      </c>
      <c r="AC124" s="22" t="s">
        <v>268</v>
      </c>
      <c r="AD124" s="22" t="s">
        <v>268</v>
      </c>
    </row>
    <row r="125" spans="1:30">
      <c r="A125" s="21" t="s">
        <v>232</v>
      </c>
      <c r="B125" s="21" t="s">
        <v>237</v>
      </c>
      <c r="C125" s="21" t="s">
        <v>264</v>
      </c>
      <c r="D125" s="21" t="s">
        <v>215</v>
      </c>
      <c r="E125" s="21" t="s">
        <v>467</v>
      </c>
      <c r="F125" s="21" t="s">
        <v>414</v>
      </c>
      <c r="G125" s="16">
        <v>40601</v>
      </c>
      <c r="H125" s="16">
        <v>39427</v>
      </c>
      <c r="I125" s="16">
        <v>29309</v>
      </c>
      <c r="J125" s="16">
        <v>16842</v>
      </c>
      <c r="K125" s="16">
        <v>12055</v>
      </c>
      <c r="L125" s="16">
        <v>155</v>
      </c>
      <c r="M125" s="16">
        <v>257</v>
      </c>
      <c r="N125" s="16">
        <v>10118</v>
      </c>
      <c r="O125" s="16">
        <v>840</v>
      </c>
      <c r="P125" s="16">
        <v>3273</v>
      </c>
      <c r="Q125" s="16">
        <v>1202</v>
      </c>
      <c r="R125" s="16">
        <v>2620</v>
      </c>
      <c r="S125" s="16">
        <v>166</v>
      </c>
      <c r="T125" s="16">
        <v>797</v>
      </c>
      <c r="U125" s="16">
        <v>322</v>
      </c>
      <c r="V125" s="16">
        <v>831</v>
      </c>
      <c r="W125" s="16">
        <v>23</v>
      </c>
      <c r="X125" s="16">
        <v>44</v>
      </c>
      <c r="Y125" s="16">
        <v>95</v>
      </c>
      <c r="Z125" s="16">
        <v>1079</v>
      </c>
      <c r="AA125" s="22" t="s">
        <v>268</v>
      </c>
      <c r="AB125" s="16">
        <v>5544</v>
      </c>
      <c r="AC125" s="22" t="s">
        <v>268</v>
      </c>
      <c r="AD125" s="22" t="s">
        <v>268</v>
      </c>
    </row>
    <row r="126" spans="1:30">
      <c r="A126" s="21" t="s">
        <v>232</v>
      </c>
      <c r="B126" s="21" t="s">
        <v>237</v>
      </c>
      <c r="C126" s="21" t="s">
        <v>264</v>
      </c>
      <c r="D126" s="21" t="s">
        <v>215</v>
      </c>
      <c r="E126" s="21" t="s">
        <v>467</v>
      </c>
      <c r="F126" s="21" t="s">
        <v>415</v>
      </c>
      <c r="G126" s="16">
        <v>47282</v>
      </c>
      <c r="H126" s="16">
        <v>46363</v>
      </c>
      <c r="I126" s="16">
        <v>36764</v>
      </c>
      <c r="J126" s="16">
        <v>24393</v>
      </c>
      <c r="K126" s="16">
        <v>12102</v>
      </c>
      <c r="L126" s="16">
        <v>132</v>
      </c>
      <c r="M126" s="16">
        <v>137</v>
      </c>
      <c r="N126" s="16">
        <v>9599</v>
      </c>
      <c r="O126" s="16">
        <v>487</v>
      </c>
      <c r="P126" s="16">
        <v>2912</v>
      </c>
      <c r="Q126" s="16">
        <v>1671</v>
      </c>
      <c r="R126" s="16">
        <v>1536</v>
      </c>
      <c r="S126" s="16">
        <v>350</v>
      </c>
      <c r="T126" s="16">
        <v>1395</v>
      </c>
      <c r="U126" s="16">
        <v>235</v>
      </c>
      <c r="V126" s="16">
        <v>931</v>
      </c>
      <c r="W126" s="16">
        <v>27</v>
      </c>
      <c r="X126" s="16">
        <v>55</v>
      </c>
      <c r="Y126" s="16">
        <v>98</v>
      </c>
      <c r="Z126" s="16">
        <v>821</v>
      </c>
      <c r="AA126" s="22" t="s">
        <v>268</v>
      </c>
      <c r="AB126" s="16">
        <v>5529</v>
      </c>
      <c r="AC126" s="16">
        <v>22330</v>
      </c>
      <c r="AD126" s="16">
        <v>821</v>
      </c>
    </row>
    <row r="127" spans="1:30">
      <c r="A127" s="21" t="s">
        <v>232</v>
      </c>
      <c r="B127" s="21" t="s">
        <v>237</v>
      </c>
      <c r="C127" s="21" t="s">
        <v>264</v>
      </c>
      <c r="D127" s="21" t="s">
        <v>215</v>
      </c>
      <c r="E127" s="21" t="s">
        <v>467</v>
      </c>
      <c r="F127" s="21" t="s">
        <v>416</v>
      </c>
      <c r="G127" s="16">
        <v>48115</v>
      </c>
      <c r="H127" s="16">
        <v>47329</v>
      </c>
      <c r="I127" s="16">
        <v>39513</v>
      </c>
      <c r="J127" s="16">
        <v>27920</v>
      </c>
      <c r="K127" s="16">
        <v>11392</v>
      </c>
      <c r="L127" s="16">
        <v>138</v>
      </c>
      <c r="M127" s="16">
        <v>63</v>
      </c>
      <c r="N127" s="16">
        <v>7816</v>
      </c>
      <c r="O127" s="16">
        <v>352</v>
      </c>
      <c r="P127" s="16">
        <v>1408</v>
      </c>
      <c r="Q127" s="16">
        <v>2267</v>
      </c>
      <c r="R127" s="16">
        <v>662</v>
      </c>
      <c r="S127" s="16">
        <v>540</v>
      </c>
      <c r="T127" s="16">
        <v>1704</v>
      </c>
      <c r="U127" s="16">
        <v>166</v>
      </c>
      <c r="V127" s="16">
        <v>652</v>
      </c>
      <c r="W127" s="16">
        <v>21</v>
      </c>
      <c r="X127" s="16">
        <v>44</v>
      </c>
      <c r="Y127" s="16">
        <v>119</v>
      </c>
      <c r="Z127" s="16">
        <v>667</v>
      </c>
      <c r="AA127" s="22" t="s">
        <v>268</v>
      </c>
      <c r="AB127" s="16">
        <v>5251</v>
      </c>
      <c r="AC127" s="16">
        <v>27411</v>
      </c>
      <c r="AD127" s="16">
        <v>667</v>
      </c>
    </row>
    <row r="128" spans="1:30">
      <c r="A128" s="21" t="s">
        <v>232</v>
      </c>
      <c r="B128" s="21" t="s">
        <v>237</v>
      </c>
      <c r="C128" s="21" t="s">
        <v>264</v>
      </c>
      <c r="D128" s="21" t="s">
        <v>215</v>
      </c>
      <c r="E128" s="21" t="s">
        <v>467</v>
      </c>
      <c r="F128" s="21" t="s">
        <v>417</v>
      </c>
      <c r="G128" s="16">
        <v>32144</v>
      </c>
      <c r="H128" s="16">
        <v>31622</v>
      </c>
      <c r="I128" s="16">
        <v>27005</v>
      </c>
      <c r="J128" s="16">
        <v>19495</v>
      </c>
      <c r="K128" s="16">
        <v>7419</v>
      </c>
      <c r="L128" s="16">
        <v>83</v>
      </c>
      <c r="M128" s="16">
        <v>8</v>
      </c>
      <c r="N128" s="16">
        <v>4617</v>
      </c>
      <c r="O128" s="16">
        <v>461</v>
      </c>
      <c r="P128" s="16">
        <v>269</v>
      </c>
      <c r="Q128" s="16">
        <v>1864</v>
      </c>
      <c r="R128" s="16">
        <v>129</v>
      </c>
      <c r="S128" s="16">
        <v>385</v>
      </c>
      <c r="T128" s="16">
        <v>1117</v>
      </c>
      <c r="U128" s="16">
        <v>102</v>
      </c>
      <c r="V128" s="16">
        <v>259</v>
      </c>
      <c r="W128" s="16">
        <v>9</v>
      </c>
      <c r="X128" s="16">
        <v>22</v>
      </c>
      <c r="Y128" s="16">
        <v>84</v>
      </c>
      <c r="Z128" s="16">
        <v>438</v>
      </c>
      <c r="AA128" s="22" t="s">
        <v>268</v>
      </c>
      <c r="AB128" s="16">
        <v>3356</v>
      </c>
      <c r="AC128" s="16">
        <v>19381</v>
      </c>
      <c r="AD128" s="16">
        <v>438</v>
      </c>
    </row>
    <row r="129" spans="1:30">
      <c r="A129" s="21" t="s">
        <v>232</v>
      </c>
      <c r="B129" s="21" t="s">
        <v>237</v>
      </c>
      <c r="C129" s="21" t="s">
        <v>264</v>
      </c>
      <c r="D129" s="21" t="s">
        <v>215</v>
      </c>
      <c r="E129" s="21" t="s">
        <v>467</v>
      </c>
      <c r="F129" s="21" t="s">
        <v>418</v>
      </c>
      <c r="G129" s="16">
        <v>24872</v>
      </c>
      <c r="H129" s="16">
        <v>24420</v>
      </c>
      <c r="I129" s="16">
        <v>20140</v>
      </c>
      <c r="J129" s="16">
        <v>14489</v>
      </c>
      <c r="K129" s="16">
        <v>5539</v>
      </c>
      <c r="L129" s="16">
        <v>112</v>
      </c>
      <c r="M129" s="22" t="s">
        <v>268</v>
      </c>
      <c r="N129" s="16">
        <v>4280</v>
      </c>
      <c r="O129" s="16">
        <v>895</v>
      </c>
      <c r="P129" s="16">
        <v>72</v>
      </c>
      <c r="Q129" s="16">
        <v>1770</v>
      </c>
      <c r="R129" s="16">
        <v>62</v>
      </c>
      <c r="S129" s="16">
        <v>267</v>
      </c>
      <c r="T129" s="16">
        <v>831</v>
      </c>
      <c r="U129" s="16">
        <v>125</v>
      </c>
      <c r="V129" s="16">
        <v>232</v>
      </c>
      <c r="W129" s="16">
        <v>5</v>
      </c>
      <c r="X129" s="16">
        <v>21</v>
      </c>
      <c r="Y129" s="16">
        <v>53</v>
      </c>
      <c r="Z129" s="16">
        <v>399</v>
      </c>
      <c r="AA129" s="22" t="s">
        <v>268</v>
      </c>
      <c r="AB129" s="16">
        <v>2940</v>
      </c>
      <c r="AC129" s="16">
        <v>14459</v>
      </c>
      <c r="AD129" s="16">
        <v>399</v>
      </c>
    </row>
    <row r="130" spans="1:30">
      <c r="A130" s="21" t="s">
        <v>232</v>
      </c>
      <c r="B130" s="21" t="s">
        <v>237</v>
      </c>
      <c r="C130" s="21" t="s">
        <v>264</v>
      </c>
      <c r="D130" s="21" t="s">
        <v>215</v>
      </c>
      <c r="E130" s="21" t="s">
        <v>467</v>
      </c>
      <c r="F130" s="21" t="s">
        <v>419</v>
      </c>
      <c r="G130" s="16">
        <v>14902</v>
      </c>
      <c r="H130" s="16">
        <v>14539</v>
      </c>
      <c r="I130" s="16">
        <v>11311</v>
      </c>
      <c r="J130" s="16">
        <v>8041</v>
      </c>
      <c r="K130" s="16">
        <v>3152</v>
      </c>
      <c r="L130" s="16">
        <v>116</v>
      </c>
      <c r="M130" s="16">
        <v>2</v>
      </c>
      <c r="N130" s="16">
        <v>3228</v>
      </c>
      <c r="O130" s="16">
        <v>1029</v>
      </c>
      <c r="P130" s="16">
        <v>66</v>
      </c>
      <c r="Q130" s="16">
        <v>1152</v>
      </c>
      <c r="R130" s="16">
        <v>71</v>
      </c>
      <c r="S130" s="16">
        <v>143</v>
      </c>
      <c r="T130" s="16">
        <v>418</v>
      </c>
      <c r="U130" s="16">
        <v>126</v>
      </c>
      <c r="V130" s="16">
        <v>191</v>
      </c>
      <c r="W130" s="16">
        <v>7</v>
      </c>
      <c r="X130" s="16">
        <v>25</v>
      </c>
      <c r="Y130" s="16">
        <v>30</v>
      </c>
      <c r="Z130" s="16">
        <v>333</v>
      </c>
      <c r="AA130" s="22" t="s">
        <v>268</v>
      </c>
      <c r="AB130" s="16">
        <v>1899</v>
      </c>
      <c r="AC130" s="16">
        <v>8037</v>
      </c>
      <c r="AD130" s="16">
        <v>333</v>
      </c>
    </row>
    <row r="131" spans="1:30">
      <c r="A131" s="21" t="s">
        <v>232</v>
      </c>
      <c r="B131" s="21" t="s">
        <v>237</v>
      </c>
      <c r="C131" s="21" t="s">
        <v>264</v>
      </c>
      <c r="D131" s="21" t="s">
        <v>215</v>
      </c>
      <c r="E131" s="21" t="s">
        <v>467</v>
      </c>
      <c r="F131" s="21" t="s">
        <v>420</v>
      </c>
      <c r="G131" s="16">
        <v>4757</v>
      </c>
      <c r="H131" s="16">
        <v>4569</v>
      </c>
      <c r="I131" s="16">
        <v>3251</v>
      </c>
      <c r="J131" s="16">
        <v>2310</v>
      </c>
      <c r="K131" s="16">
        <v>873</v>
      </c>
      <c r="L131" s="16">
        <v>68</v>
      </c>
      <c r="M131" s="22" t="s">
        <v>268</v>
      </c>
      <c r="N131" s="16">
        <v>1318</v>
      </c>
      <c r="O131" s="16">
        <v>540</v>
      </c>
      <c r="P131" s="16">
        <v>50</v>
      </c>
      <c r="Q131" s="16">
        <v>341</v>
      </c>
      <c r="R131" s="16">
        <v>34</v>
      </c>
      <c r="S131" s="16">
        <v>41</v>
      </c>
      <c r="T131" s="16">
        <v>119</v>
      </c>
      <c r="U131" s="16">
        <v>65</v>
      </c>
      <c r="V131" s="16">
        <v>106</v>
      </c>
      <c r="W131" s="16">
        <v>3</v>
      </c>
      <c r="X131" s="16">
        <v>19</v>
      </c>
      <c r="Y131" s="16">
        <v>11</v>
      </c>
      <c r="Z131" s="16">
        <v>177</v>
      </c>
      <c r="AA131" s="22" t="s">
        <v>268</v>
      </c>
      <c r="AB131" s="16">
        <v>654</v>
      </c>
      <c r="AC131" s="16">
        <v>2310</v>
      </c>
      <c r="AD131" s="16">
        <v>177</v>
      </c>
    </row>
    <row r="132" spans="1:30">
      <c r="A132" s="21" t="s">
        <v>232</v>
      </c>
      <c r="B132" s="21" t="s">
        <v>237</v>
      </c>
      <c r="C132" s="21" t="s">
        <v>264</v>
      </c>
      <c r="D132" s="21" t="s">
        <v>215</v>
      </c>
      <c r="E132" s="21" t="s">
        <v>467</v>
      </c>
      <c r="F132" s="21" t="s">
        <v>421</v>
      </c>
      <c r="G132" s="16">
        <v>540</v>
      </c>
      <c r="H132" s="16">
        <v>509</v>
      </c>
      <c r="I132" s="16">
        <v>338</v>
      </c>
      <c r="J132" s="16">
        <v>229</v>
      </c>
      <c r="K132" s="16">
        <v>97</v>
      </c>
      <c r="L132" s="16">
        <v>12</v>
      </c>
      <c r="M132" s="22" t="s">
        <v>268</v>
      </c>
      <c r="N132" s="16">
        <v>171</v>
      </c>
      <c r="O132" s="16">
        <v>71</v>
      </c>
      <c r="P132" s="16">
        <v>12</v>
      </c>
      <c r="Q132" s="16">
        <v>38</v>
      </c>
      <c r="R132" s="16">
        <v>7</v>
      </c>
      <c r="S132" s="16">
        <v>4</v>
      </c>
      <c r="T132" s="16">
        <v>12</v>
      </c>
      <c r="U132" s="16">
        <v>7</v>
      </c>
      <c r="V132" s="16">
        <v>19</v>
      </c>
      <c r="W132" s="16">
        <v>1</v>
      </c>
      <c r="X132" s="22" t="s">
        <v>268</v>
      </c>
      <c r="Y132" s="16">
        <v>1</v>
      </c>
      <c r="Z132" s="16">
        <v>30</v>
      </c>
      <c r="AA132" s="22" t="s">
        <v>268</v>
      </c>
      <c r="AB132" s="16">
        <v>83</v>
      </c>
      <c r="AC132" s="16">
        <v>229</v>
      </c>
      <c r="AD132" s="16">
        <v>30</v>
      </c>
    </row>
    <row r="133" spans="1:30">
      <c r="A133" s="21" t="s">
        <v>232</v>
      </c>
      <c r="B133" s="21" t="s">
        <v>237</v>
      </c>
      <c r="C133" s="21" t="s">
        <v>264</v>
      </c>
      <c r="D133" s="21" t="s">
        <v>215</v>
      </c>
      <c r="E133" s="21" t="s">
        <v>467</v>
      </c>
      <c r="F133" s="21" t="s">
        <v>422</v>
      </c>
      <c r="G133" s="16">
        <v>39</v>
      </c>
      <c r="H133" s="16">
        <v>38</v>
      </c>
      <c r="I133" s="16">
        <v>22</v>
      </c>
      <c r="J133" s="16">
        <v>18</v>
      </c>
      <c r="K133" s="16">
        <v>4</v>
      </c>
      <c r="L133" s="22" t="s">
        <v>268</v>
      </c>
      <c r="M133" s="22" t="s">
        <v>268</v>
      </c>
      <c r="N133" s="16">
        <v>16</v>
      </c>
      <c r="O133" s="16">
        <v>8</v>
      </c>
      <c r="P133" s="16">
        <v>1</v>
      </c>
      <c r="Q133" s="22" t="s">
        <v>268</v>
      </c>
      <c r="R133" s="22" t="s">
        <v>268</v>
      </c>
      <c r="S133" s="22" t="s">
        <v>268</v>
      </c>
      <c r="T133" s="16">
        <v>4</v>
      </c>
      <c r="U133" s="16">
        <v>1</v>
      </c>
      <c r="V133" s="16">
        <v>2</v>
      </c>
      <c r="W133" s="22" t="s">
        <v>268</v>
      </c>
      <c r="X133" s="22" t="s">
        <v>268</v>
      </c>
      <c r="Y133" s="22" t="s">
        <v>268</v>
      </c>
      <c r="Z133" s="16">
        <v>1</v>
      </c>
      <c r="AA133" s="22" t="s">
        <v>268</v>
      </c>
      <c r="AB133" s="16">
        <v>6</v>
      </c>
      <c r="AC133" s="16">
        <v>18</v>
      </c>
      <c r="AD133" s="16">
        <v>1</v>
      </c>
    </row>
    <row r="134" spans="1:30">
      <c r="A134" s="21" t="s">
        <v>232</v>
      </c>
      <c r="B134" s="21" t="s">
        <v>237</v>
      </c>
      <c r="C134" s="21" t="s">
        <v>264</v>
      </c>
      <c r="D134" s="21" t="s">
        <v>215</v>
      </c>
      <c r="E134" s="21" t="s">
        <v>467</v>
      </c>
      <c r="F134" s="21" t="s">
        <v>423</v>
      </c>
      <c r="G134" s="22" t="s">
        <v>268</v>
      </c>
      <c r="H134" s="22" t="s">
        <v>268</v>
      </c>
      <c r="I134" s="22" t="s">
        <v>268</v>
      </c>
      <c r="J134" s="22" t="s">
        <v>268</v>
      </c>
      <c r="K134" s="22" t="s">
        <v>268</v>
      </c>
      <c r="L134" s="22" t="s">
        <v>268</v>
      </c>
      <c r="M134" s="22" t="s">
        <v>268</v>
      </c>
      <c r="N134" s="22" t="s">
        <v>268</v>
      </c>
      <c r="O134" s="22" t="s">
        <v>268</v>
      </c>
      <c r="P134" s="22" t="s">
        <v>268</v>
      </c>
      <c r="Q134" s="22" t="s">
        <v>268</v>
      </c>
      <c r="R134" s="22" t="s">
        <v>268</v>
      </c>
      <c r="S134" s="22" t="s">
        <v>268</v>
      </c>
      <c r="T134" s="22" t="s">
        <v>268</v>
      </c>
      <c r="U134" s="22" t="s">
        <v>268</v>
      </c>
      <c r="V134" s="22" t="s">
        <v>268</v>
      </c>
      <c r="W134" s="22" t="s">
        <v>268</v>
      </c>
      <c r="X134" s="22" t="s">
        <v>268</v>
      </c>
      <c r="Y134" s="22" t="s">
        <v>268</v>
      </c>
      <c r="Z134" s="22" t="s">
        <v>268</v>
      </c>
      <c r="AA134" s="22" t="s">
        <v>268</v>
      </c>
      <c r="AB134" s="22" t="s">
        <v>268</v>
      </c>
      <c r="AC134" s="22" t="s">
        <v>268</v>
      </c>
      <c r="AD134" s="22" t="s">
        <v>268</v>
      </c>
    </row>
    <row r="135" spans="1:30">
      <c r="A135" s="21" t="s">
        <v>232</v>
      </c>
      <c r="B135" s="21" t="s">
        <v>237</v>
      </c>
      <c r="C135" s="21" t="s">
        <v>264</v>
      </c>
      <c r="D135" s="21" t="s">
        <v>215</v>
      </c>
      <c r="E135" s="21" t="s">
        <v>467</v>
      </c>
      <c r="F135" s="21" t="s">
        <v>386</v>
      </c>
      <c r="G135" s="22" t="s">
        <v>268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22" t="s">
        <v>268</v>
      </c>
      <c r="M135" s="22" t="s">
        <v>268</v>
      </c>
      <c r="N135" s="22" t="s">
        <v>268</v>
      </c>
      <c r="O135" s="22" t="s">
        <v>268</v>
      </c>
      <c r="P135" s="22" t="s">
        <v>268</v>
      </c>
      <c r="Q135" s="22" t="s">
        <v>268</v>
      </c>
      <c r="R135" s="22" t="s">
        <v>268</v>
      </c>
      <c r="S135" s="22" t="s">
        <v>268</v>
      </c>
      <c r="T135" s="22" t="s">
        <v>268</v>
      </c>
      <c r="U135" s="22" t="s">
        <v>268</v>
      </c>
      <c r="V135" s="22" t="s">
        <v>268</v>
      </c>
      <c r="W135" s="22" t="s">
        <v>268</v>
      </c>
      <c r="X135" s="22" t="s">
        <v>268</v>
      </c>
      <c r="Y135" s="22" t="s">
        <v>268</v>
      </c>
      <c r="Z135" s="22" t="s">
        <v>268</v>
      </c>
      <c r="AA135" s="22" t="s">
        <v>268</v>
      </c>
      <c r="AB135" s="22" t="s">
        <v>268</v>
      </c>
      <c r="AC135" s="22" t="s">
        <v>268</v>
      </c>
      <c r="AD135" s="22" t="s">
        <v>268</v>
      </c>
    </row>
    <row r="136" spans="1:30">
      <c r="A136" s="21" t="s">
        <v>232</v>
      </c>
      <c r="B136" s="21" t="s">
        <v>237</v>
      </c>
      <c r="C136" s="21" t="s">
        <v>264</v>
      </c>
      <c r="D136" s="21" t="s">
        <v>215</v>
      </c>
      <c r="E136" s="21" t="s">
        <v>467</v>
      </c>
      <c r="F136" s="21" t="s">
        <v>387</v>
      </c>
      <c r="G136" s="16">
        <v>242674</v>
      </c>
      <c r="H136" s="16">
        <v>233579</v>
      </c>
      <c r="I136" s="16">
        <v>189712</v>
      </c>
      <c r="J136" s="16">
        <v>52433</v>
      </c>
      <c r="K136" s="16">
        <v>135615</v>
      </c>
      <c r="L136" s="16">
        <v>717</v>
      </c>
      <c r="M136" s="16">
        <v>947</v>
      </c>
      <c r="N136" s="16">
        <v>43867</v>
      </c>
      <c r="O136" s="16">
        <v>3305</v>
      </c>
      <c r="P136" s="16">
        <v>7272</v>
      </c>
      <c r="Q136" s="16">
        <v>10608</v>
      </c>
      <c r="R136" s="16">
        <v>12803</v>
      </c>
      <c r="S136" s="16">
        <v>528</v>
      </c>
      <c r="T136" s="16">
        <v>1997</v>
      </c>
      <c r="U136" s="16">
        <v>1788</v>
      </c>
      <c r="V136" s="16">
        <v>5191</v>
      </c>
      <c r="W136" s="16">
        <v>56</v>
      </c>
      <c r="X136" s="16">
        <v>319</v>
      </c>
      <c r="Y136" s="16">
        <v>595</v>
      </c>
      <c r="Z136" s="16">
        <v>8500</v>
      </c>
      <c r="AA136" s="22" t="s">
        <v>268</v>
      </c>
      <c r="AB136" s="16">
        <v>31604</v>
      </c>
      <c r="AC136" s="22" t="s">
        <v>268</v>
      </c>
      <c r="AD136" s="22" t="s">
        <v>268</v>
      </c>
    </row>
    <row r="137" spans="1:30">
      <c r="A137" s="21" t="s">
        <v>232</v>
      </c>
      <c r="B137" s="21" t="s">
        <v>237</v>
      </c>
      <c r="C137" s="21" t="s">
        <v>264</v>
      </c>
      <c r="D137" s="21" t="s">
        <v>215</v>
      </c>
      <c r="E137" s="21" t="s">
        <v>467</v>
      </c>
      <c r="F137" s="21" t="s">
        <v>388</v>
      </c>
      <c r="G137" s="16">
        <v>172651</v>
      </c>
      <c r="H137" s="16">
        <v>169389</v>
      </c>
      <c r="I137" s="16">
        <v>138344</v>
      </c>
      <c r="J137" s="16">
        <v>96895</v>
      </c>
      <c r="K137" s="16">
        <v>40578</v>
      </c>
      <c r="L137" s="16">
        <v>661</v>
      </c>
      <c r="M137" s="16">
        <v>210</v>
      </c>
      <c r="N137" s="16">
        <v>31045</v>
      </c>
      <c r="O137" s="16">
        <v>3843</v>
      </c>
      <c r="P137" s="16">
        <v>4790</v>
      </c>
      <c r="Q137" s="16">
        <v>9103</v>
      </c>
      <c r="R137" s="16">
        <v>2501</v>
      </c>
      <c r="S137" s="16">
        <v>1730</v>
      </c>
      <c r="T137" s="16">
        <v>5600</v>
      </c>
      <c r="U137" s="16">
        <v>827</v>
      </c>
      <c r="V137" s="16">
        <v>2392</v>
      </c>
      <c r="W137" s="16">
        <v>73</v>
      </c>
      <c r="X137" s="16">
        <v>186</v>
      </c>
      <c r="Y137" s="16">
        <v>396</v>
      </c>
      <c r="Z137" s="16">
        <v>2866</v>
      </c>
      <c r="AA137" s="22" t="s">
        <v>268</v>
      </c>
      <c r="AB137" s="16">
        <v>19718</v>
      </c>
      <c r="AC137" s="16">
        <v>94175</v>
      </c>
      <c r="AD137" s="16">
        <v>2866</v>
      </c>
    </row>
    <row r="138" spans="1:30">
      <c r="A138" s="21" t="s">
        <v>232</v>
      </c>
      <c r="B138" s="21" t="s">
        <v>237</v>
      </c>
      <c r="C138" s="21" t="s">
        <v>264</v>
      </c>
      <c r="D138" s="21" t="s">
        <v>215</v>
      </c>
      <c r="E138" s="21" t="s">
        <v>467</v>
      </c>
      <c r="F138" s="21" t="s">
        <v>389</v>
      </c>
      <c r="G138" s="16">
        <v>77254</v>
      </c>
      <c r="H138" s="16">
        <v>75697</v>
      </c>
      <c r="I138" s="16">
        <v>62067</v>
      </c>
      <c r="J138" s="16">
        <v>44582</v>
      </c>
      <c r="K138" s="16">
        <v>17084</v>
      </c>
      <c r="L138" s="16">
        <v>391</v>
      </c>
      <c r="M138" s="16">
        <v>10</v>
      </c>
      <c r="N138" s="16">
        <v>13630</v>
      </c>
      <c r="O138" s="16">
        <v>3004</v>
      </c>
      <c r="P138" s="16">
        <v>470</v>
      </c>
      <c r="Q138" s="16">
        <v>5165</v>
      </c>
      <c r="R138" s="16">
        <v>303</v>
      </c>
      <c r="S138" s="16">
        <v>840</v>
      </c>
      <c r="T138" s="16">
        <v>2501</v>
      </c>
      <c r="U138" s="16">
        <v>426</v>
      </c>
      <c r="V138" s="16">
        <v>809</v>
      </c>
      <c r="W138" s="16">
        <v>25</v>
      </c>
      <c r="X138" s="16">
        <v>87</v>
      </c>
      <c r="Y138" s="16">
        <v>179</v>
      </c>
      <c r="Z138" s="16">
        <v>1378</v>
      </c>
      <c r="AA138" s="22" t="s">
        <v>268</v>
      </c>
      <c r="AB138" s="16">
        <v>8938</v>
      </c>
      <c r="AC138" s="16">
        <v>44434</v>
      </c>
      <c r="AD138" s="16">
        <v>1378</v>
      </c>
    </row>
    <row r="139" spans="1:30">
      <c r="A139" s="21" t="s">
        <v>232</v>
      </c>
      <c r="B139" s="21" t="s">
        <v>237</v>
      </c>
      <c r="C139" s="21" t="s">
        <v>264</v>
      </c>
      <c r="D139" s="21" t="s">
        <v>215</v>
      </c>
      <c r="E139" s="21" t="s">
        <v>467</v>
      </c>
      <c r="F139" s="21" t="s">
        <v>390</v>
      </c>
      <c r="G139" s="16">
        <v>20238</v>
      </c>
      <c r="H139" s="16">
        <v>19655</v>
      </c>
      <c r="I139" s="16">
        <v>14922</v>
      </c>
      <c r="J139" s="16">
        <v>10598</v>
      </c>
      <c r="K139" s="16">
        <v>4126</v>
      </c>
      <c r="L139" s="16">
        <v>196</v>
      </c>
      <c r="M139" s="16">
        <v>2</v>
      </c>
      <c r="N139" s="16">
        <v>4733</v>
      </c>
      <c r="O139" s="16">
        <v>1648</v>
      </c>
      <c r="P139" s="16">
        <v>129</v>
      </c>
      <c r="Q139" s="16">
        <v>1531</v>
      </c>
      <c r="R139" s="16">
        <v>112</v>
      </c>
      <c r="S139" s="16">
        <v>188</v>
      </c>
      <c r="T139" s="16">
        <v>553</v>
      </c>
      <c r="U139" s="16">
        <v>199</v>
      </c>
      <c r="V139" s="16">
        <v>318</v>
      </c>
      <c r="W139" s="16">
        <v>11</v>
      </c>
      <c r="X139" s="16">
        <v>44</v>
      </c>
      <c r="Y139" s="16">
        <v>42</v>
      </c>
      <c r="Z139" s="16">
        <v>541</v>
      </c>
      <c r="AA139" s="22" t="s">
        <v>268</v>
      </c>
      <c r="AB139" s="16">
        <v>2642</v>
      </c>
      <c r="AC139" s="16">
        <v>10594</v>
      </c>
      <c r="AD139" s="16">
        <v>541</v>
      </c>
    </row>
    <row r="140" spans="1:30">
      <c r="A140" s="21" t="s">
        <v>232</v>
      </c>
      <c r="B140" s="21" t="s">
        <v>237</v>
      </c>
      <c r="C140" s="21" t="s">
        <v>264</v>
      </c>
      <c r="D140" s="21" t="s">
        <v>215</v>
      </c>
      <c r="E140" s="21" t="s">
        <v>467</v>
      </c>
      <c r="F140" s="21" t="s">
        <v>391</v>
      </c>
      <c r="G140" s="16">
        <v>289861</v>
      </c>
      <c r="H140" s="16">
        <v>279865</v>
      </c>
      <c r="I140" s="16">
        <v>226432</v>
      </c>
      <c r="J140" s="16">
        <v>76814</v>
      </c>
      <c r="K140" s="16">
        <v>147694</v>
      </c>
      <c r="L140" s="16">
        <v>848</v>
      </c>
      <c r="M140" s="16">
        <v>1076</v>
      </c>
      <c r="N140" s="16">
        <v>53433</v>
      </c>
      <c r="O140" s="16">
        <v>3791</v>
      </c>
      <c r="P140" s="16">
        <v>10183</v>
      </c>
      <c r="Q140" s="16">
        <v>12276</v>
      </c>
      <c r="R140" s="16">
        <v>14335</v>
      </c>
      <c r="S140" s="16">
        <v>876</v>
      </c>
      <c r="T140" s="16">
        <v>3388</v>
      </c>
      <c r="U140" s="16">
        <v>2019</v>
      </c>
      <c r="V140" s="16">
        <v>6108</v>
      </c>
      <c r="W140" s="16">
        <v>83</v>
      </c>
      <c r="X140" s="16">
        <v>374</v>
      </c>
      <c r="Y140" s="16">
        <v>693</v>
      </c>
      <c r="Z140" s="16">
        <v>9303</v>
      </c>
      <c r="AA140" s="22" t="s">
        <v>268</v>
      </c>
      <c r="AB140" s="16">
        <v>37107</v>
      </c>
      <c r="AC140" s="16">
        <v>22330</v>
      </c>
      <c r="AD140" s="16">
        <v>821</v>
      </c>
    </row>
    <row r="141" spans="1:30">
      <c r="A141" s="21" t="s">
        <v>232</v>
      </c>
      <c r="B141" s="21" t="s">
        <v>237</v>
      </c>
      <c r="C141" s="21" t="s">
        <v>264</v>
      </c>
      <c r="D141" s="21" t="s">
        <v>216</v>
      </c>
      <c r="E141" s="21" t="s">
        <v>467</v>
      </c>
      <c r="F141" s="21" t="s">
        <v>401</v>
      </c>
      <c r="G141" s="16">
        <v>418867</v>
      </c>
      <c r="H141" s="16">
        <v>411709</v>
      </c>
      <c r="I141" s="16">
        <v>334599</v>
      </c>
      <c r="J141" s="16">
        <v>149328</v>
      </c>
      <c r="K141" s="16">
        <v>175732</v>
      </c>
      <c r="L141" s="16">
        <v>124</v>
      </c>
      <c r="M141" s="16">
        <v>9415</v>
      </c>
      <c r="N141" s="16">
        <v>77110</v>
      </c>
      <c r="O141" s="16">
        <v>7148</v>
      </c>
      <c r="P141" s="16">
        <v>12207</v>
      </c>
      <c r="Q141" s="16">
        <v>19712</v>
      </c>
      <c r="R141" s="16">
        <v>15449</v>
      </c>
      <c r="S141" s="16">
        <v>2258</v>
      </c>
      <c r="T141" s="16">
        <v>8403</v>
      </c>
      <c r="U141" s="16">
        <v>2632</v>
      </c>
      <c r="V141" s="16">
        <v>7751</v>
      </c>
      <c r="W141" s="16">
        <v>128</v>
      </c>
      <c r="X141" s="16">
        <v>1422</v>
      </c>
      <c r="Y141" s="16">
        <v>974</v>
      </c>
      <c r="Z141" s="16">
        <v>6184</v>
      </c>
      <c r="AA141" s="22" t="s">
        <v>268</v>
      </c>
      <c r="AB141" s="16">
        <v>53327</v>
      </c>
      <c r="AC141" s="16">
        <v>94175</v>
      </c>
      <c r="AD141" s="16">
        <v>2241</v>
      </c>
    </row>
    <row r="142" spans="1:30">
      <c r="A142" s="21" t="s">
        <v>232</v>
      </c>
      <c r="B142" s="21" t="s">
        <v>237</v>
      </c>
      <c r="C142" s="21" t="s">
        <v>264</v>
      </c>
      <c r="D142" s="21" t="s">
        <v>216</v>
      </c>
      <c r="E142" s="21" t="s">
        <v>467</v>
      </c>
      <c r="F142" s="21" t="s">
        <v>405</v>
      </c>
      <c r="G142" s="16">
        <v>147</v>
      </c>
      <c r="H142" s="16">
        <v>141</v>
      </c>
      <c r="I142" s="16">
        <v>98</v>
      </c>
      <c r="J142" s="16">
        <v>33</v>
      </c>
      <c r="K142" s="16">
        <v>54</v>
      </c>
      <c r="L142" s="16">
        <v>1</v>
      </c>
      <c r="M142" s="16">
        <v>10</v>
      </c>
      <c r="N142" s="16">
        <v>43</v>
      </c>
      <c r="O142" s="16">
        <v>1</v>
      </c>
      <c r="P142" s="16">
        <v>3</v>
      </c>
      <c r="Q142" s="16">
        <v>4</v>
      </c>
      <c r="R142" s="16">
        <v>2</v>
      </c>
      <c r="S142" s="22" t="s">
        <v>268</v>
      </c>
      <c r="T142" s="16">
        <v>3</v>
      </c>
      <c r="U142" s="16">
        <v>6</v>
      </c>
      <c r="V142" s="16">
        <v>20</v>
      </c>
      <c r="W142" s="22" t="s">
        <v>268</v>
      </c>
      <c r="X142" s="16">
        <v>4</v>
      </c>
      <c r="Y142" s="22" t="s">
        <v>268</v>
      </c>
      <c r="Z142" s="16">
        <v>6</v>
      </c>
      <c r="AA142" s="22" t="s">
        <v>268</v>
      </c>
      <c r="AB142" s="16">
        <v>36</v>
      </c>
      <c r="AC142" s="22" t="s">
        <v>268</v>
      </c>
      <c r="AD142" s="22" t="s">
        <v>268</v>
      </c>
    </row>
    <row r="143" spans="1:30">
      <c r="A143" s="21" t="s">
        <v>232</v>
      </c>
      <c r="B143" s="21" t="s">
        <v>237</v>
      </c>
      <c r="C143" s="21" t="s">
        <v>264</v>
      </c>
      <c r="D143" s="21" t="s">
        <v>216</v>
      </c>
      <c r="E143" s="21" t="s">
        <v>467</v>
      </c>
      <c r="F143" s="21" t="s">
        <v>406</v>
      </c>
      <c r="G143" s="16">
        <v>3038</v>
      </c>
      <c r="H143" s="16">
        <v>2938</v>
      </c>
      <c r="I143" s="16">
        <v>2343</v>
      </c>
      <c r="J143" s="16">
        <v>800</v>
      </c>
      <c r="K143" s="16">
        <v>1486</v>
      </c>
      <c r="L143" s="16">
        <v>3</v>
      </c>
      <c r="M143" s="16">
        <v>54</v>
      </c>
      <c r="N143" s="16">
        <v>595</v>
      </c>
      <c r="O143" s="16">
        <v>32</v>
      </c>
      <c r="P143" s="16">
        <v>16</v>
      </c>
      <c r="Q143" s="16">
        <v>69</v>
      </c>
      <c r="R143" s="16">
        <v>63</v>
      </c>
      <c r="S143" s="16">
        <v>32</v>
      </c>
      <c r="T143" s="16">
        <v>52</v>
      </c>
      <c r="U143" s="16">
        <v>103</v>
      </c>
      <c r="V143" s="16">
        <v>189</v>
      </c>
      <c r="W143" s="16">
        <v>3</v>
      </c>
      <c r="X143" s="16">
        <v>36</v>
      </c>
      <c r="Y143" s="16">
        <v>20</v>
      </c>
      <c r="Z143" s="16">
        <v>80</v>
      </c>
      <c r="AA143" s="22" t="s">
        <v>268</v>
      </c>
      <c r="AB143" s="16">
        <v>481</v>
      </c>
      <c r="AC143" s="22" t="s">
        <v>268</v>
      </c>
      <c r="AD143" s="22" t="s">
        <v>268</v>
      </c>
    </row>
    <row r="144" spans="1:30">
      <c r="A144" s="21" t="s">
        <v>232</v>
      </c>
      <c r="B144" s="21" t="s">
        <v>237</v>
      </c>
      <c r="C144" s="21" t="s">
        <v>264</v>
      </c>
      <c r="D144" s="21" t="s">
        <v>216</v>
      </c>
      <c r="E144" s="21" t="s">
        <v>467</v>
      </c>
      <c r="F144" s="21" t="s">
        <v>407</v>
      </c>
      <c r="G144" s="16">
        <v>13363</v>
      </c>
      <c r="H144" s="16">
        <v>12947</v>
      </c>
      <c r="I144" s="16">
        <v>11358</v>
      </c>
      <c r="J144" s="16">
        <v>3847</v>
      </c>
      <c r="K144" s="16">
        <v>7344</v>
      </c>
      <c r="L144" s="16">
        <v>12</v>
      </c>
      <c r="M144" s="16">
        <v>155</v>
      </c>
      <c r="N144" s="16">
        <v>1589</v>
      </c>
      <c r="O144" s="16">
        <v>65</v>
      </c>
      <c r="P144" s="16">
        <v>61</v>
      </c>
      <c r="Q144" s="16">
        <v>318</v>
      </c>
      <c r="R144" s="16">
        <v>258</v>
      </c>
      <c r="S144" s="16">
        <v>42</v>
      </c>
      <c r="T144" s="16">
        <v>103</v>
      </c>
      <c r="U144" s="16">
        <v>209</v>
      </c>
      <c r="V144" s="16">
        <v>471</v>
      </c>
      <c r="W144" s="22" t="s">
        <v>268</v>
      </c>
      <c r="X144" s="16">
        <v>62</v>
      </c>
      <c r="Y144" s="16">
        <v>42</v>
      </c>
      <c r="Z144" s="16">
        <v>374</v>
      </c>
      <c r="AA144" s="22" t="s">
        <v>268</v>
      </c>
      <c r="AB144" s="16">
        <v>1365</v>
      </c>
      <c r="AC144" s="22" t="s">
        <v>268</v>
      </c>
      <c r="AD144" s="22" t="s">
        <v>268</v>
      </c>
    </row>
    <row r="145" spans="1:30">
      <c r="A145" s="21" t="s">
        <v>232</v>
      </c>
      <c r="B145" s="21" t="s">
        <v>237</v>
      </c>
      <c r="C145" s="21" t="s">
        <v>264</v>
      </c>
      <c r="D145" s="21" t="s">
        <v>216</v>
      </c>
      <c r="E145" s="21" t="s">
        <v>467</v>
      </c>
      <c r="F145" s="21" t="s">
        <v>408</v>
      </c>
      <c r="G145" s="16">
        <v>25219</v>
      </c>
      <c r="H145" s="16">
        <v>24707</v>
      </c>
      <c r="I145" s="16">
        <v>21784</v>
      </c>
      <c r="J145" s="16">
        <v>3897</v>
      </c>
      <c r="K145" s="16">
        <v>17450</v>
      </c>
      <c r="L145" s="16">
        <v>3</v>
      </c>
      <c r="M145" s="16">
        <v>434</v>
      </c>
      <c r="N145" s="16">
        <v>2923</v>
      </c>
      <c r="O145" s="16">
        <v>99</v>
      </c>
      <c r="P145" s="16">
        <v>96</v>
      </c>
      <c r="Q145" s="16">
        <v>810</v>
      </c>
      <c r="R145" s="16">
        <v>608</v>
      </c>
      <c r="S145" s="16">
        <v>48</v>
      </c>
      <c r="T145" s="16">
        <v>215</v>
      </c>
      <c r="U145" s="16">
        <v>220</v>
      </c>
      <c r="V145" s="16">
        <v>760</v>
      </c>
      <c r="W145" s="16">
        <v>8</v>
      </c>
      <c r="X145" s="16">
        <v>59</v>
      </c>
      <c r="Y145" s="16">
        <v>58</v>
      </c>
      <c r="Z145" s="16">
        <v>454</v>
      </c>
      <c r="AA145" s="22" t="s">
        <v>268</v>
      </c>
      <c r="AB145" s="16">
        <v>2610</v>
      </c>
      <c r="AC145" s="22" t="s">
        <v>268</v>
      </c>
      <c r="AD145" s="22" t="s">
        <v>268</v>
      </c>
    </row>
    <row r="146" spans="1:30">
      <c r="A146" s="21" t="s">
        <v>232</v>
      </c>
      <c r="B146" s="21" t="s">
        <v>237</v>
      </c>
      <c r="C146" s="21" t="s">
        <v>264</v>
      </c>
      <c r="D146" s="21" t="s">
        <v>216</v>
      </c>
      <c r="E146" s="21" t="s">
        <v>467</v>
      </c>
      <c r="F146" s="21" t="s">
        <v>409</v>
      </c>
      <c r="G146" s="16">
        <v>32974</v>
      </c>
      <c r="H146" s="16">
        <v>32633</v>
      </c>
      <c r="I146" s="16">
        <v>28198</v>
      </c>
      <c r="J146" s="16">
        <v>3162</v>
      </c>
      <c r="K146" s="16">
        <v>24231</v>
      </c>
      <c r="L146" s="16">
        <v>7</v>
      </c>
      <c r="M146" s="16">
        <v>798</v>
      </c>
      <c r="N146" s="16">
        <v>4435</v>
      </c>
      <c r="O146" s="16">
        <v>141</v>
      </c>
      <c r="P146" s="16">
        <v>169</v>
      </c>
      <c r="Q146" s="16">
        <v>1489</v>
      </c>
      <c r="R146" s="16">
        <v>1148</v>
      </c>
      <c r="S146" s="16">
        <v>40</v>
      </c>
      <c r="T146" s="16">
        <v>311</v>
      </c>
      <c r="U146" s="16">
        <v>193</v>
      </c>
      <c r="V146" s="16">
        <v>829</v>
      </c>
      <c r="W146" s="16">
        <v>3</v>
      </c>
      <c r="X146" s="16">
        <v>112</v>
      </c>
      <c r="Y146" s="16">
        <v>66</v>
      </c>
      <c r="Z146" s="16">
        <v>275</v>
      </c>
      <c r="AA146" s="22" t="s">
        <v>268</v>
      </c>
      <c r="AB146" s="16">
        <v>3993</v>
      </c>
      <c r="AC146" s="22" t="s">
        <v>268</v>
      </c>
      <c r="AD146" s="22" t="s">
        <v>268</v>
      </c>
    </row>
    <row r="147" spans="1:30">
      <c r="A147" s="21" t="s">
        <v>232</v>
      </c>
      <c r="B147" s="21" t="s">
        <v>237</v>
      </c>
      <c r="C147" s="21" t="s">
        <v>264</v>
      </c>
      <c r="D147" s="21" t="s">
        <v>216</v>
      </c>
      <c r="E147" s="21" t="s">
        <v>467</v>
      </c>
      <c r="F147" s="21" t="s">
        <v>410</v>
      </c>
      <c r="G147" s="16">
        <v>36726</v>
      </c>
      <c r="H147" s="16">
        <v>36384</v>
      </c>
      <c r="I147" s="16">
        <v>30827</v>
      </c>
      <c r="J147" s="16">
        <v>3355</v>
      </c>
      <c r="K147" s="16">
        <v>26194</v>
      </c>
      <c r="L147" s="16">
        <v>10</v>
      </c>
      <c r="M147" s="16">
        <v>1268</v>
      </c>
      <c r="N147" s="16">
        <v>5557</v>
      </c>
      <c r="O147" s="16">
        <v>185</v>
      </c>
      <c r="P147" s="16">
        <v>242</v>
      </c>
      <c r="Q147" s="16">
        <v>2041</v>
      </c>
      <c r="R147" s="16">
        <v>1715</v>
      </c>
      <c r="S147" s="16">
        <v>42</v>
      </c>
      <c r="T147" s="16">
        <v>324</v>
      </c>
      <c r="U147" s="16">
        <v>139</v>
      </c>
      <c r="V147" s="16">
        <v>722</v>
      </c>
      <c r="W147" s="16">
        <v>1</v>
      </c>
      <c r="X147" s="16">
        <v>146</v>
      </c>
      <c r="Y147" s="16">
        <v>84</v>
      </c>
      <c r="Z147" s="16">
        <v>258</v>
      </c>
      <c r="AA147" s="22" t="s">
        <v>268</v>
      </c>
      <c r="AB147" s="16">
        <v>4966</v>
      </c>
      <c r="AC147" s="22" t="s">
        <v>268</v>
      </c>
      <c r="AD147" s="22" t="s">
        <v>268</v>
      </c>
    </row>
    <row r="148" spans="1:30">
      <c r="A148" s="21" t="s">
        <v>232</v>
      </c>
      <c r="B148" s="21" t="s">
        <v>237</v>
      </c>
      <c r="C148" s="21" t="s">
        <v>264</v>
      </c>
      <c r="D148" s="21" t="s">
        <v>216</v>
      </c>
      <c r="E148" s="21" t="s">
        <v>467</v>
      </c>
      <c r="F148" s="21" t="s">
        <v>411</v>
      </c>
      <c r="G148" s="16">
        <v>38485</v>
      </c>
      <c r="H148" s="16">
        <v>37991</v>
      </c>
      <c r="I148" s="16">
        <v>31181</v>
      </c>
      <c r="J148" s="16">
        <v>5428</v>
      </c>
      <c r="K148" s="16">
        <v>23948</v>
      </c>
      <c r="L148" s="16">
        <v>11</v>
      </c>
      <c r="M148" s="16">
        <v>1794</v>
      </c>
      <c r="N148" s="16">
        <v>6810</v>
      </c>
      <c r="O148" s="16">
        <v>442</v>
      </c>
      <c r="P148" s="16">
        <v>577</v>
      </c>
      <c r="Q148" s="16">
        <v>2168</v>
      </c>
      <c r="R148" s="16">
        <v>2316</v>
      </c>
      <c r="S148" s="16">
        <v>53</v>
      </c>
      <c r="T148" s="16">
        <v>340</v>
      </c>
      <c r="U148" s="16">
        <v>166</v>
      </c>
      <c r="V148" s="16">
        <v>579</v>
      </c>
      <c r="W148" s="16">
        <v>7</v>
      </c>
      <c r="X148" s="16">
        <v>162</v>
      </c>
      <c r="Y148" s="16">
        <v>92</v>
      </c>
      <c r="Z148" s="16">
        <v>402</v>
      </c>
      <c r="AA148" s="22" t="s">
        <v>268</v>
      </c>
      <c r="AB148" s="16">
        <v>5594</v>
      </c>
      <c r="AC148" s="22" t="s">
        <v>268</v>
      </c>
      <c r="AD148" s="22" t="s">
        <v>268</v>
      </c>
    </row>
    <row r="149" spans="1:30">
      <c r="A149" s="21" t="s">
        <v>232</v>
      </c>
      <c r="B149" s="21" t="s">
        <v>237</v>
      </c>
      <c r="C149" s="21" t="s">
        <v>264</v>
      </c>
      <c r="D149" s="21" t="s">
        <v>216</v>
      </c>
      <c r="E149" s="21" t="s">
        <v>467</v>
      </c>
      <c r="F149" s="21" t="s">
        <v>412</v>
      </c>
      <c r="G149" s="16">
        <v>36295</v>
      </c>
      <c r="H149" s="16">
        <v>35550</v>
      </c>
      <c r="I149" s="16">
        <v>27324</v>
      </c>
      <c r="J149" s="16">
        <v>8798</v>
      </c>
      <c r="K149" s="16">
        <v>16918</v>
      </c>
      <c r="L149" s="16">
        <v>13</v>
      </c>
      <c r="M149" s="16">
        <v>1595</v>
      </c>
      <c r="N149" s="16">
        <v>8226</v>
      </c>
      <c r="O149" s="16">
        <v>789</v>
      </c>
      <c r="P149" s="16">
        <v>1407</v>
      </c>
      <c r="Q149" s="16">
        <v>1773</v>
      </c>
      <c r="R149" s="16">
        <v>2790</v>
      </c>
      <c r="S149" s="16">
        <v>66</v>
      </c>
      <c r="T149" s="16">
        <v>401</v>
      </c>
      <c r="U149" s="16">
        <v>258</v>
      </c>
      <c r="V149" s="16">
        <v>536</v>
      </c>
      <c r="W149" s="16">
        <v>2</v>
      </c>
      <c r="X149" s="16">
        <v>204</v>
      </c>
      <c r="Y149" s="16">
        <v>96</v>
      </c>
      <c r="Z149" s="16">
        <v>649</v>
      </c>
      <c r="AA149" s="22" t="s">
        <v>268</v>
      </c>
      <c r="AB149" s="16">
        <v>5740</v>
      </c>
      <c r="AC149" s="22" t="s">
        <v>268</v>
      </c>
      <c r="AD149" s="22" t="s">
        <v>268</v>
      </c>
    </row>
    <row r="150" spans="1:30">
      <c r="A150" s="21" t="s">
        <v>232</v>
      </c>
      <c r="B150" s="21" t="s">
        <v>237</v>
      </c>
      <c r="C150" s="21" t="s">
        <v>264</v>
      </c>
      <c r="D150" s="21" t="s">
        <v>216</v>
      </c>
      <c r="E150" s="21" t="s">
        <v>467</v>
      </c>
      <c r="F150" s="21" t="s">
        <v>413</v>
      </c>
      <c r="G150" s="16">
        <v>39511</v>
      </c>
      <c r="H150" s="16">
        <v>38573</v>
      </c>
      <c r="I150" s="16">
        <v>28512</v>
      </c>
      <c r="J150" s="16">
        <v>14158</v>
      </c>
      <c r="K150" s="16">
        <v>13210</v>
      </c>
      <c r="L150" s="16">
        <v>32</v>
      </c>
      <c r="M150" s="16">
        <v>1112</v>
      </c>
      <c r="N150" s="16">
        <v>10061</v>
      </c>
      <c r="O150" s="16">
        <v>1063</v>
      </c>
      <c r="P150" s="16">
        <v>2867</v>
      </c>
      <c r="Q150" s="16">
        <v>1327</v>
      </c>
      <c r="R150" s="16">
        <v>2841</v>
      </c>
      <c r="S150" s="16">
        <v>103</v>
      </c>
      <c r="T150" s="16">
        <v>569</v>
      </c>
      <c r="U150" s="16">
        <v>320</v>
      </c>
      <c r="V150" s="16">
        <v>758</v>
      </c>
      <c r="W150" s="16">
        <v>12</v>
      </c>
      <c r="X150" s="16">
        <v>201</v>
      </c>
      <c r="Y150" s="16">
        <v>91</v>
      </c>
      <c r="Z150" s="16">
        <v>847</v>
      </c>
      <c r="AA150" s="22" t="s">
        <v>268</v>
      </c>
      <c r="AB150" s="16">
        <v>5725</v>
      </c>
      <c r="AC150" s="22" t="s">
        <v>268</v>
      </c>
      <c r="AD150" s="22" t="s">
        <v>268</v>
      </c>
    </row>
    <row r="151" spans="1:30">
      <c r="A151" s="21" t="s">
        <v>232</v>
      </c>
      <c r="B151" s="21" t="s">
        <v>237</v>
      </c>
      <c r="C151" s="21" t="s">
        <v>264</v>
      </c>
      <c r="D151" s="21" t="s">
        <v>216</v>
      </c>
      <c r="E151" s="21" t="s">
        <v>467</v>
      </c>
      <c r="F151" s="21" t="s">
        <v>414</v>
      </c>
      <c r="G151" s="16">
        <v>43478</v>
      </c>
      <c r="H151" s="16">
        <v>42774</v>
      </c>
      <c r="I151" s="16">
        <v>32636</v>
      </c>
      <c r="J151" s="16">
        <v>20551</v>
      </c>
      <c r="K151" s="16">
        <v>11499</v>
      </c>
      <c r="L151" s="16">
        <v>19</v>
      </c>
      <c r="M151" s="16">
        <v>567</v>
      </c>
      <c r="N151" s="16">
        <v>10138</v>
      </c>
      <c r="O151" s="16">
        <v>720</v>
      </c>
      <c r="P151" s="16">
        <v>3335</v>
      </c>
      <c r="Q151" s="16">
        <v>1306</v>
      </c>
      <c r="R151" s="16">
        <v>2047</v>
      </c>
      <c r="S151" s="16">
        <v>256</v>
      </c>
      <c r="T151" s="16">
        <v>1088</v>
      </c>
      <c r="U151" s="16">
        <v>292</v>
      </c>
      <c r="V151" s="16">
        <v>956</v>
      </c>
      <c r="W151" s="16">
        <v>17</v>
      </c>
      <c r="X151" s="16">
        <v>121</v>
      </c>
      <c r="Y151" s="16">
        <v>106</v>
      </c>
      <c r="Z151" s="16">
        <v>598</v>
      </c>
      <c r="AA151" s="22" t="s">
        <v>268</v>
      </c>
      <c r="AB151" s="16">
        <v>5527</v>
      </c>
      <c r="AC151" s="16">
        <v>10804</v>
      </c>
      <c r="AD151" s="22" t="s">
        <v>268</v>
      </c>
    </row>
    <row r="152" spans="1:30">
      <c r="A152" s="21" t="s">
        <v>232</v>
      </c>
      <c r="B152" s="21" t="s">
        <v>237</v>
      </c>
      <c r="C152" s="21" t="s">
        <v>264</v>
      </c>
      <c r="D152" s="21" t="s">
        <v>216</v>
      </c>
      <c r="E152" s="21" t="s">
        <v>467</v>
      </c>
      <c r="F152" s="21" t="s">
        <v>415</v>
      </c>
      <c r="G152" s="16">
        <v>47492</v>
      </c>
      <c r="H152" s="16">
        <v>46869</v>
      </c>
      <c r="I152" s="16">
        <v>37959</v>
      </c>
      <c r="J152" s="16">
        <v>26395</v>
      </c>
      <c r="K152" s="16">
        <v>11150</v>
      </c>
      <c r="L152" s="16">
        <v>12</v>
      </c>
      <c r="M152" s="16">
        <v>402</v>
      </c>
      <c r="N152" s="16">
        <v>8910</v>
      </c>
      <c r="O152" s="16">
        <v>417</v>
      </c>
      <c r="P152" s="16">
        <v>2236</v>
      </c>
      <c r="Q152" s="16">
        <v>2051</v>
      </c>
      <c r="R152" s="16">
        <v>996</v>
      </c>
      <c r="S152" s="16">
        <v>454</v>
      </c>
      <c r="T152" s="16">
        <v>1602</v>
      </c>
      <c r="U152" s="16">
        <v>213</v>
      </c>
      <c r="V152" s="16">
        <v>819</v>
      </c>
      <c r="W152" s="16">
        <v>18</v>
      </c>
      <c r="X152" s="16">
        <v>104</v>
      </c>
      <c r="Y152" s="16">
        <v>92</v>
      </c>
      <c r="Z152" s="16">
        <v>531</v>
      </c>
      <c r="AA152" s="22" t="s">
        <v>268</v>
      </c>
      <c r="AB152" s="16">
        <v>5530</v>
      </c>
      <c r="AC152" s="16">
        <v>24776</v>
      </c>
      <c r="AD152" s="16">
        <v>531</v>
      </c>
    </row>
    <row r="153" spans="1:30">
      <c r="A153" s="21" t="s">
        <v>232</v>
      </c>
      <c r="B153" s="21" t="s">
        <v>237</v>
      </c>
      <c r="C153" s="21" t="s">
        <v>264</v>
      </c>
      <c r="D153" s="21" t="s">
        <v>216</v>
      </c>
      <c r="E153" s="21" t="s">
        <v>467</v>
      </c>
      <c r="F153" s="21" t="s">
        <v>416</v>
      </c>
      <c r="G153" s="16">
        <v>43773</v>
      </c>
      <c r="H153" s="16">
        <v>43130</v>
      </c>
      <c r="I153" s="16">
        <v>36397</v>
      </c>
      <c r="J153" s="16">
        <v>26162</v>
      </c>
      <c r="K153" s="16">
        <v>9913</v>
      </c>
      <c r="L153" s="16">
        <v>1</v>
      </c>
      <c r="M153" s="16">
        <v>321</v>
      </c>
      <c r="N153" s="16">
        <v>6733</v>
      </c>
      <c r="O153" s="16">
        <v>435</v>
      </c>
      <c r="P153" s="16">
        <v>815</v>
      </c>
      <c r="Q153" s="16">
        <v>2348</v>
      </c>
      <c r="R153" s="16">
        <v>360</v>
      </c>
      <c r="S153" s="16">
        <v>501</v>
      </c>
      <c r="T153" s="16">
        <v>1588</v>
      </c>
      <c r="U153" s="16">
        <v>138</v>
      </c>
      <c r="V153" s="16">
        <v>451</v>
      </c>
      <c r="W153" s="16">
        <v>26</v>
      </c>
      <c r="X153" s="16">
        <v>71</v>
      </c>
      <c r="Y153" s="16">
        <v>109</v>
      </c>
      <c r="Z153" s="16">
        <v>534</v>
      </c>
      <c r="AA153" s="22" t="s">
        <v>268</v>
      </c>
      <c r="AB153" s="16">
        <v>4751</v>
      </c>
      <c r="AC153" s="16">
        <v>25899</v>
      </c>
      <c r="AD153" s="16">
        <v>534</v>
      </c>
    </row>
    <row r="154" spans="1:30">
      <c r="A154" s="21" t="s">
        <v>232</v>
      </c>
      <c r="B154" s="21" t="s">
        <v>237</v>
      </c>
      <c r="C154" s="21" t="s">
        <v>264</v>
      </c>
      <c r="D154" s="21" t="s">
        <v>216</v>
      </c>
      <c r="E154" s="21" t="s">
        <v>467</v>
      </c>
      <c r="F154" s="21" t="s">
        <v>417</v>
      </c>
      <c r="G154" s="16">
        <v>28874</v>
      </c>
      <c r="H154" s="16">
        <v>28403</v>
      </c>
      <c r="I154" s="16">
        <v>23892</v>
      </c>
      <c r="J154" s="16">
        <v>17108</v>
      </c>
      <c r="K154" s="16">
        <v>6487</v>
      </c>
      <c r="L154" s="22" t="s">
        <v>268</v>
      </c>
      <c r="M154" s="16">
        <v>297</v>
      </c>
      <c r="N154" s="16">
        <v>4511</v>
      </c>
      <c r="O154" s="16">
        <v>696</v>
      </c>
      <c r="P154" s="16">
        <v>126</v>
      </c>
      <c r="Q154" s="16">
        <v>1816</v>
      </c>
      <c r="R154" s="16">
        <v>108</v>
      </c>
      <c r="S154" s="16">
        <v>337</v>
      </c>
      <c r="T154" s="16">
        <v>988</v>
      </c>
      <c r="U154" s="16">
        <v>128</v>
      </c>
      <c r="V154" s="16">
        <v>250</v>
      </c>
      <c r="W154" s="16">
        <v>15</v>
      </c>
      <c r="X154" s="16">
        <v>47</v>
      </c>
      <c r="Y154" s="16">
        <v>48</v>
      </c>
      <c r="Z154" s="16">
        <v>423</v>
      </c>
      <c r="AA154" s="22" t="s">
        <v>268</v>
      </c>
      <c r="AB154" s="16">
        <v>3202</v>
      </c>
      <c r="AC154" s="16">
        <v>17074</v>
      </c>
      <c r="AD154" s="16">
        <v>423</v>
      </c>
    </row>
    <row r="155" spans="1:30">
      <c r="A155" s="21" t="s">
        <v>232</v>
      </c>
      <c r="B155" s="21" t="s">
        <v>237</v>
      </c>
      <c r="C155" s="21" t="s">
        <v>264</v>
      </c>
      <c r="D155" s="21" t="s">
        <v>216</v>
      </c>
      <c r="E155" s="21" t="s">
        <v>467</v>
      </c>
      <c r="F155" s="21" t="s">
        <v>418</v>
      </c>
      <c r="G155" s="16">
        <v>19006</v>
      </c>
      <c r="H155" s="16">
        <v>18575</v>
      </c>
      <c r="I155" s="16">
        <v>14838</v>
      </c>
      <c r="J155" s="16">
        <v>10627</v>
      </c>
      <c r="K155" s="16">
        <v>3918</v>
      </c>
      <c r="L155" s="22" t="s">
        <v>268</v>
      </c>
      <c r="M155" s="16">
        <v>293</v>
      </c>
      <c r="N155" s="16">
        <v>3737</v>
      </c>
      <c r="O155" s="16">
        <v>1014</v>
      </c>
      <c r="P155" s="16">
        <v>84</v>
      </c>
      <c r="Q155" s="16">
        <v>1423</v>
      </c>
      <c r="R155" s="16">
        <v>85</v>
      </c>
      <c r="S155" s="16">
        <v>185</v>
      </c>
      <c r="T155" s="16">
        <v>562</v>
      </c>
      <c r="U155" s="16">
        <v>134</v>
      </c>
      <c r="V155" s="16">
        <v>193</v>
      </c>
      <c r="W155" s="16">
        <v>10</v>
      </c>
      <c r="X155" s="16">
        <v>47</v>
      </c>
      <c r="Y155" s="16">
        <v>39</v>
      </c>
      <c r="Z155" s="16">
        <v>392</v>
      </c>
      <c r="AA155" s="22" t="s">
        <v>268</v>
      </c>
      <c r="AB155" s="16">
        <v>2349</v>
      </c>
      <c r="AC155" s="16">
        <v>10620</v>
      </c>
      <c r="AD155" s="16">
        <v>392</v>
      </c>
    </row>
    <row r="156" spans="1:30">
      <c r="A156" s="21" t="s">
        <v>232</v>
      </c>
      <c r="B156" s="21" t="s">
        <v>237</v>
      </c>
      <c r="C156" s="21" t="s">
        <v>264</v>
      </c>
      <c r="D156" s="21" t="s">
        <v>216</v>
      </c>
      <c r="E156" s="21" t="s">
        <v>467</v>
      </c>
      <c r="F156" s="21" t="s">
        <v>419</v>
      </c>
      <c r="G156" s="16">
        <v>8480</v>
      </c>
      <c r="H156" s="16">
        <v>8174</v>
      </c>
      <c r="I156" s="16">
        <v>6007</v>
      </c>
      <c r="J156" s="16">
        <v>4181</v>
      </c>
      <c r="K156" s="16">
        <v>1620</v>
      </c>
      <c r="L156" s="22" t="s">
        <v>268</v>
      </c>
      <c r="M156" s="16">
        <v>206</v>
      </c>
      <c r="N156" s="16">
        <v>2167</v>
      </c>
      <c r="O156" s="16">
        <v>801</v>
      </c>
      <c r="P156" s="16">
        <v>88</v>
      </c>
      <c r="Q156" s="16">
        <v>635</v>
      </c>
      <c r="R156" s="16">
        <v>76</v>
      </c>
      <c r="S156" s="16">
        <v>83</v>
      </c>
      <c r="T156" s="16">
        <v>205</v>
      </c>
      <c r="U156" s="16">
        <v>87</v>
      </c>
      <c r="V156" s="16">
        <v>150</v>
      </c>
      <c r="W156" s="16">
        <v>5</v>
      </c>
      <c r="X156" s="16">
        <v>37</v>
      </c>
      <c r="Y156" s="16">
        <v>24</v>
      </c>
      <c r="Z156" s="16">
        <v>282</v>
      </c>
      <c r="AA156" s="22" t="s">
        <v>268</v>
      </c>
      <c r="AB156" s="16">
        <v>1144</v>
      </c>
      <c r="AC156" s="16">
        <v>4177</v>
      </c>
      <c r="AD156" s="16">
        <v>282</v>
      </c>
    </row>
    <row r="157" spans="1:30">
      <c r="A157" s="21" t="s">
        <v>232</v>
      </c>
      <c r="B157" s="21" t="s">
        <v>237</v>
      </c>
      <c r="C157" s="21" t="s">
        <v>264</v>
      </c>
      <c r="D157" s="21" t="s">
        <v>216</v>
      </c>
      <c r="E157" s="21" t="s">
        <v>467</v>
      </c>
      <c r="F157" s="21" t="s">
        <v>420</v>
      </c>
      <c r="G157" s="16">
        <v>1809</v>
      </c>
      <c r="H157" s="16">
        <v>1736</v>
      </c>
      <c r="I157" s="16">
        <v>1134</v>
      </c>
      <c r="J157" s="16">
        <v>778</v>
      </c>
      <c r="K157" s="16">
        <v>279</v>
      </c>
      <c r="L157" s="22" t="s">
        <v>268</v>
      </c>
      <c r="M157" s="16">
        <v>77</v>
      </c>
      <c r="N157" s="16">
        <v>602</v>
      </c>
      <c r="O157" s="16">
        <v>228</v>
      </c>
      <c r="P157" s="16">
        <v>64</v>
      </c>
      <c r="Q157" s="16">
        <v>122</v>
      </c>
      <c r="R157" s="16">
        <v>33</v>
      </c>
      <c r="S157" s="16">
        <v>15</v>
      </c>
      <c r="T157" s="16">
        <v>46</v>
      </c>
      <c r="U157" s="16">
        <v>23</v>
      </c>
      <c r="V157" s="16">
        <v>61</v>
      </c>
      <c r="W157" s="16">
        <v>1</v>
      </c>
      <c r="X157" s="16">
        <v>9</v>
      </c>
      <c r="Y157" s="16">
        <v>4</v>
      </c>
      <c r="Z157" s="16">
        <v>69</v>
      </c>
      <c r="AA157" s="22" t="s">
        <v>268</v>
      </c>
      <c r="AB157" s="16">
        <v>283</v>
      </c>
      <c r="AC157" s="16">
        <v>777</v>
      </c>
      <c r="AD157" s="16">
        <v>69</v>
      </c>
    </row>
    <row r="158" spans="1:30">
      <c r="A158" s="21" t="s">
        <v>232</v>
      </c>
      <c r="B158" s="21" t="s">
        <v>237</v>
      </c>
      <c r="C158" s="21" t="s">
        <v>264</v>
      </c>
      <c r="D158" s="21" t="s">
        <v>216</v>
      </c>
      <c r="E158" s="21" t="s">
        <v>467</v>
      </c>
      <c r="F158" s="21" t="s">
        <v>421</v>
      </c>
      <c r="G158" s="16">
        <v>185</v>
      </c>
      <c r="H158" s="16">
        <v>173</v>
      </c>
      <c r="I158" s="16">
        <v>105</v>
      </c>
      <c r="J158" s="16">
        <v>47</v>
      </c>
      <c r="K158" s="16">
        <v>30</v>
      </c>
      <c r="L158" s="22" t="s">
        <v>268</v>
      </c>
      <c r="M158" s="16">
        <v>28</v>
      </c>
      <c r="N158" s="16">
        <v>68</v>
      </c>
      <c r="O158" s="16">
        <v>20</v>
      </c>
      <c r="P158" s="16">
        <v>18</v>
      </c>
      <c r="Q158" s="16">
        <v>11</v>
      </c>
      <c r="R158" s="16">
        <v>2</v>
      </c>
      <c r="S158" s="16">
        <v>1</v>
      </c>
      <c r="T158" s="16">
        <v>6</v>
      </c>
      <c r="U158" s="16">
        <v>3</v>
      </c>
      <c r="V158" s="16">
        <v>7</v>
      </c>
      <c r="W158" s="22" t="s">
        <v>268</v>
      </c>
      <c r="X158" s="22" t="s">
        <v>268</v>
      </c>
      <c r="Y158" s="16">
        <v>3</v>
      </c>
      <c r="Z158" s="16">
        <v>9</v>
      </c>
      <c r="AA158" s="22" t="s">
        <v>268</v>
      </c>
      <c r="AB158" s="16">
        <v>29</v>
      </c>
      <c r="AC158" s="16">
        <v>47</v>
      </c>
      <c r="AD158" s="16">
        <v>9</v>
      </c>
    </row>
    <row r="159" spans="1:30">
      <c r="A159" s="21" t="s">
        <v>232</v>
      </c>
      <c r="B159" s="21" t="s">
        <v>237</v>
      </c>
      <c r="C159" s="21" t="s">
        <v>264</v>
      </c>
      <c r="D159" s="21" t="s">
        <v>216</v>
      </c>
      <c r="E159" s="21" t="s">
        <v>467</v>
      </c>
      <c r="F159" s="21" t="s">
        <v>422</v>
      </c>
      <c r="G159" s="16">
        <v>12</v>
      </c>
      <c r="H159" s="16">
        <v>11</v>
      </c>
      <c r="I159" s="16">
        <v>6</v>
      </c>
      <c r="J159" s="16">
        <v>1</v>
      </c>
      <c r="K159" s="16">
        <v>1</v>
      </c>
      <c r="L159" s="22" t="s">
        <v>268</v>
      </c>
      <c r="M159" s="16">
        <v>4</v>
      </c>
      <c r="N159" s="16">
        <v>5</v>
      </c>
      <c r="O159" s="22" t="s">
        <v>268</v>
      </c>
      <c r="P159" s="16">
        <v>3</v>
      </c>
      <c r="Q159" s="16">
        <v>1</v>
      </c>
      <c r="R159" s="16">
        <v>1</v>
      </c>
      <c r="S159" s="22" t="s">
        <v>268</v>
      </c>
      <c r="T159" s="22" t="s">
        <v>268</v>
      </c>
      <c r="U159" s="22" t="s">
        <v>268</v>
      </c>
      <c r="V159" s="22" t="s">
        <v>268</v>
      </c>
      <c r="W159" s="22" t="s">
        <v>268</v>
      </c>
      <c r="X159" s="22" t="s">
        <v>268</v>
      </c>
      <c r="Y159" s="22" t="s">
        <v>268</v>
      </c>
      <c r="Z159" s="16">
        <v>1</v>
      </c>
      <c r="AA159" s="22" t="s">
        <v>268</v>
      </c>
      <c r="AB159" s="16">
        <v>2</v>
      </c>
      <c r="AC159" s="16">
        <v>1</v>
      </c>
      <c r="AD159" s="16">
        <v>1</v>
      </c>
    </row>
    <row r="160" spans="1:30">
      <c r="A160" s="21" t="s">
        <v>232</v>
      </c>
      <c r="B160" s="21" t="s">
        <v>237</v>
      </c>
      <c r="C160" s="21" t="s">
        <v>264</v>
      </c>
      <c r="D160" s="21" t="s">
        <v>216</v>
      </c>
      <c r="E160" s="21" t="s">
        <v>467</v>
      </c>
      <c r="F160" s="21" t="s">
        <v>423</v>
      </c>
      <c r="G160" s="22" t="s">
        <v>268</v>
      </c>
      <c r="H160" s="22" t="s">
        <v>268</v>
      </c>
      <c r="I160" s="22" t="s">
        <v>268</v>
      </c>
      <c r="J160" s="22" t="s">
        <v>268</v>
      </c>
      <c r="K160" s="22" t="s">
        <v>268</v>
      </c>
      <c r="L160" s="22" t="s">
        <v>268</v>
      </c>
      <c r="M160" s="22" t="s">
        <v>268</v>
      </c>
      <c r="N160" s="22" t="s">
        <v>268</v>
      </c>
      <c r="O160" s="22" t="s">
        <v>268</v>
      </c>
      <c r="P160" s="22" t="s">
        <v>268</v>
      </c>
      <c r="Q160" s="22" t="s">
        <v>268</v>
      </c>
      <c r="R160" s="22" t="s">
        <v>268</v>
      </c>
      <c r="S160" s="22" t="s">
        <v>268</v>
      </c>
      <c r="T160" s="22" t="s">
        <v>268</v>
      </c>
      <c r="U160" s="22" t="s">
        <v>268</v>
      </c>
      <c r="V160" s="22" t="s">
        <v>268</v>
      </c>
      <c r="W160" s="22" t="s">
        <v>268</v>
      </c>
      <c r="X160" s="22" t="s">
        <v>268</v>
      </c>
      <c r="Y160" s="22" t="s">
        <v>268</v>
      </c>
      <c r="Z160" s="22" t="s">
        <v>268</v>
      </c>
      <c r="AA160" s="22" t="s">
        <v>268</v>
      </c>
      <c r="AB160" s="22" t="s">
        <v>268</v>
      </c>
      <c r="AC160" s="22" t="s">
        <v>268</v>
      </c>
      <c r="AD160" s="22" t="s">
        <v>268</v>
      </c>
    </row>
    <row r="161" spans="1:30">
      <c r="A161" s="21" t="s">
        <v>232</v>
      </c>
      <c r="B161" s="21" t="s">
        <v>237</v>
      </c>
      <c r="C161" s="21" t="s">
        <v>264</v>
      </c>
      <c r="D161" s="21" t="s">
        <v>216</v>
      </c>
      <c r="E161" s="21" t="s">
        <v>467</v>
      </c>
      <c r="F161" s="21" t="s">
        <v>386</v>
      </c>
      <c r="G161" s="22" t="s">
        <v>268</v>
      </c>
      <c r="H161" s="22" t="s">
        <v>268</v>
      </c>
      <c r="I161" s="22" t="s">
        <v>268</v>
      </c>
      <c r="J161" s="22" t="s">
        <v>268</v>
      </c>
      <c r="K161" s="22" t="s">
        <v>268</v>
      </c>
      <c r="L161" s="22" t="s">
        <v>268</v>
      </c>
      <c r="M161" s="22" t="s">
        <v>268</v>
      </c>
      <c r="N161" s="22" t="s">
        <v>268</v>
      </c>
      <c r="O161" s="22" t="s">
        <v>268</v>
      </c>
      <c r="P161" s="22" t="s">
        <v>268</v>
      </c>
      <c r="Q161" s="22" t="s">
        <v>268</v>
      </c>
      <c r="R161" s="22" t="s">
        <v>268</v>
      </c>
      <c r="S161" s="22" t="s">
        <v>268</v>
      </c>
      <c r="T161" s="22" t="s">
        <v>268</v>
      </c>
      <c r="U161" s="22" t="s">
        <v>268</v>
      </c>
      <c r="V161" s="22" t="s">
        <v>268</v>
      </c>
      <c r="W161" s="22" t="s">
        <v>268</v>
      </c>
      <c r="X161" s="22" t="s">
        <v>268</v>
      </c>
      <c r="Y161" s="22" t="s">
        <v>268</v>
      </c>
      <c r="Z161" s="22" t="s">
        <v>268</v>
      </c>
      <c r="AA161" s="22" t="s">
        <v>268</v>
      </c>
      <c r="AB161" s="22" t="s">
        <v>268</v>
      </c>
      <c r="AC161" s="22" t="s">
        <v>268</v>
      </c>
      <c r="AD161" s="22" t="s">
        <v>268</v>
      </c>
    </row>
    <row r="162" spans="1:30">
      <c r="A162" s="21" t="s">
        <v>232</v>
      </c>
      <c r="B162" s="21" t="s">
        <v>237</v>
      </c>
      <c r="C162" s="21" t="s">
        <v>264</v>
      </c>
      <c r="D162" s="21" t="s">
        <v>216</v>
      </c>
      <c r="E162" s="21" t="s">
        <v>467</v>
      </c>
      <c r="F162" s="21" t="s">
        <v>387</v>
      </c>
      <c r="G162" s="16">
        <v>269236</v>
      </c>
      <c r="H162" s="16">
        <v>264638</v>
      </c>
      <c r="I162" s="16">
        <v>214261</v>
      </c>
      <c r="J162" s="16">
        <v>64029</v>
      </c>
      <c r="K162" s="16">
        <v>142334</v>
      </c>
      <c r="L162" s="16">
        <v>111</v>
      </c>
      <c r="M162" s="16">
        <v>7787</v>
      </c>
      <c r="N162" s="16">
        <v>50377</v>
      </c>
      <c r="O162" s="16">
        <v>3537</v>
      </c>
      <c r="P162" s="16">
        <v>8773</v>
      </c>
      <c r="Q162" s="16">
        <v>11305</v>
      </c>
      <c r="R162" s="16">
        <v>13788</v>
      </c>
      <c r="S162" s="16">
        <v>682</v>
      </c>
      <c r="T162" s="16">
        <v>3406</v>
      </c>
      <c r="U162" s="16">
        <v>1906</v>
      </c>
      <c r="V162" s="16">
        <v>5820</v>
      </c>
      <c r="W162" s="16">
        <v>53</v>
      </c>
      <c r="X162" s="16">
        <v>1107</v>
      </c>
      <c r="Y162" s="16">
        <v>655</v>
      </c>
      <c r="Z162" s="16">
        <v>3943</v>
      </c>
      <c r="AA162" s="22" t="s">
        <v>268</v>
      </c>
      <c r="AB162" s="16">
        <v>36037</v>
      </c>
      <c r="AC162" s="16">
        <v>10804</v>
      </c>
      <c r="AD162" s="22" t="s">
        <v>268</v>
      </c>
    </row>
    <row r="163" spans="1:30">
      <c r="A163" s="21" t="s">
        <v>232</v>
      </c>
      <c r="B163" s="21" t="s">
        <v>237</v>
      </c>
      <c r="C163" s="21" t="s">
        <v>264</v>
      </c>
      <c r="D163" s="21" t="s">
        <v>216</v>
      </c>
      <c r="E163" s="21" t="s">
        <v>467</v>
      </c>
      <c r="F163" s="21" t="s">
        <v>388</v>
      </c>
      <c r="G163" s="16">
        <v>149631</v>
      </c>
      <c r="H163" s="16">
        <v>147071</v>
      </c>
      <c r="I163" s="16">
        <v>120338</v>
      </c>
      <c r="J163" s="16">
        <v>85299</v>
      </c>
      <c r="K163" s="16">
        <v>33398</v>
      </c>
      <c r="L163" s="16">
        <v>13</v>
      </c>
      <c r="M163" s="16">
        <v>1628</v>
      </c>
      <c r="N163" s="16">
        <v>26733</v>
      </c>
      <c r="O163" s="16">
        <v>3611</v>
      </c>
      <c r="P163" s="16">
        <v>3434</v>
      </c>
      <c r="Q163" s="16">
        <v>8407</v>
      </c>
      <c r="R163" s="16">
        <v>1661</v>
      </c>
      <c r="S163" s="16">
        <v>1576</v>
      </c>
      <c r="T163" s="16">
        <v>4997</v>
      </c>
      <c r="U163" s="16">
        <v>726</v>
      </c>
      <c r="V163" s="16">
        <v>1931</v>
      </c>
      <c r="W163" s="16">
        <v>75</v>
      </c>
      <c r="X163" s="16">
        <v>315</v>
      </c>
      <c r="Y163" s="16">
        <v>319</v>
      </c>
      <c r="Z163" s="16">
        <v>2241</v>
      </c>
      <c r="AA163" s="22" t="s">
        <v>268</v>
      </c>
      <c r="AB163" s="16">
        <v>17290</v>
      </c>
      <c r="AC163" s="16">
        <v>83371</v>
      </c>
      <c r="AD163" s="16">
        <v>2241</v>
      </c>
    </row>
    <row r="164" spans="1:30">
      <c r="A164" s="21" t="s">
        <v>232</v>
      </c>
      <c r="B164" s="21" t="s">
        <v>237</v>
      </c>
      <c r="C164" s="21" t="s">
        <v>264</v>
      </c>
      <c r="D164" s="21" t="s">
        <v>216</v>
      </c>
      <c r="E164" s="21" t="s">
        <v>467</v>
      </c>
      <c r="F164" s="21" t="s">
        <v>389</v>
      </c>
      <c r="G164" s="16">
        <v>58366</v>
      </c>
      <c r="H164" s="16">
        <v>57072</v>
      </c>
      <c r="I164" s="16">
        <v>45982</v>
      </c>
      <c r="J164" s="16">
        <v>32742</v>
      </c>
      <c r="K164" s="16">
        <v>12335</v>
      </c>
      <c r="L164" s="22" t="s">
        <v>268</v>
      </c>
      <c r="M164" s="16">
        <v>905</v>
      </c>
      <c r="N164" s="16">
        <v>11090</v>
      </c>
      <c r="O164" s="16">
        <v>2759</v>
      </c>
      <c r="P164" s="16">
        <v>383</v>
      </c>
      <c r="Q164" s="16">
        <v>4008</v>
      </c>
      <c r="R164" s="16">
        <v>305</v>
      </c>
      <c r="S164" s="16">
        <v>621</v>
      </c>
      <c r="T164" s="16">
        <v>1807</v>
      </c>
      <c r="U164" s="16">
        <v>375</v>
      </c>
      <c r="V164" s="16">
        <v>661</v>
      </c>
      <c r="W164" s="16">
        <v>31</v>
      </c>
      <c r="X164" s="16">
        <v>140</v>
      </c>
      <c r="Y164" s="16">
        <v>118</v>
      </c>
      <c r="Z164" s="16">
        <v>1176</v>
      </c>
      <c r="AA164" s="22" t="s">
        <v>268</v>
      </c>
      <c r="AB164" s="16">
        <v>7009</v>
      </c>
      <c r="AC164" s="16">
        <v>32696</v>
      </c>
      <c r="AD164" s="16">
        <v>1176</v>
      </c>
    </row>
    <row r="165" spans="1:30">
      <c r="A165" s="21" t="s">
        <v>232</v>
      </c>
      <c r="B165" s="21" t="s">
        <v>237</v>
      </c>
      <c r="C165" s="21" t="s">
        <v>264</v>
      </c>
      <c r="D165" s="21" t="s">
        <v>216</v>
      </c>
      <c r="E165" s="21" t="s">
        <v>467</v>
      </c>
      <c r="F165" s="21" t="s">
        <v>390</v>
      </c>
      <c r="G165" s="16">
        <v>10486</v>
      </c>
      <c r="H165" s="16">
        <v>10094</v>
      </c>
      <c r="I165" s="16">
        <v>7252</v>
      </c>
      <c r="J165" s="16">
        <v>5007</v>
      </c>
      <c r="K165" s="16">
        <v>1930</v>
      </c>
      <c r="L165" s="22" t="s">
        <v>268</v>
      </c>
      <c r="M165" s="16">
        <v>315</v>
      </c>
      <c r="N165" s="16">
        <v>2842</v>
      </c>
      <c r="O165" s="16">
        <v>1049</v>
      </c>
      <c r="P165" s="16">
        <v>173</v>
      </c>
      <c r="Q165" s="16">
        <v>769</v>
      </c>
      <c r="R165" s="16">
        <v>112</v>
      </c>
      <c r="S165" s="16">
        <v>99</v>
      </c>
      <c r="T165" s="16">
        <v>257</v>
      </c>
      <c r="U165" s="16">
        <v>113</v>
      </c>
      <c r="V165" s="16">
        <v>218</v>
      </c>
      <c r="W165" s="16">
        <v>6</v>
      </c>
      <c r="X165" s="16">
        <v>46</v>
      </c>
      <c r="Y165" s="16">
        <v>31</v>
      </c>
      <c r="Z165" s="16">
        <v>361</v>
      </c>
      <c r="AA165" s="22" t="s">
        <v>268</v>
      </c>
      <c r="AB165" s="16">
        <v>1458</v>
      </c>
      <c r="AC165" s="16">
        <v>5002</v>
      </c>
      <c r="AD165" s="16">
        <v>361</v>
      </c>
    </row>
    <row r="166" spans="1:30">
      <c r="A166" s="21" t="s">
        <v>232</v>
      </c>
      <c r="B166" s="21" t="s">
        <v>237</v>
      </c>
      <c r="C166" s="21" t="s">
        <v>264</v>
      </c>
      <c r="D166" s="21" t="s">
        <v>216</v>
      </c>
      <c r="E166" s="21" t="s">
        <v>467</v>
      </c>
      <c r="F166" s="21" t="s">
        <v>391</v>
      </c>
      <c r="G166" s="16">
        <v>316581</v>
      </c>
      <c r="H166" s="16">
        <v>311366</v>
      </c>
      <c r="I166" s="16">
        <v>252122</v>
      </c>
      <c r="J166" s="16">
        <v>90391</v>
      </c>
      <c r="K166" s="16">
        <v>153430</v>
      </c>
      <c r="L166" s="16">
        <v>122</v>
      </c>
      <c r="M166" s="16">
        <v>8179</v>
      </c>
      <c r="N166" s="16">
        <v>59244</v>
      </c>
      <c r="O166" s="16">
        <v>3953</v>
      </c>
      <c r="P166" s="16">
        <v>11006</v>
      </c>
      <c r="Q166" s="16">
        <v>13352</v>
      </c>
      <c r="R166" s="16">
        <v>14782</v>
      </c>
      <c r="S166" s="16">
        <v>1136</v>
      </c>
      <c r="T166" s="16">
        <v>5005</v>
      </c>
      <c r="U166" s="16">
        <v>2113</v>
      </c>
      <c r="V166" s="16">
        <v>6619</v>
      </c>
      <c r="W166" s="16">
        <v>71</v>
      </c>
      <c r="X166" s="16">
        <v>1207</v>
      </c>
      <c r="Y166" s="16">
        <v>747</v>
      </c>
      <c r="Z166" s="16">
        <v>4468</v>
      </c>
      <c r="AA166" s="22" t="s">
        <v>268</v>
      </c>
      <c r="AB166" s="16">
        <v>41531</v>
      </c>
      <c r="AC166" s="16">
        <v>35580</v>
      </c>
      <c r="AD166" s="16">
        <v>531</v>
      </c>
    </row>
    <row r="167" spans="1:30">
      <c r="A167" s="21" t="s">
        <v>240</v>
      </c>
      <c r="B167" s="21" t="s">
        <v>237</v>
      </c>
      <c r="C167" s="21" t="s">
        <v>265</v>
      </c>
      <c r="D167" s="21" t="s">
        <v>214</v>
      </c>
      <c r="E167" s="21" t="s">
        <v>467</v>
      </c>
      <c r="F167" s="21" t="s">
        <v>401</v>
      </c>
      <c r="G167" s="16">
        <v>59103</v>
      </c>
      <c r="H167" s="16">
        <v>57517</v>
      </c>
      <c r="I167" s="16">
        <v>42843</v>
      </c>
      <c r="J167" s="16">
        <v>20490</v>
      </c>
      <c r="K167" s="16">
        <v>21689</v>
      </c>
      <c r="L167" s="16">
        <v>114</v>
      </c>
      <c r="M167" s="16">
        <v>550</v>
      </c>
      <c r="N167" s="16">
        <v>14674</v>
      </c>
      <c r="O167" s="16">
        <v>1500</v>
      </c>
      <c r="P167" s="16">
        <v>2139</v>
      </c>
      <c r="Q167" s="16">
        <v>3940</v>
      </c>
      <c r="R167" s="16">
        <v>2690</v>
      </c>
      <c r="S167" s="16">
        <v>397</v>
      </c>
      <c r="T167" s="16">
        <v>1395</v>
      </c>
      <c r="U167" s="16">
        <v>787</v>
      </c>
      <c r="V167" s="16">
        <v>1647</v>
      </c>
      <c r="W167" s="16">
        <v>19</v>
      </c>
      <c r="X167" s="16">
        <v>160</v>
      </c>
      <c r="Y167" s="16">
        <v>226</v>
      </c>
      <c r="Z167" s="16">
        <v>1360</v>
      </c>
      <c r="AA167" s="22" t="s">
        <v>268</v>
      </c>
      <c r="AB167" s="16">
        <v>10318</v>
      </c>
      <c r="AC167" s="16">
        <v>13476</v>
      </c>
      <c r="AD167" s="16">
        <v>366</v>
      </c>
    </row>
    <row r="168" spans="1:30">
      <c r="A168" s="21" t="s">
        <v>240</v>
      </c>
      <c r="B168" s="21" t="s">
        <v>237</v>
      </c>
      <c r="C168" s="21" t="s">
        <v>265</v>
      </c>
      <c r="D168" s="21" t="s">
        <v>214</v>
      </c>
      <c r="E168" s="21" t="s">
        <v>467</v>
      </c>
      <c r="F168" s="21" t="s">
        <v>405</v>
      </c>
      <c r="G168" s="16">
        <v>23</v>
      </c>
      <c r="H168" s="16">
        <v>22</v>
      </c>
      <c r="I168" s="16">
        <v>11</v>
      </c>
      <c r="J168" s="16">
        <v>3</v>
      </c>
      <c r="K168" s="16">
        <v>7</v>
      </c>
      <c r="L168" s="22" t="s">
        <v>268</v>
      </c>
      <c r="M168" s="16">
        <v>1</v>
      </c>
      <c r="N168" s="16">
        <v>11</v>
      </c>
      <c r="O168" s="22" t="s">
        <v>268</v>
      </c>
      <c r="P168" s="22" t="s">
        <v>268</v>
      </c>
      <c r="Q168" s="16">
        <v>1</v>
      </c>
      <c r="R168" s="22" t="s">
        <v>268</v>
      </c>
      <c r="S168" s="22" t="s">
        <v>268</v>
      </c>
      <c r="T168" s="22" t="s">
        <v>268</v>
      </c>
      <c r="U168" s="16">
        <v>5</v>
      </c>
      <c r="V168" s="16">
        <v>4</v>
      </c>
      <c r="W168" s="22" t="s">
        <v>268</v>
      </c>
      <c r="X168" s="16">
        <v>1</v>
      </c>
      <c r="Y168" s="22" t="s">
        <v>268</v>
      </c>
      <c r="Z168" s="16">
        <v>1</v>
      </c>
      <c r="AA168" s="22" t="s">
        <v>268</v>
      </c>
      <c r="AB168" s="16">
        <v>9</v>
      </c>
      <c r="AC168" s="22" t="s">
        <v>268</v>
      </c>
      <c r="AD168" s="22" t="s">
        <v>268</v>
      </c>
    </row>
    <row r="169" spans="1:30">
      <c r="A169" s="21" t="s">
        <v>240</v>
      </c>
      <c r="B169" s="21" t="s">
        <v>237</v>
      </c>
      <c r="C169" s="21" t="s">
        <v>265</v>
      </c>
      <c r="D169" s="21" t="s">
        <v>214</v>
      </c>
      <c r="E169" s="21" t="s">
        <v>467</v>
      </c>
      <c r="F169" s="21" t="s">
        <v>406</v>
      </c>
      <c r="G169" s="16">
        <v>400</v>
      </c>
      <c r="H169" s="16">
        <v>376</v>
      </c>
      <c r="I169" s="16">
        <v>279</v>
      </c>
      <c r="J169" s="16">
        <v>100</v>
      </c>
      <c r="K169" s="16">
        <v>171</v>
      </c>
      <c r="L169" s="22" t="s">
        <v>268</v>
      </c>
      <c r="M169" s="16">
        <v>8</v>
      </c>
      <c r="N169" s="16">
        <v>97</v>
      </c>
      <c r="O169" s="16">
        <v>5</v>
      </c>
      <c r="P169" s="16">
        <v>2</v>
      </c>
      <c r="Q169" s="16">
        <v>12</v>
      </c>
      <c r="R169" s="16">
        <v>3</v>
      </c>
      <c r="S169" s="16">
        <v>5</v>
      </c>
      <c r="T169" s="16">
        <v>7</v>
      </c>
      <c r="U169" s="16">
        <v>22</v>
      </c>
      <c r="V169" s="16">
        <v>33</v>
      </c>
      <c r="W169" s="22" t="s">
        <v>268</v>
      </c>
      <c r="X169" s="16">
        <v>8</v>
      </c>
      <c r="Y169" s="16">
        <v>2</v>
      </c>
      <c r="Z169" s="16">
        <v>22</v>
      </c>
      <c r="AA169" s="22" t="s">
        <v>268</v>
      </c>
      <c r="AB169" s="16">
        <v>82</v>
      </c>
      <c r="AC169" s="22" t="s">
        <v>268</v>
      </c>
      <c r="AD169" s="22" t="s">
        <v>268</v>
      </c>
    </row>
    <row r="170" spans="1:30">
      <c r="A170" s="21" t="s">
        <v>240</v>
      </c>
      <c r="B170" s="21" t="s">
        <v>237</v>
      </c>
      <c r="C170" s="21" t="s">
        <v>265</v>
      </c>
      <c r="D170" s="21" t="s">
        <v>214</v>
      </c>
      <c r="E170" s="21" t="s">
        <v>467</v>
      </c>
      <c r="F170" s="21" t="s">
        <v>407</v>
      </c>
      <c r="G170" s="16">
        <v>1564</v>
      </c>
      <c r="H170" s="16">
        <v>1427</v>
      </c>
      <c r="I170" s="16">
        <v>1131</v>
      </c>
      <c r="J170" s="16">
        <v>318</v>
      </c>
      <c r="K170" s="16">
        <v>798</v>
      </c>
      <c r="L170" s="16">
        <v>3</v>
      </c>
      <c r="M170" s="16">
        <v>12</v>
      </c>
      <c r="N170" s="16">
        <v>296</v>
      </c>
      <c r="O170" s="16">
        <v>5</v>
      </c>
      <c r="P170" s="16">
        <v>6</v>
      </c>
      <c r="Q170" s="16">
        <v>59</v>
      </c>
      <c r="R170" s="16">
        <v>55</v>
      </c>
      <c r="S170" s="16">
        <v>14</v>
      </c>
      <c r="T170" s="16">
        <v>19</v>
      </c>
      <c r="U170" s="16">
        <v>51</v>
      </c>
      <c r="V170" s="16">
        <v>82</v>
      </c>
      <c r="W170" s="22" t="s">
        <v>268</v>
      </c>
      <c r="X170" s="16">
        <v>5</v>
      </c>
      <c r="Y170" s="16">
        <v>13</v>
      </c>
      <c r="Z170" s="16">
        <v>124</v>
      </c>
      <c r="AA170" s="22" t="s">
        <v>268</v>
      </c>
      <c r="AB170" s="16">
        <v>264</v>
      </c>
      <c r="AC170" s="22" t="s">
        <v>268</v>
      </c>
      <c r="AD170" s="22" t="s">
        <v>268</v>
      </c>
    </row>
    <row r="171" spans="1:30">
      <c r="A171" s="21" t="s">
        <v>240</v>
      </c>
      <c r="B171" s="21" t="s">
        <v>237</v>
      </c>
      <c r="C171" s="21" t="s">
        <v>265</v>
      </c>
      <c r="D171" s="21" t="s">
        <v>214</v>
      </c>
      <c r="E171" s="21" t="s">
        <v>467</v>
      </c>
      <c r="F171" s="21" t="s">
        <v>408</v>
      </c>
      <c r="G171" s="16">
        <v>2920</v>
      </c>
      <c r="H171" s="16">
        <v>2743</v>
      </c>
      <c r="I171" s="16">
        <v>2253</v>
      </c>
      <c r="J171" s="16">
        <v>376</v>
      </c>
      <c r="K171" s="16">
        <v>1850</v>
      </c>
      <c r="L171" s="16">
        <v>1</v>
      </c>
      <c r="M171" s="16">
        <v>26</v>
      </c>
      <c r="N171" s="16">
        <v>490</v>
      </c>
      <c r="O171" s="16">
        <v>11</v>
      </c>
      <c r="P171" s="16">
        <v>15</v>
      </c>
      <c r="Q171" s="16">
        <v>129</v>
      </c>
      <c r="R171" s="16">
        <v>84</v>
      </c>
      <c r="S171" s="16">
        <v>9</v>
      </c>
      <c r="T171" s="16">
        <v>22</v>
      </c>
      <c r="U171" s="16">
        <v>86</v>
      </c>
      <c r="V171" s="16">
        <v>128</v>
      </c>
      <c r="W171" s="22" t="s">
        <v>268</v>
      </c>
      <c r="X171" s="16">
        <v>6</v>
      </c>
      <c r="Y171" s="16">
        <v>25</v>
      </c>
      <c r="Z171" s="16">
        <v>152</v>
      </c>
      <c r="AA171" s="22" t="s">
        <v>268</v>
      </c>
      <c r="AB171" s="16">
        <v>465</v>
      </c>
      <c r="AC171" s="22" t="s">
        <v>268</v>
      </c>
      <c r="AD171" s="22" t="s">
        <v>268</v>
      </c>
    </row>
    <row r="172" spans="1:30">
      <c r="A172" s="21" t="s">
        <v>240</v>
      </c>
      <c r="B172" s="21" t="s">
        <v>237</v>
      </c>
      <c r="C172" s="21" t="s">
        <v>265</v>
      </c>
      <c r="D172" s="21" t="s">
        <v>214</v>
      </c>
      <c r="E172" s="21" t="s">
        <v>467</v>
      </c>
      <c r="F172" s="21" t="s">
        <v>409</v>
      </c>
      <c r="G172" s="16">
        <v>3897</v>
      </c>
      <c r="H172" s="16">
        <v>3784</v>
      </c>
      <c r="I172" s="16">
        <v>2955</v>
      </c>
      <c r="J172" s="16">
        <v>313</v>
      </c>
      <c r="K172" s="16">
        <v>2608</v>
      </c>
      <c r="L172" s="16">
        <v>3</v>
      </c>
      <c r="M172" s="16">
        <v>31</v>
      </c>
      <c r="N172" s="16">
        <v>829</v>
      </c>
      <c r="O172" s="16">
        <v>33</v>
      </c>
      <c r="P172" s="16">
        <v>30</v>
      </c>
      <c r="Q172" s="16">
        <v>296</v>
      </c>
      <c r="R172" s="16">
        <v>167</v>
      </c>
      <c r="S172" s="16">
        <v>8</v>
      </c>
      <c r="T172" s="16">
        <v>37</v>
      </c>
      <c r="U172" s="16">
        <v>69</v>
      </c>
      <c r="V172" s="16">
        <v>175</v>
      </c>
      <c r="W172" s="22" t="s">
        <v>268</v>
      </c>
      <c r="X172" s="16">
        <v>14</v>
      </c>
      <c r="Y172" s="16">
        <v>13</v>
      </c>
      <c r="Z172" s="16">
        <v>100</v>
      </c>
      <c r="AA172" s="22" t="s">
        <v>268</v>
      </c>
      <c r="AB172" s="16">
        <v>747</v>
      </c>
      <c r="AC172" s="22" t="s">
        <v>268</v>
      </c>
      <c r="AD172" s="22" t="s">
        <v>268</v>
      </c>
    </row>
    <row r="173" spans="1:30">
      <c r="A173" s="21" t="s">
        <v>240</v>
      </c>
      <c r="B173" s="21" t="s">
        <v>237</v>
      </c>
      <c r="C173" s="21" t="s">
        <v>265</v>
      </c>
      <c r="D173" s="21" t="s">
        <v>214</v>
      </c>
      <c r="E173" s="21" t="s">
        <v>467</v>
      </c>
      <c r="F173" s="21" t="s">
        <v>410</v>
      </c>
      <c r="G173" s="16">
        <v>4484</v>
      </c>
      <c r="H173" s="16">
        <v>4383</v>
      </c>
      <c r="I173" s="16">
        <v>3366</v>
      </c>
      <c r="J173" s="16">
        <v>375</v>
      </c>
      <c r="K173" s="16">
        <v>2931</v>
      </c>
      <c r="L173" s="16">
        <v>6</v>
      </c>
      <c r="M173" s="16">
        <v>54</v>
      </c>
      <c r="N173" s="16">
        <v>1017</v>
      </c>
      <c r="O173" s="16">
        <v>31</v>
      </c>
      <c r="P173" s="16">
        <v>43</v>
      </c>
      <c r="Q173" s="16">
        <v>383</v>
      </c>
      <c r="R173" s="16">
        <v>297</v>
      </c>
      <c r="S173" s="16">
        <v>1</v>
      </c>
      <c r="T173" s="16">
        <v>38</v>
      </c>
      <c r="U173" s="16">
        <v>50</v>
      </c>
      <c r="V173" s="16">
        <v>167</v>
      </c>
      <c r="W173" s="16">
        <v>1</v>
      </c>
      <c r="X173" s="16">
        <v>6</v>
      </c>
      <c r="Y173" s="16">
        <v>18</v>
      </c>
      <c r="Z173" s="16">
        <v>83</v>
      </c>
      <c r="AA173" s="22" t="s">
        <v>268</v>
      </c>
      <c r="AB173" s="16">
        <v>931</v>
      </c>
      <c r="AC173" s="22" t="s">
        <v>268</v>
      </c>
      <c r="AD173" s="22" t="s">
        <v>268</v>
      </c>
    </row>
    <row r="174" spans="1:30">
      <c r="A174" s="21" t="s">
        <v>240</v>
      </c>
      <c r="B174" s="21" t="s">
        <v>237</v>
      </c>
      <c r="C174" s="21" t="s">
        <v>265</v>
      </c>
      <c r="D174" s="21" t="s">
        <v>214</v>
      </c>
      <c r="E174" s="21" t="s">
        <v>467</v>
      </c>
      <c r="F174" s="21" t="s">
        <v>411</v>
      </c>
      <c r="G174" s="16">
        <v>4887</v>
      </c>
      <c r="H174" s="16">
        <v>4736</v>
      </c>
      <c r="I174" s="16">
        <v>3463</v>
      </c>
      <c r="J174" s="16">
        <v>665</v>
      </c>
      <c r="K174" s="16">
        <v>2711</v>
      </c>
      <c r="L174" s="16">
        <v>11</v>
      </c>
      <c r="M174" s="16">
        <v>76</v>
      </c>
      <c r="N174" s="16">
        <v>1273</v>
      </c>
      <c r="O174" s="16">
        <v>104</v>
      </c>
      <c r="P174" s="16">
        <v>75</v>
      </c>
      <c r="Q174" s="16">
        <v>464</v>
      </c>
      <c r="R174" s="16">
        <v>389</v>
      </c>
      <c r="S174" s="16">
        <v>5</v>
      </c>
      <c r="T174" s="16">
        <v>45</v>
      </c>
      <c r="U174" s="16">
        <v>44</v>
      </c>
      <c r="V174" s="16">
        <v>128</v>
      </c>
      <c r="W174" s="22" t="s">
        <v>268</v>
      </c>
      <c r="X174" s="16">
        <v>19</v>
      </c>
      <c r="Y174" s="16">
        <v>21</v>
      </c>
      <c r="Z174" s="16">
        <v>130</v>
      </c>
      <c r="AA174" s="22" t="s">
        <v>268</v>
      </c>
      <c r="AB174" s="16">
        <v>1073</v>
      </c>
      <c r="AC174" s="22" t="s">
        <v>268</v>
      </c>
      <c r="AD174" s="22" t="s">
        <v>268</v>
      </c>
    </row>
    <row r="175" spans="1:30">
      <c r="A175" s="21" t="s">
        <v>240</v>
      </c>
      <c r="B175" s="21" t="s">
        <v>237</v>
      </c>
      <c r="C175" s="21" t="s">
        <v>265</v>
      </c>
      <c r="D175" s="21" t="s">
        <v>214</v>
      </c>
      <c r="E175" s="21" t="s">
        <v>467</v>
      </c>
      <c r="F175" s="21" t="s">
        <v>412</v>
      </c>
      <c r="G175" s="16">
        <v>4824</v>
      </c>
      <c r="H175" s="16">
        <v>4669</v>
      </c>
      <c r="I175" s="16">
        <v>3213</v>
      </c>
      <c r="J175" s="16">
        <v>1056</v>
      </c>
      <c r="K175" s="16">
        <v>2057</v>
      </c>
      <c r="L175" s="16">
        <v>7</v>
      </c>
      <c r="M175" s="16">
        <v>93</v>
      </c>
      <c r="N175" s="16">
        <v>1456</v>
      </c>
      <c r="O175" s="16">
        <v>173</v>
      </c>
      <c r="P175" s="16">
        <v>211</v>
      </c>
      <c r="Q175" s="16">
        <v>356</v>
      </c>
      <c r="R175" s="16">
        <v>481</v>
      </c>
      <c r="S175" s="16">
        <v>7</v>
      </c>
      <c r="T175" s="16">
        <v>52</v>
      </c>
      <c r="U175" s="16">
        <v>55</v>
      </c>
      <c r="V175" s="16">
        <v>100</v>
      </c>
      <c r="W175" s="16">
        <v>2</v>
      </c>
      <c r="X175" s="16">
        <v>19</v>
      </c>
      <c r="Y175" s="16">
        <v>22</v>
      </c>
      <c r="Z175" s="16">
        <v>133</v>
      </c>
      <c r="AA175" s="22" t="s">
        <v>268</v>
      </c>
      <c r="AB175" s="16">
        <v>1040</v>
      </c>
      <c r="AC175" s="22" t="s">
        <v>268</v>
      </c>
      <c r="AD175" s="22" t="s">
        <v>268</v>
      </c>
    </row>
    <row r="176" spans="1:30">
      <c r="A176" s="21" t="s">
        <v>240</v>
      </c>
      <c r="B176" s="21" t="s">
        <v>237</v>
      </c>
      <c r="C176" s="21" t="s">
        <v>265</v>
      </c>
      <c r="D176" s="21" t="s">
        <v>214</v>
      </c>
      <c r="E176" s="21" t="s">
        <v>467</v>
      </c>
      <c r="F176" s="21" t="s">
        <v>413</v>
      </c>
      <c r="G176" s="16">
        <v>5316</v>
      </c>
      <c r="H176" s="16">
        <v>5138</v>
      </c>
      <c r="I176" s="16">
        <v>3380</v>
      </c>
      <c r="J176" s="16">
        <v>1730</v>
      </c>
      <c r="K176" s="16">
        <v>1561</v>
      </c>
      <c r="L176" s="16">
        <v>15</v>
      </c>
      <c r="M176" s="16">
        <v>74</v>
      </c>
      <c r="N176" s="16">
        <v>1758</v>
      </c>
      <c r="O176" s="16">
        <v>205</v>
      </c>
      <c r="P176" s="16">
        <v>471</v>
      </c>
      <c r="Q176" s="16">
        <v>280</v>
      </c>
      <c r="R176" s="16">
        <v>440</v>
      </c>
      <c r="S176" s="16">
        <v>19</v>
      </c>
      <c r="T176" s="16">
        <v>96</v>
      </c>
      <c r="U176" s="16">
        <v>91</v>
      </c>
      <c r="V176" s="16">
        <v>136</v>
      </c>
      <c r="W176" s="16">
        <v>1</v>
      </c>
      <c r="X176" s="16">
        <v>19</v>
      </c>
      <c r="Y176" s="16">
        <v>25</v>
      </c>
      <c r="Z176" s="16">
        <v>153</v>
      </c>
      <c r="AA176" s="22" t="s">
        <v>268</v>
      </c>
      <c r="AB176" s="16">
        <v>1015</v>
      </c>
      <c r="AC176" s="22" t="s">
        <v>268</v>
      </c>
      <c r="AD176" s="22" t="s">
        <v>268</v>
      </c>
    </row>
    <row r="177" spans="1:30">
      <c r="A177" s="21" t="s">
        <v>240</v>
      </c>
      <c r="B177" s="21" t="s">
        <v>237</v>
      </c>
      <c r="C177" s="21" t="s">
        <v>265</v>
      </c>
      <c r="D177" s="21" t="s">
        <v>214</v>
      </c>
      <c r="E177" s="21" t="s">
        <v>467</v>
      </c>
      <c r="F177" s="21" t="s">
        <v>414</v>
      </c>
      <c r="G177" s="16">
        <v>6103</v>
      </c>
      <c r="H177" s="16">
        <v>5993</v>
      </c>
      <c r="I177" s="16">
        <v>4036</v>
      </c>
      <c r="J177" s="16">
        <v>2516</v>
      </c>
      <c r="K177" s="16">
        <v>1461</v>
      </c>
      <c r="L177" s="16">
        <v>10</v>
      </c>
      <c r="M177" s="16">
        <v>49</v>
      </c>
      <c r="N177" s="16">
        <v>1957</v>
      </c>
      <c r="O177" s="16">
        <v>150</v>
      </c>
      <c r="P177" s="16">
        <v>623</v>
      </c>
      <c r="Q177" s="16">
        <v>267</v>
      </c>
      <c r="R177" s="16">
        <v>404</v>
      </c>
      <c r="S177" s="16">
        <v>39</v>
      </c>
      <c r="T177" s="16">
        <v>159</v>
      </c>
      <c r="U177" s="16">
        <v>86</v>
      </c>
      <c r="V177" s="16">
        <v>210</v>
      </c>
      <c r="W177" s="16">
        <v>5</v>
      </c>
      <c r="X177" s="16">
        <v>14</v>
      </c>
      <c r="Y177" s="16">
        <v>14</v>
      </c>
      <c r="Z177" s="16">
        <v>96</v>
      </c>
      <c r="AA177" s="22" t="s">
        <v>268</v>
      </c>
      <c r="AB177" s="16">
        <v>1088</v>
      </c>
      <c r="AC177" s="16">
        <v>765</v>
      </c>
      <c r="AD177" s="22" t="s">
        <v>268</v>
      </c>
    </row>
    <row r="178" spans="1:30">
      <c r="A178" s="21" t="s">
        <v>240</v>
      </c>
      <c r="B178" s="21" t="s">
        <v>237</v>
      </c>
      <c r="C178" s="21" t="s">
        <v>265</v>
      </c>
      <c r="D178" s="21" t="s">
        <v>214</v>
      </c>
      <c r="E178" s="21" t="s">
        <v>467</v>
      </c>
      <c r="F178" s="21" t="s">
        <v>415</v>
      </c>
      <c r="G178" s="16">
        <v>7040</v>
      </c>
      <c r="H178" s="16">
        <v>6927</v>
      </c>
      <c r="I178" s="16">
        <v>5189</v>
      </c>
      <c r="J178" s="16">
        <v>3519</v>
      </c>
      <c r="K178" s="16">
        <v>1625</v>
      </c>
      <c r="L178" s="16">
        <v>10</v>
      </c>
      <c r="M178" s="16">
        <v>35</v>
      </c>
      <c r="N178" s="16">
        <v>1738</v>
      </c>
      <c r="O178" s="16">
        <v>96</v>
      </c>
      <c r="P178" s="16">
        <v>389</v>
      </c>
      <c r="Q178" s="16">
        <v>386</v>
      </c>
      <c r="R178" s="16">
        <v>210</v>
      </c>
      <c r="S178" s="16">
        <v>87</v>
      </c>
      <c r="T178" s="16">
        <v>275</v>
      </c>
      <c r="U178" s="16">
        <v>61</v>
      </c>
      <c r="V178" s="16">
        <v>210</v>
      </c>
      <c r="W178" s="16">
        <v>5</v>
      </c>
      <c r="X178" s="16">
        <v>19</v>
      </c>
      <c r="Y178" s="16">
        <v>14</v>
      </c>
      <c r="Z178" s="16">
        <v>99</v>
      </c>
      <c r="AA178" s="22" t="s">
        <v>268</v>
      </c>
      <c r="AB178" s="16">
        <v>1108</v>
      </c>
      <c r="AC178" s="16">
        <v>3264</v>
      </c>
      <c r="AD178" s="16">
        <v>99</v>
      </c>
    </row>
    <row r="179" spans="1:30">
      <c r="A179" s="21" t="s">
        <v>240</v>
      </c>
      <c r="B179" s="21" t="s">
        <v>237</v>
      </c>
      <c r="C179" s="21" t="s">
        <v>265</v>
      </c>
      <c r="D179" s="21" t="s">
        <v>214</v>
      </c>
      <c r="E179" s="21" t="s">
        <v>467</v>
      </c>
      <c r="F179" s="21" t="s">
        <v>416</v>
      </c>
      <c r="G179" s="16">
        <v>6955</v>
      </c>
      <c r="H179" s="16">
        <v>6840</v>
      </c>
      <c r="I179" s="16">
        <v>5450</v>
      </c>
      <c r="J179" s="16">
        <v>3869</v>
      </c>
      <c r="K179" s="16">
        <v>1549</v>
      </c>
      <c r="L179" s="16">
        <v>11</v>
      </c>
      <c r="M179" s="16">
        <v>21</v>
      </c>
      <c r="N179" s="16">
        <v>1390</v>
      </c>
      <c r="O179" s="16">
        <v>89</v>
      </c>
      <c r="P179" s="16">
        <v>194</v>
      </c>
      <c r="Q179" s="16">
        <v>460</v>
      </c>
      <c r="R179" s="16">
        <v>101</v>
      </c>
      <c r="S179" s="16">
        <v>97</v>
      </c>
      <c r="T179" s="16">
        <v>288</v>
      </c>
      <c r="U179" s="16">
        <v>37</v>
      </c>
      <c r="V179" s="16">
        <v>115</v>
      </c>
      <c r="W179" s="16">
        <v>1</v>
      </c>
      <c r="X179" s="16">
        <v>8</v>
      </c>
      <c r="Y179" s="16">
        <v>20</v>
      </c>
      <c r="Z179" s="16">
        <v>95</v>
      </c>
      <c r="AA179" s="22" t="s">
        <v>268</v>
      </c>
      <c r="AB179" s="16">
        <v>973</v>
      </c>
      <c r="AC179" s="16">
        <v>3808</v>
      </c>
      <c r="AD179" s="16">
        <v>95</v>
      </c>
    </row>
    <row r="180" spans="1:30">
      <c r="A180" s="21" t="s">
        <v>240</v>
      </c>
      <c r="B180" s="21" t="s">
        <v>237</v>
      </c>
      <c r="C180" s="21" t="s">
        <v>265</v>
      </c>
      <c r="D180" s="21" t="s">
        <v>214</v>
      </c>
      <c r="E180" s="21" t="s">
        <v>467</v>
      </c>
      <c r="F180" s="21" t="s">
        <v>417</v>
      </c>
      <c r="G180" s="16">
        <v>4909</v>
      </c>
      <c r="H180" s="16">
        <v>4836</v>
      </c>
      <c r="I180" s="16">
        <v>3920</v>
      </c>
      <c r="J180" s="16">
        <v>2738</v>
      </c>
      <c r="K180" s="16">
        <v>1148</v>
      </c>
      <c r="L180" s="16">
        <v>7</v>
      </c>
      <c r="M180" s="16">
        <v>27</v>
      </c>
      <c r="N180" s="16">
        <v>916</v>
      </c>
      <c r="O180" s="16">
        <v>157</v>
      </c>
      <c r="P180" s="16">
        <v>29</v>
      </c>
      <c r="Q180" s="16">
        <v>375</v>
      </c>
      <c r="R180" s="16">
        <v>21</v>
      </c>
      <c r="S180" s="16">
        <v>52</v>
      </c>
      <c r="T180" s="16">
        <v>182</v>
      </c>
      <c r="U180" s="16">
        <v>37</v>
      </c>
      <c r="V180" s="16">
        <v>53</v>
      </c>
      <c r="W180" s="16">
        <v>2</v>
      </c>
      <c r="X180" s="16">
        <v>8</v>
      </c>
      <c r="Y180" s="16">
        <v>16</v>
      </c>
      <c r="Z180" s="16">
        <v>57</v>
      </c>
      <c r="AA180" s="22" t="s">
        <v>268</v>
      </c>
      <c r="AB180" s="16">
        <v>654</v>
      </c>
      <c r="AC180" s="16">
        <v>2729</v>
      </c>
      <c r="AD180" s="16">
        <v>57</v>
      </c>
    </row>
    <row r="181" spans="1:30">
      <c r="A181" s="21" t="s">
        <v>240</v>
      </c>
      <c r="B181" s="21" t="s">
        <v>237</v>
      </c>
      <c r="C181" s="21" t="s">
        <v>265</v>
      </c>
      <c r="D181" s="21" t="s">
        <v>214</v>
      </c>
      <c r="E181" s="21" t="s">
        <v>467</v>
      </c>
      <c r="F181" s="21" t="s">
        <v>418</v>
      </c>
      <c r="G181" s="16">
        <v>3491</v>
      </c>
      <c r="H181" s="16">
        <v>3419</v>
      </c>
      <c r="I181" s="16">
        <v>2631</v>
      </c>
      <c r="J181" s="16">
        <v>1831</v>
      </c>
      <c r="K181" s="16">
        <v>765</v>
      </c>
      <c r="L181" s="16">
        <v>14</v>
      </c>
      <c r="M181" s="16">
        <v>21</v>
      </c>
      <c r="N181" s="16">
        <v>788</v>
      </c>
      <c r="O181" s="16">
        <v>209</v>
      </c>
      <c r="P181" s="16">
        <v>19</v>
      </c>
      <c r="Q181" s="16">
        <v>310</v>
      </c>
      <c r="R181" s="16">
        <v>11</v>
      </c>
      <c r="S181" s="16">
        <v>32</v>
      </c>
      <c r="T181" s="16">
        <v>109</v>
      </c>
      <c r="U181" s="16">
        <v>46</v>
      </c>
      <c r="V181" s="16">
        <v>48</v>
      </c>
      <c r="W181" s="22" t="s">
        <v>268</v>
      </c>
      <c r="X181" s="16">
        <v>4</v>
      </c>
      <c r="Y181" s="16">
        <v>13</v>
      </c>
      <c r="Z181" s="16">
        <v>59</v>
      </c>
      <c r="AA181" s="22" t="s">
        <v>268</v>
      </c>
      <c r="AB181" s="16">
        <v>510</v>
      </c>
      <c r="AC181" s="16">
        <v>1830</v>
      </c>
      <c r="AD181" s="16">
        <v>59</v>
      </c>
    </row>
    <row r="182" spans="1:30">
      <c r="A182" s="21" t="s">
        <v>240</v>
      </c>
      <c r="B182" s="21" t="s">
        <v>237</v>
      </c>
      <c r="C182" s="21" t="s">
        <v>265</v>
      </c>
      <c r="D182" s="21" t="s">
        <v>214</v>
      </c>
      <c r="E182" s="21" t="s">
        <v>467</v>
      </c>
      <c r="F182" s="21" t="s">
        <v>419</v>
      </c>
      <c r="G182" s="16">
        <v>1751</v>
      </c>
      <c r="H182" s="16">
        <v>1705</v>
      </c>
      <c r="I182" s="16">
        <v>1231</v>
      </c>
      <c r="J182" s="16">
        <v>852</v>
      </c>
      <c r="K182" s="16">
        <v>359</v>
      </c>
      <c r="L182" s="16">
        <v>9</v>
      </c>
      <c r="M182" s="16">
        <v>11</v>
      </c>
      <c r="N182" s="16">
        <v>474</v>
      </c>
      <c r="O182" s="16">
        <v>156</v>
      </c>
      <c r="P182" s="16">
        <v>17</v>
      </c>
      <c r="Q182" s="16">
        <v>143</v>
      </c>
      <c r="R182" s="16">
        <v>18</v>
      </c>
      <c r="S182" s="16">
        <v>14</v>
      </c>
      <c r="T182" s="16">
        <v>48</v>
      </c>
      <c r="U182" s="16">
        <v>34</v>
      </c>
      <c r="V182" s="16">
        <v>34</v>
      </c>
      <c r="W182" s="16">
        <v>2</v>
      </c>
      <c r="X182" s="16">
        <v>8</v>
      </c>
      <c r="Y182" s="16">
        <v>6</v>
      </c>
      <c r="Z182" s="16">
        <v>40</v>
      </c>
      <c r="AA182" s="22" t="s">
        <v>268</v>
      </c>
      <c r="AB182" s="16">
        <v>278</v>
      </c>
      <c r="AC182" s="16">
        <v>851</v>
      </c>
      <c r="AD182" s="16">
        <v>40</v>
      </c>
    </row>
    <row r="183" spans="1:30">
      <c r="A183" s="21" t="s">
        <v>240</v>
      </c>
      <c r="B183" s="21" t="s">
        <v>237</v>
      </c>
      <c r="C183" s="21" t="s">
        <v>265</v>
      </c>
      <c r="D183" s="21" t="s">
        <v>214</v>
      </c>
      <c r="E183" s="21" t="s">
        <v>467</v>
      </c>
      <c r="F183" s="21" t="s">
        <v>420</v>
      </c>
      <c r="G183" s="16">
        <v>482</v>
      </c>
      <c r="H183" s="16">
        <v>468</v>
      </c>
      <c r="I183" s="16">
        <v>307</v>
      </c>
      <c r="J183" s="16">
        <v>212</v>
      </c>
      <c r="K183" s="16">
        <v>81</v>
      </c>
      <c r="L183" s="16">
        <v>7</v>
      </c>
      <c r="M183" s="16">
        <v>7</v>
      </c>
      <c r="N183" s="16">
        <v>161</v>
      </c>
      <c r="O183" s="16">
        <v>66</v>
      </c>
      <c r="P183" s="16">
        <v>14</v>
      </c>
      <c r="Q183" s="16">
        <v>16</v>
      </c>
      <c r="R183" s="16">
        <v>8</v>
      </c>
      <c r="S183" s="16">
        <v>7</v>
      </c>
      <c r="T183" s="16">
        <v>15</v>
      </c>
      <c r="U183" s="16">
        <v>11</v>
      </c>
      <c r="V183" s="16">
        <v>22</v>
      </c>
      <c r="W183" s="22" t="s">
        <v>268</v>
      </c>
      <c r="X183" s="16">
        <v>2</v>
      </c>
      <c r="Y183" s="16">
        <v>2</v>
      </c>
      <c r="Z183" s="16">
        <v>12</v>
      </c>
      <c r="AA183" s="22" t="s">
        <v>268</v>
      </c>
      <c r="AB183" s="16">
        <v>70</v>
      </c>
      <c r="AC183" s="16">
        <v>212</v>
      </c>
      <c r="AD183" s="16">
        <v>12</v>
      </c>
    </row>
    <row r="184" spans="1:30">
      <c r="A184" s="21" t="s">
        <v>240</v>
      </c>
      <c r="B184" s="21" t="s">
        <v>237</v>
      </c>
      <c r="C184" s="21" t="s">
        <v>265</v>
      </c>
      <c r="D184" s="21" t="s">
        <v>214</v>
      </c>
      <c r="E184" s="21" t="s">
        <v>467</v>
      </c>
      <c r="F184" s="21" t="s">
        <v>421</v>
      </c>
      <c r="G184" s="16">
        <v>54</v>
      </c>
      <c r="H184" s="16">
        <v>48</v>
      </c>
      <c r="I184" s="16">
        <v>27</v>
      </c>
      <c r="J184" s="16">
        <v>16</v>
      </c>
      <c r="K184" s="16">
        <v>7</v>
      </c>
      <c r="L184" s="22" t="s">
        <v>268</v>
      </c>
      <c r="M184" s="16">
        <v>4</v>
      </c>
      <c r="N184" s="16">
        <v>21</v>
      </c>
      <c r="O184" s="16">
        <v>10</v>
      </c>
      <c r="P184" s="16">
        <v>1</v>
      </c>
      <c r="Q184" s="16">
        <v>3</v>
      </c>
      <c r="R184" s="16">
        <v>1</v>
      </c>
      <c r="S184" s="16">
        <v>1</v>
      </c>
      <c r="T184" s="16">
        <v>2</v>
      </c>
      <c r="U184" s="16">
        <v>2</v>
      </c>
      <c r="V184" s="16">
        <v>1</v>
      </c>
      <c r="W184" s="22" t="s">
        <v>268</v>
      </c>
      <c r="X184" s="22" t="s">
        <v>268</v>
      </c>
      <c r="Y184" s="16">
        <v>2</v>
      </c>
      <c r="Z184" s="16">
        <v>4</v>
      </c>
      <c r="AA184" s="22" t="s">
        <v>268</v>
      </c>
      <c r="AB184" s="16">
        <v>9</v>
      </c>
      <c r="AC184" s="16">
        <v>16</v>
      </c>
      <c r="AD184" s="16">
        <v>4</v>
      </c>
    </row>
    <row r="185" spans="1:30">
      <c r="A185" s="21" t="s">
        <v>240</v>
      </c>
      <c r="B185" s="21" t="s">
        <v>237</v>
      </c>
      <c r="C185" s="21" t="s">
        <v>265</v>
      </c>
      <c r="D185" s="21" t="s">
        <v>214</v>
      </c>
      <c r="E185" s="21" t="s">
        <v>467</v>
      </c>
      <c r="F185" s="21" t="s">
        <v>422</v>
      </c>
      <c r="G185" s="16">
        <v>3</v>
      </c>
      <c r="H185" s="16">
        <v>3</v>
      </c>
      <c r="I185" s="16">
        <v>1</v>
      </c>
      <c r="J185" s="16">
        <v>1</v>
      </c>
      <c r="K185" s="22" t="s">
        <v>268</v>
      </c>
      <c r="L185" s="22" t="s">
        <v>268</v>
      </c>
      <c r="M185" s="22" t="s">
        <v>268</v>
      </c>
      <c r="N185" s="16">
        <v>2</v>
      </c>
      <c r="O185" s="22" t="s">
        <v>268</v>
      </c>
      <c r="P185" s="22" t="s">
        <v>268</v>
      </c>
      <c r="Q185" s="22" t="s">
        <v>268</v>
      </c>
      <c r="R185" s="22" t="s">
        <v>268</v>
      </c>
      <c r="S185" s="22" t="s">
        <v>268</v>
      </c>
      <c r="T185" s="16">
        <v>1</v>
      </c>
      <c r="U185" s="22" t="s">
        <v>268</v>
      </c>
      <c r="V185" s="16">
        <v>1</v>
      </c>
      <c r="W185" s="22" t="s">
        <v>268</v>
      </c>
      <c r="X185" s="22" t="s">
        <v>268</v>
      </c>
      <c r="Y185" s="22" t="s">
        <v>268</v>
      </c>
      <c r="Z185" s="22" t="s">
        <v>268</v>
      </c>
      <c r="AA185" s="22" t="s">
        <v>268</v>
      </c>
      <c r="AB185" s="16">
        <v>2</v>
      </c>
      <c r="AC185" s="16">
        <v>1</v>
      </c>
      <c r="AD185" s="22" t="s">
        <v>268</v>
      </c>
    </row>
    <row r="186" spans="1:30">
      <c r="A186" s="21" t="s">
        <v>240</v>
      </c>
      <c r="B186" s="21" t="s">
        <v>237</v>
      </c>
      <c r="C186" s="21" t="s">
        <v>265</v>
      </c>
      <c r="D186" s="21" t="s">
        <v>214</v>
      </c>
      <c r="E186" s="21" t="s">
        <v>467</v>
      </c>
      <c r="F186" s="21" t="s">
        <v>423</v>
      </c>
      <c r="G186" s="22" t="s">
        <v>268</v>
      </c>
      <c r="H186" s="22" t="s">
        <v>268</v>
      </c>
      <c r="I186" s="22" t="s">
        <v>268</v>
      </c>
      <c r="J186" s="22" t="s">
        <v>268</v>
      </c>
      <c r="K186" s="22" t="s">
        <v>268</v>
      </c>
      <c r="L186" s="22" t="s">
        <v>268</v>
      </c>
      <c r="M186" s="22" t="s">
        <v>268</v>
      </c>
      <c r="N186" s="22" t="s">
        <v>268</v>
      </c>
      <c r="O186" s="22" t="s">
        <v>268</v>
      </c>
      <c r="P186" s="22" t="s">
        <v>268</v>
      </c>
      <c r="Q186" s="22" t="s">
        <v>268</v>
      </c>
      <c r="R186" s="22" t="s">
        <v>268</v>
      </c>
      <c r="S186" s="22" t="s">
        <v>268</v>
      </c>
      <c r="T186" s="22" t="s">
        <v>268</v>
      </c>
      <c r="U186" s="22" t="s">
        <v>268</v>
      </c>
      <c r="V186" s="22" t="s">
        <v>268</v>
      </c>
      <c r="W186" s="22" t="s">
        <v>268</v>
      </c>
      <c r="X186" s="22" t="s">
        <v>268</v>
      </c>
      <c r="Y186" s="22" t="s">
        <v>268</v>
      </c>
      <c r="Z186" s="22" t="s">
        <v>268</v>
      </c>
      <c r="AA186" s="22" t="s">
        <v>268</v>
      </c>
      <c r="AB186" s="22" t="s">
        <v>268</v>
      </c>
      <c r="AC186" s="22" t="s">
        <v>268</v>
      </c>
      <c r="AD186" s="22" t="s">
        <v>268</v>
      </c>
    </row>
    <row r="187" spans="1:30">
      <c r="A187" s="21" t="s">
        <v>240</v>
      </c>
      <c r="B187" s="21" t="s">
        <v>237</v>
      </c>
      <c r="C187" s="21" t="s">
        <v>265</v>
      </c>
      <c r="D187" s="21" t="s">
        <v>214</v>
      </c>
      <c r="E187" s="21" t="s">
        <v>467</v>
      </c>
      <c r="F187" s="21" t="s">
        <v>386</v>
      </c>
      <c r="G187" s="22" t="s">
        <v>268</v>
      </c>
      <c r="H187" s="22" t="s">
        <v>268</v>
      </c>
      <c r="I187" s="22" t="s">
        <v>268</v>
      </c>
      <c r="J187" s="22" t="s">
        <v>268</v>
      </c>
      <c r="K187" s="22" t="s">
        <v>268</v>
      </c>
      <c r="L187" s="22" t="s">
        <v>268</v>
      </c>
      <c r="M187" s="22" t="s">
        <v>268</v>
      </c>
      <c r="N187" s="22" t="s">
        <v>268</v>
      </c>
      <c r="O187" s="22" t="s">
        <v>268</v>
      </c>
      <c r="P187" s="22" t="s">
        <v>268</v>
      </c>
      <c r="Q187" s="22" t="s">
        <v>268</v>
      </c>
      <c r="R187" s="22" t="s">
        <v>268</v>
      </c>
      <c r="S187" s="22" t="s">
        <v>268</v>
      </c>
      <c r="T187" s="22" t="s">
        <v>268</v>
      </c>
      <c r="U187" s="22" t="s">
        <v>268</v>
      </c>
      <c r="V187" s="22" t="s">
        <v>268</v>
      </c>
      <c r="W187" s="22" t="s">
        <v>268</v>
      </c>
      <c r="X187" s="22" t="s">
        <v>268</v>
      </c>
      <c r="Y187" s="22" t="s">
        <v>268</v>
      </c>
      <c r="Z187" s="22" t="s">
        <v>268</v>
      </c>
      <c r="AA187" s="22" t="s">
        <v>268</v>
      </c>
      <c r="AB187" s="22" t="s">
        <v>268</v>
      </c>
      <c r="AC187" s="22" t="s">
        <v>268</v>
      </c>
      <c r="AD187" s="22" t="s">
        <v>268</v>
      </c>
    </row>
    <row r="188" spans="1:30">
      <c r="A188" s="21" t="s">
        <v>240</v>
      </c>
      <c r="B188" s="21" t="s">
        <v>237</v>
      </c>
      <c r="C188" s="21" t="s">
        <v>265</v>
      </c>
      <c r="D188" s="21" t="s">
        <v>214</v>
      </c>
      <c r="E188" s="21" t="s">
        <v>467</v>
      </c>
      <c r="F188" s="21" t="s">
        <v>387</v>
      </c>
      <c r="G188" s="16">
        <v>34418</v>
      </c>
      <c r="H188" s="16">
        <v>33271</v>
      </c>
      <c r="I188" s="16">
        <v>24087</v>
      </c>
      <c r="J188" s="16">
        <v>7452</v>
      </c>
      <c r="K188" s="16">
        <v>16155</v>
      </c>
      <c r="L188" s="16">
        <v>56</v>
      </c>
      <c r="M188" s="16">
        <v>424</v>
      </c>
      <c r="N188" s="16">
        <v>9184</v>
      </c>
      <c r="O188" s="16">
        <v>717</v>
      </c>
      <c r="P188" s="16">
        <v>1476</v>
      </c>
      <c r="Q188" s="16">
        <v>2247</v>
      </c>
      <c r="R188" s="16">
        <v>2320</v>
      </c>
      <c r="S188" s="16">
        <v>107</v>
      </c>
      <c r="T188" s="16">
        <v>475</v>
      </c>
      <c r="U188" s="16">
        <v>559</v>
      </c>
      <c r="V188" s="16">
        <v>1163</v>
      </c>
      <c r="W188" s="16">
        <v>9</v>
      </c>
      <c r="X188" s="16">
        <v>111</v>
      </c>
      <c r="Y188" s="16">
        <v>153</v>
      </c>
      <c r="Z188" s="16">
        <v>994</v>
      </c>
      <c r="AA188" s="22" t="s">
        <v>268</v>
      </c>
      <c r="AB188" s="16">
        <v>6714</v>
      </c>
      <c r="AC188" s="16">
        <v>765</v>
      </c>
      <c r="AD188" s="22" t="s">
        <v>268</v>
      </c>
    </row>
    <row r="189" spans="1:30">
      <c r="A189" s="21" t="s">
        <v>240</v>
      </c>
      <c r="B189" s="21" t="s">
        <v>237</v>
      </c>
      <c r="C189" s="21" t="s">
        <v>265</v>
      </c>
      <c r="D189" s="21" t="s">
        <v>214</v>
      </c>
      <c r="E189" s="21" t="s">
        <v>467</v>
      </c>
      <c r="F189" s="21" t="s">
        <v>388</v>
      </c>
      <c r="G189" s="16">
        <v>24685</v>
      </c>
      <c r="H189" s="16">
        <v>24246</v>
      </c>
      <c r="I189" s="16">
        <v>18756</v>
      </c>
      <c r="J189" s="16">
        <v>13038</v>
      </c>
      <c r="K189" s="16">
        <v>5534</v>
      </c>
      <c r="L189" s="16">
        <v>58</v>
      </c>
      <c r="M189" s="16">
        <v>126</v>
      </c>
      <c r="N189" s="16">
        <v>5490</v>
      </c>
      <c r="O189" s="16">
        <v>783</v>
      </c>
      <c r="P189" s="16">
        <v>663</v>
      </c>
      <c r="Q189" s="16">
        <v>1693</v>
      </c>
      <c r="R189" s="16">
        <v>370</v>
      </c>
      <c r="S189" s="16">
        <v>290</v>
      </c>
      <c r="T189" s="16">
        <v>920</v>
      </c>
      <c r="U189" s="16">
        <v>228</v>
      </c>
      <c r="V189" s="16">
        <v>484</v>
      </c>
      <c r="W189" s="16">
        <v>10</v>
      </c>
      <c r="X189" s="16">
        <v>49</v>
      </c>
      <c r="Y189" s="16">
        <v>73</v>
      </c>
      <c r="Z189" s="16">
        <v>366</v>
      </c>
      <c r="AA189" s="22" t="s">
        <v>268</v>
      </c>
      <c r="AB189" s="16">
        <v>3604</v>
      </c>
      <c r="AC189" s="16">
        <v>12711</v>
      </c>
      <c r="AD189" s="16">
        <v>366</v>
      </c>
    </row>
    <row r="190" spans="1:30">
      <c r="A190" s="21" t="s">
        <v>240</v>
      </c>
      <c r="B190" s="21" t="s">
        <v>237</v>
      </c>
      <c r="C190" s="21" t="s">
        <v>265</v>
      </c>
      <c r="D190" s="21" t="s">
        <v>214</v>
      </c>
      <c r="E190" s="21" t="s">
        <v>467</v>
      </c>
      <c r="F190" s="21" t="s">
        <v>389</v>
      </c>
      <c r="G190" s="16">
        <v>10690</v>
      </c>
      <c r="H190" s="16">
        <v>10479</v>
      </c>
      <c r="I190" s="16">
        <v>8117</v>
      </c>
      <c r="J190" s="16">
        <v>5650</v>
      </c>
      <c r="K190" s="16">
        <v>2360</v>
      </c>
      <c r="L190" s="16">
        <v>37</v>
      </c>
      <c r="M190" s="16">
        <v>70</v>
      </c>
      <c r="N190" s="16">
        <v>2362</v>
      </c>
      <c r="O190" s="16">
        <v>598</v>
      </c>
      <c r="P190" s="16">
        <v>80</v>
      </c>
      <c r="Q190" s="16">
        <v>847</v>
      </c>
      <c r="R190" s="16">
        <v>59</v>
      </c>
      <c r="S190" s="16">
        <v>106</v>
      </c>
      <c r="T190" s="16">
        <v>357</v>
      </c>
      <c r="U190" s="16">
        <v>130</v>
      </c>
      <c r="V190" s="16">
        <v>159</v>
      </c>
      <c r="W190" s="16">
        <v>4</v>
      </c>
      <c r="X190" s="16">
        <v>22</v>
      </c>
      <c r="Y190" s="16">
        <v>39</v>
      </c>
      <c r="Z190" s="16">
        <v>172</v>
      </c>
      <c r="AA190" s="22" t="s">
        <v>268</v>
      </c>
      <c r="AB190" s="16">
        <v>1523</v>
      </c>
      <c r="AC190" s="16">
        <v>5639</v>
      </c>
      <c r="AD190" s="16">
        <v>172</v>
      </c>
    </row>
    <row r="191" spans="1:30">
      <c r="A191" s="21" t="s">
        <v>240</v>
      </c>
      <c r="B191" s="21" t="s">
        <v>237</v>
      </c>
      <c r="C191" s="21" t="s">
        <v>265</v>
      </c>
      <c r="D191" s="21" t="s">
        <v>214</v>
      </c>
      <c r="E191" s="21" t="s">
        <v>467</v>
      </c>
      <c r="F191" s="21" t="s">
        <v>390</v>
      </c>
      <c r="G191" s="16">
        <v>2290</v>
      </c>
      <c r="H191" s="16">
        <v>2224</v>
      </c>
      <c r="I191" s="16">
        <v>1566</v>
      </c>
      <c r="J191" s="16">
        <v>1081</v>
      </c>
      <c r="K191" s="16">
        <v>447</v>
      </c>
      <c r="L191" s="16">
        <v>16</v>
      </c>
      <c r="M191" s="16">
        <v>22</v>
      </c>
      <c r="N191" s="16">
        <v>658</v>
      </c>
      <c r="O191" s="16">
        <v>232</v>
      </c>
      <c r="P191" s="16">
        <v>32</v>
      </c>
      <c r="Q191" s="16">
        <v>162</v>
      </c>
      <c r="R191" s="16">
        <v>27</v>
      </c>
      <c r="S191" s="16">
        <v>22</v>
      </c>
      <c r="T191" s="16">
        <v>66</v>
      </c>
      <c r="U191" s="16">
        <v>47</v>
      </c>
      <c r="V191" s="16">
        <v>58</v>
      </c>
      <c r="W191" s="16">
        <v>2</v>
      </c>
      <c r="X191" s="16">
        <v>10</v>
      </c>
      <c r="Y191" s="16">
        <v>10</v>
      </c>
      <c r="Z191" s="16">
        <v>56</v>
      </c>
      <c r="AA191" s="22" t="s">
        <v>268</v>
      </c>
      <c r="AB191" s="16">
        <v>359</v>
      </c>
      <c r="AC191" s="16">
        <v>1080</v>
      </c>
      <c r="AD191" s="16">
        <v>56</v>
      </c>
    </row>
    <row r="192" spans="1:30">
      <c r="A192" s="21" t="s">
        <v>240</v>
      </c>
      <c r="B192" s="21" t="s">
        <v>237</v>
      </c>
      <c r="C192" s="21" t="s">
        <v>265</v>
      </c>
      <c r="D192" s="21" t="s">
        <v>214</v>
      </c>
      <c r="E192" s="21" t="s">
        <v>467</v>
      </c>
      <c r="F192" s="21" t="s">
        <v>391</v>
      </c>
      <c r="G192" s="16">
        <v>41435</v>
      </c>
      <c r="H192" s="16">
        <v>40176</v>
      </c>
      <c r="I192" s="16">
        <v>29265</v>
      </c>
      <c r="J192" s="16">
        <v>10968</v>
      </c>
      <c r="K192" s="16">
        <v>17773</v>
      </c>
      <c r="L192" s="16">
        <v>66</v>
      </c>
      <c r="M192" s="16">
        <v>458</v>
      </c>
      <c r="N192" s="16">
        <v>10911</v>
      </c>
      <c r="O192" s="16">
        <v>813</v>
      </c>
      <c r="P192" s="16">
        <v>1865</v>
      </c>
      <c r="Q192" s="16">
        <v>2632</v>
      </c>
      <c r="R192" s="16">
        <v>2530</v>
      </c>
      <c r="S192" s="16">
        <v>194</v>
      </c>
      <c r="T192" s="16">
        <v>750</v>
      </c>
      <c r="U192" s="16">
        <v>615</v>
      </c>
      <c r="V192" s="16">
        <v>1369</v>
      </c>
      <c r="W192" s="16">
        <v>14</v>
      </c>
      <c r="X192" s="16">
        <v>129</v>
      </c>
      <c r="Y192" s="16">
        <v>167</v>
      </c>
      <c r="Z192" s="16">
        <v>1092</v>
      </c>
      <c r="AA192" s="22" t="s">
        <v>268</v>
      </c>
      <c r="AB192" s="16">
        <v>7813</v>
      </c>
      <c r="AC192" s="16">
        <v>4029</v>
      </c>
      <c r="AD192" s="16">
        <v>99</v>
      </c>
    </row>
    <row r="193" spans="1:30">
      <c r="A193" s="21" t="s">
        <v>240</v>
      </c>
      <c r="B193" s="21" t="s">
        <v>237</v>
      </c>
      <c r="C193" s="21" t="s">
        <v>265</v>
      </c>
      <c r="D193" s="21" t="s">
        <v>215</v>
      </c>
      <c r="E193" s="21" t="s">
        <v>467</v>
      </c>
      <c r="F193" s="21" t="s">
        <v>401</v>
      </c>
      <c r="G193" s="16">
        <v>29332</v>
      </c>
      <c r="H193" s="16">
        <v>28543</v>
      </c>
      <c r="I193" s="16">
        <v>21305</v>
      </c>
      <c r="J193" s="16">
        <v>10245</v>
      </c>
      <c r="K193" s="16">
        <v>10858</v>
      </c>
      <c r="L193" s="16">
        <v>103</v>
      </c>
      <c r="M193" s="16">
        <v>99</v>
      </c>
      <c r="N193" s="16">
        <v>7238</v>
      </c>
      <c r="O193" s="16">
        <v>750</v>
      </c>
      <c r="P193" s="16">
        <v>1060</v>
      </c>
      <c r="Q193" s="16">
        <v>1970</v>
      </c>
      <c r="R193" s="16">
        <v>1339</v>
      </c>
      <c r="S193" s="16">
        <v>199</v>
      </c>
      <c r="T193" s="16">
        <v>662</v>
      </c>
      <c r="U193" s="16">
        <v>392</v>
      </c>
      <c r="V193" s="16">
        <v>814</v>
      </c>
      <c r="W193" s="16">
        <v>11</v>
      </c>
      <c r="X193" s="16">
        <v>41</v>
      </c>
      <c r="Y193" s="16">
        <v>96</v>
      </c>
      <c r="Z193" s="16">
        <v>693</v>
      </c>
      <c r="AA193" s="22" t="s">
        <v>268</v>
      </c>
      <c r="AB193" s="16">
        <v>5063</v>
      </c>
      <c r="AC193" s="16">
        <v>6738</v>
      </c>
      <c r="AD193" s="16">
        <v>206</v>
      </c>
    </row>
    <row r="194" spans="1:30">
      <c r="A194" s="21" t="s">
        <v>240</v>
      </c>
      <c r="B194" s="21" t="s">
        <v>237</v>
      </c>
      <c r="C194" s="21" t="s">
        <v>265</v>
      </c>
      <c r="D194" s="21" t="s">
        <v>215</v>
      </c>
      <c r="E194" s="21" t="s">
        <v>467</v>
      </c>
      <c r="F194" s="21" t="s">
        <v>405</v>
      </c>
      <c r="G194" s="16">
        <v>9</v>
      </c>
      <c r="H194" s="16">
        <v>8</v>
      </c>
      <c r="I194" s="16">
        <v>4</v>
      </c>
      <c r="J194" s="16">
        <v>1</v>
      </c>
      <c r="K194" s="16">
        <v>2</v>
      </c>
      <c r="L194" s="22" t="s">
        <v>268</v>
      </c>
      <c r="M194" s="16">
        <v>1</v>
      </c>
      <c r="N194" s="16">
        <v>4</v>
      </c>
      <c r="O194" s="22" t="s">
        <v>268</v>
      </c>
      <c r="P194" s="22" t="s">
        <v>268</v>
      </c>
      <c r="Q194" s="16">
        <v>1</v>
      </c>
      <c r="R194" s="22" t="s">
        <v>268</v>
      </c>
      <c r="S194" s="22" t="s">
        <v>268</v>
      </c>
      <c r="T194" s="22" t="s">
        <v>268</v>
      </c>
      <c r="U194" s="16">
        <v>2</v>
      </c>
      <c r="V194" s="16">
        <v>1</v>
      </c>
      <c r="W194" s="22" t="s">
        <v>268</v>
      </c>
      <c r="X194" s="22" t="s">
        <v>268</v>
      </c>
      <c r="Y194" s="22" t="s">
        <v>268</v>
      </c>
      <c r="Z194" s="16">
        <v>1</v>
      </c>
      <c r="AA194" s="22" t="s">
        <v>268</v>
      </c>
      <c r="AB194" s="16">
        <v>3</v>
      </c>
      <c r="AC194" s="22" t="s">
        <v>268</v>
      </c>
      <c r="AD194" s="22" t="s">
        <v>268</v>
      </c>
    </row>
    <row r="195" spans="1:30">
      <c r="A195" s="21" t="s">
        <v>240</v>
      </c>
      <c r="B195" s="21" t="s">
        <v>237</v>
      </c>
      <c r="C195" s="21" t="s">
        <v>265</v>
      </c>
      <c r="D195" s="21" t="s">
        <v>215</v>
      </c>
      <c r="E195" s="21" t="s">
        <v>467</v>
      </c>
      <c r="F195" s="21" t="s">
        <v>406</v>
      </c>
      <c r="G195" s="16">
        <v>161</v>
      </c>
      <c r="H195" s="16">
        <v>157</v>
      </c>
      <c r="I195" s="16">
        <v>119</v>
      </c>
      <c r="J195" s="16">
        <v>44</v>
      </c>
      <c r="K195" s="16">
        <v>73</v>
      </c>
      <c r="L195" s="22" t="s">
        <v>268</v>
      </c>
      <c r="M195" s="16">
        <v>2</v>
      </c>
      <c r="N195" s="16">
        <v>38</v>
      </c>
      <c r="O195" s="16">
        <v>3</v>
      </c>
      <c r="P195" s="22" t="s">
        <v>268</v>
      </c>
      <c r="Q195" s="16">
        <v>6</v>
      </c>
      <c r="R195" s="22" t="s">
        <v>268</v>
      </c>
      <c r="S195" s="16">
        <v>1</v>
      </c>
      <c r="T195" s="16">
        <v>2</v>
      </c>
      <c r="U195" s="16">
        <v>11</v>
      </c>
      <c r="V195" s="16">
        <v>13</v>
      </c>
      <c r="W195" s="22" t="s">
        <v>268</v>
      </c>
      <c r="X195" s="16">
        <v>2</v>
      </c>
      <c r="Y195" s="22" t="s">
        <v>268</v>
      </c>
      <c r="Z195" s="16">
        <v>4</v>
      </c>
      <c r="AA195" s="22" t="s">
        <v>268</v>
      </c>
      <c r="AB195" s="16">
        <v>32</v>
      </c>
      <c r="AC195" s="22" t="s">
        <v>268</v>
      </c>
      <c r="AD195" s="22" t="s">
        <v>268</v>
      </c>
    </row>
    <row r="196" spans="1:30">
      <c r="A196" s="21" t="s">
        <v>240</v>
      </c>
      <c r="B196" s="21" t="s">
        <v>237</v>
      </c>
      <c r="C196" s="21" t="s">
        <v>265</v>
      </c>
      <c r="D196" s="21" t="s">
        <v>215</v>
      </c>
      <c r="E196" s="21" t="s">
        <v>467</v>
      </c>
      <c r="F196" s="21" t="s">
        <v>407</v>
      </c>
      <c r="G196" s="16">
        <v>673</v>
      </c>
      <c r="H196" s="16">
        <v>647</v>
      </c>
      <c r="I196" s="16">
        <v>509</v>
      </c>
      <c r="J196" s="16">
        <v>145</v>
      </c>
      <c r="K196" s="16">
        <v>360</v>
      </c>
      <c r="L196" s="16">
        <v>1</v>
      </c>
      <c r="M196" s="16">
        <v>3</v>
      </c>
      <c r="N196" s="16">
        <v>138</v>
      </c>
      <c r="O196" s="22" t="s">
        <v>268</v>
      </c>
      <c r="P196" s="16">
        <v>4</v>
      </c>
      <c r="Q196" s="16">
        <v>25</v>
      </c>
      <c r="R196" s="16">
        <v>28</v>
      </c>
      <c r="S196" s="16">
        <v>9</v>
      </c>
      <c r="T196" s="16">
        <v>6</v>
      </c>
      <c r="U196" s="16">
        <v>22</v>
      </c>
      <c r="V196" s="16">
        <v>42</v>
      </c>
      <c r="W196" s="22" t="s">
        <v>268</v>
      </c>
      <c r="X196" s="16">
        <v>2</v>
      </c>
      <c r="Y196" s="16">
        <v>5</v>
      </c>
      <c r="Z196" s="16">
        <v>21</v>
      </c>
      <c r="AA196" s="22" t="s">
        <v>268</v>
      </c>
      <c r="AB196" s="16">
        <v>119</v>
      </c>
      <c r="AC196" s="22" t="s">
        <v>268</v>
      </c>
      <c r="AD196" s="22" t="s">
        <v>268</v>
      </c>
    </row>
    <row r="197" spans="1:30">
      <c r="A197" s="21" t="s">
        <v>240</v>
      </c>
      <c r="B197" s="21" t="s">
        <v>237</v>
      </c>
      <c r="C197" s="21" t="s">
        <v>265</v>
      </c>
      <c r="D197" s="21" t="s">
        <v>215</v>
      </c>
      <c r="E197" s="21" t="s">
        <v>467</v>
      </c>
      <c r="F197" s="21" t="s">
        <v>408</v>
      </c>
      <c r="G197" s="16">
        <v>1251</v>
      </c>
      <c r="H197" s="16">
        <v>1205</v>
      </c>
      <c r="I197" s="16">
        <v>1008</v>
      </c>
      <c r="J197" s="16">
        <v>175</v>
      </c>
      <c r="K197" s="16">
        <v>829</v>
      </c>
      <c r="L197" s="16">
        <v>1</v>
      </c>
      <c r="M197" s="16">
        <v>3</v>
      </c>
      <c r="N197" s="16">
        <v>197</v>
      </c>
      <c r="O197" s="16">
        <v>5</v>
      </c>
      <c r="P197" s="16">
        <v>7</v>
      </c>
      <c r="Q197" s="16">
        <v>56</v>
      </c>
      <c r="R197" s="16">
        <v>29</v>
      </c>
      <c r="S197" s="16">
        <v>4</v>
      </c>
      <c r="T197" s="16">
        <v>3</v>
      </c>
      <c r="U197" s="16">
        <v>44</v>
      </c>
      <c r="V197" s="16">
        <v>49</v>
      </c>
      <c r="W197" s="22" t="s">
        <v>268</v>
      </c>
      <c r="X197" s="22" t="s">
        <v>268</v>
      </c>
      <c r="Y197" s="16">
        <v>7</v>
      </c>
      <c r="Z197" s="16">
        <v>39</v>
      </c>
      <c r="AA197" s="22" t="s">
        <v>268</v>
      </c>
      <c r="AB197" s="16">
        <v>184</v>
      </c>
      <c r="AC197" s="22" t="s">
        <v>268</v>
      </c>
      <c r="AD197" s="22" t="s">
        <v>268</v>
      </c>
    </row>
    <row r="198" spans="1:30">
      <c r="A198" s="21" t="s">
        <v>240</v>
      </c>
      <c r="B198" s="21" t="s">
        <v>237</v>
      </c>
      <c r="C198" s="21" t="s">
        <v>265</v>
      </c>
      <c r="D198" s="21" t="s">
        <v>215</v>
      </c>
      <c r="E198" s="21" t="s">
        <v>467</v>
      </c>
      <c r="F198" s="21" t="s">
        <v>409</v>
      </c>
      <c r="G198" s="16">
        <v>1834</v>
      </c>
      <c r="H198" s="16">
        <v>1794</v>
      </c>
      <c r="I198" s="16">
        <v>1418</v>
      </c>
      <c r="J198" s="16">
        <v>161</v>
      </c>
      <c r="K198" s="16">
        <v>1250</v>
      </c>
      <c r="L198" s="16">
        <v>3</v>
      </c>
      <c r="M198" s="16">
        <v>4</v>
      </c>
      <c r="N198" s="16">
        <v>376</v>
      </c>
      <c r="O198" s="16">
        <v>16</v>
      </c>
      <c r="P198" s="16">
        <v>13</v>
      </c>
      <c r="Q198" s="16">
        <v>134</v>
      </c>
      <c r="R198" s="16">
        <v>71</v>
      </c>
      <c r="S198" s="16">
        <v>3</v>
      </c>
      <c r="T198" s="16">
        <v>15</v>
      </c>
      <c r="U198" s="16">
        <v>32</v>
      </c>
      <c r="V198" s="16">
        <v>91</v>
      </c>
      <c r="W198" s="22" t="s">
        <v>268</v>
      </c>
      <c r="X198" s="16">
        <v>1</v>
      </c>
      <c r="Y198" s="16">
        <v>3</v>
      </c>
      <c r="Z198" s="16">
        <v>37</v>
      </c>
      <c r="AA198" s="22" t="s">
        <v>268</v>
      </c>
      <c r="AB198" s="16">
        <v>337</v>
      </c>
      <c r="AC198" s="22" t="s">
        <v>268</v>
      </c>
      <c r="AD198" s="22" t="s">
        <v>268</v>
      </c>
    </row>
    <row r="199" spans="1:30">
      <c r="A199" s="21" t="s">
        <v>240</v>
      </c>
      <c r="B199" s="21" t="s">
        <v>237</v>
      </c>
      <c r="C199" s="21" t="s">
        <v>265</v>
      </c>
      <c r="D199" s="21" t="s">
        <v>215</v>
      </c>
      <c r="E199" s="21" t="s">
        <v>467</v>
      </c>
      <c r="F199" s="21" t="s">
        <v>410</v>
      </c>
      <c r="G199" s="16">
        <v>2186</v>
      </c>
      <c r="H199" s="16">
        <v>2135</v>
      </c>
      <c r="I199" s="16">
        <v>1654</v>
      </c>
      <c r="J199" s="16">
        <v>180</v>
      </c>
      <c r="K199" s="16">
        <v>1463</v>
      </c>
      <c r="L199" s="16">
        <v>5</v>
      </c>
      <c r="M199" s="16">
        <v>6</v>
      </c>
      <c r="N199" s="16">
        <v>481</v>
      </c>
      <c r="O199" s="16">
        <v>17</v>
      </c>
      <c r="P199" s="16">
        <v>22</v>
      </c>
      <c r="Q199" s="16">
        <v>180</v>
      </c>
      <c r="R199" s="16">
        <v>138</v>
      </c>
      <c r="S199" s="16">
        <v>1</v>
      </c>
      <c r="T199" s="16">
        <v>11</v>
      </c>
      <c r="U199" s="16">
        <v>28</v>
      </c>
      <c r="V199" s="16">
        <v>82</v>
      </c>
      <c r="W199" s="16">
        <v>1</v>
      </c>
      <c r="X199" s="16">
        <v>1</v>
      </c>
      <c r="Y199" s="16">
        <v>6</v>
      </c>
      <c r="Z199" s="16">
        <v>45</v>
      </c>
      <c r="AA199" s="22" t="s">
        <v>268</v>
      </c>
      <c r="AB199" s="16">
        <v>434</v>
      </c>
      <c r="AC199" s="22" t="s">
        <v>268</v>
      </c>
      <c r="AD199" s="22" t="s">
        <v>268</v>
      </c>
    </row>
    <row r="200" spans="1:30">
      <c r="A200" s="21" t="s">
        <v>240</v>
      </c>
      <c r="B200" s="21" t="s">
        <v>237</v>
      </c>
      <c r="C200" s="21" t="s">
        <v>265</v>
      </c>
      <c r="D200" s="21" t="s">
        <v>215</v>
      </c>
      <c r="E200" s="21" t="s">
        <v>467</v>
      </c>
      <c r="F200" s="21" t="s">
        <v>411</v>
      </c>
      <c r="G200" s="16">
        <v>2308</v>
      </c>
      <c r="H200" s="16">
        <v>2216</v>
      </c>
      <c r="I200" s="16">
        <v>1652</v>
      </c>
      <c r="J200" s="16">
        <v>297</v>
      </c>
      <c r="K200" s="16">
        <v>1343</v>
      </c>
      <c r="L200" s="16">
        <v>9</v>
      </c>
      <c r="M200" s="16">
        <v>3</v>
      </c>
      <c r="N200" s="16">
        <v>564</v>
      </c>
      <c r="O200" s="16">
        <v>44</v>
      </c>
      <c r="P200" s="16">
        <v>30</v>
      </c>
      <c r="Q200" s="16">
        <v>212</v>
      </c>
      <c r="R200" s="16">
        <v>172</v>
      </c>
      <c r="S200" s="16">
        <v>1</v>
      </c>
      <c r="T200" s="16">
        <v>14</v>
      </c>
      <c r="U200" s="16">
        <v>21</v>
      </c>
      <c r="V200" s="16">
        <v>64</v>
      </c>
      <c r="W200" s="22" t="s">
        <v>268</v>
      </c>
      <c r="X200" s="16">
        <v>6</v>
      </c>
      <c r="Y200" s="16">
        <v>9</v>
      </c>
      <c r="Z200" s="16">
        <v>83</v>
      </c>
      <c r="AA200" s="22" t="s">
        <v>268</v>
      </c>
      <c r="AB200" s="16">
        <v>482</v>
      </c>
      <c r="AC200" s="22" t="s">
        <v>268</v>
      </c>
      <c r="AD200" s="22" t="s">
        <v>268</v>
      </c>
    </row>
    <row r="201" spans="1:30">
      <c r="A201" s="21" t="s">
        <v>240</v>
      </c>
      <c r="B201" s="21" t="s">
        <v>237</v>
      </c>
      <c r="C201" s="21" t="s">
        <v>265</v>
      </c>
      <c r="D201" s="21" t="s">
        <v>215</v>
      </c>
      <c r="E201" s="21" t="s">
        <v>467</v>
      </c>
      <c r="F201" s="21" t="s">
        <v>412</v>
      </c>
      <c r="G201" s="16">
        <v>2253</v>
      </c>
      <c r="H201" s="16">
        <v>2156</v>
      </c>
      <c r="I201" s="16">
        <v>1490</v>
      </c>
      <c r="J201" s="16">
        <v>440</v>
      </c>
      <c r="K201" s="16">
        <v>1022</v>
      </c>
      <c r="L201" s="16">
        <v>7</v>
      </c>
      <c r="M201" s="16">
        <v>21</v>
      </c>
      <c r="N201" s="16">
        <v>666</v>
      </c>
      <c r="O201" s="16">
        <v>79</v>
      </c>
      <c r="P201" s="16">
        <v>74</v>
      </c>
      <c r="Q201" s="16">
        <v>191</v>
      </c>
      <c r="R201" s="16">
        <v>228</v>
      </c>
      <c r="S201" s="16">
        <v>2</v>
      </c>
      <c r="T201" s="16">
        <v>18</v>
      </c>
      <c r="U201" s="16">
        <v>21</v>
      </c>
      <c r="V201" s="16">
        <v>45</v>
      </c>
      <c r="W201" s="16">
        <v>1</v>
      </c>
      <c r="X201" s="16">
        <v>7</v>
      </c>
      <c r="Y201" s="16">
        <v>8</v>
      </c>
      <c r="Z201" s="16">
        <v>89</v>
      </c>
      <c r="AA201" s="22" t="s">
        <v>268</v>
      </c>
      <c r="AB201" s="16">
        <v>504</v>
      </c>
      <c r="AC201" s="22" t="s">
        <v>268</v>
      </c>
      <c r="AD201" s="22" t="s">
        <v>268</v>
      </c>
    </row>
    <row r="202" spans="1:30">
      <c r="A202" s="21" t="s">
        <v>240</v>
      </c>
      <c r="B202" s="21" t="s">
        <v>237</v>
      </c>
      <c r="C202" s="21" t="s">
        <v>265</v>
      </c>
      <c r="D202" s="21" t="s">
        <v>215</v>
      </c>
      <c r="E202" s="21" t="s">
        <v>467</v>
      </c>
      <c r="F202" s="21" t="s">
        <v>413</v>
      </c>
      <c r="G202" s="16">
        <v>2538</v>
      </c>
      <c r="H202" s="16">
        <v>2420</v>
      </c>
      <c r="I202" s="16">
        <v>1566</v>
      </c>
      <c r="J202" s="16">
        <v>747</v>
      </c>
      <c r="K202" s="16">
        <v>782</v>
      </c>
      <c r="L202" s="16">
        <v>13</v>
      </c>
      <c r="M202" s="16">
        <v>24</v>
      </c>
      <c r="N202" s="16">
        <v>854</v>
      </c>
      <c r="O202" s="16">
        <v>107</v>
      </c>
      <c r="P202" s="16">
        <v>206</v>
      </c>
      <c r="Q202" s="16">
        <v>158</v>
      </c>
      <c r="R202" s="16">
        <v>225</v>
      </c>
      <c r="S202" s="16">
        <v>7</v>
      </c>
      <c r="T202" s="16">
        <v>41</v>
      </c>
      <c r="U202" s="16">
        <v>45</v>
      </c>
      <c r="V202" s="16">
        <v>61</v>
      </c>
      <c r="W202" s="22" t="s">
        <v>268</v>
      </c>
      <c r="X202" s="16">
        <v>4</v>
      </c>
      <c r="Y202" s="16">
        <v>14</v>
      </c>
      <c r="Z202" s="16">
        <v>104</v>
      </c>
      <c r="AA202" s="22" t="s">
        <v>268</v>
      </c>
      <c r="AB202" s="16">
        <v>512</v>
      </c>
      <c r="AC202" s="22" t="s">
        <v>268</v>
      </c>
      <c r="AD202" s="22" t="s">
        <v>268</v>
      </c>
    </row>
    <row r="203" spans="1:30">
      <c r="A203" s="21" t="s">
        <v>240</v>
      </c>
      <c r="B203" s="21" t="s">
        <v>237</v>
      </c>
      <c r="C203" s="21" t="s">
        <v>265</v>
      </c>
      <c r="D203" s="21" t="s">
        <v>215</v>
      </c>
      <c r="E203" s="21" t="s">
        <v>467</v>
      </c>
      <c r="F203" s="21" t="s">
        <v>414</v>
      </c>
      <c r="G203" s="16">
        <v>2926</v>
      </c>
      <c r="H203" s="16">
        <v>2856</v>
      </c>
      <c r="I203" s="16">
        <v>1868</v>
      </c>
      <c r="J203" s="16">
        <v>1112</v>
      </c>
      <c r="K203" s="16">
        <v>732</v>
      </c>
      <c r="L203" s="16">
        <v>8</v>
      </c>
      <c r="M203" s="16">
        <v>16</v>
      </c>
      <c r="N203" s="16">
        <v>988</v>
      </c>
      <c r="O203" s="16">
        <v>81</v>
      </c>
      <c r="P203" s="16">
        <v>320</v>
      </c>
      <c r="Q203" s="16">
        <v>123</v>
      </c>
      <c r="R203" s="16">
        <v>225</v>
      </c>
      <c r="S203" s="16">
        <v>21</v>
      </c>
      <c r="T203" s="16">
        <v>67</v>
      </c>
      <c r="U203" s="16">
        <v>43</v>
      </c>
      <c r="V203" s="16">
        <v>103</v>
      </c>
      <c r="W203" s="16">
        <v>3</v>
      </c>
      <c r="X203" s="16">
        <v>2</v>
      </c>
      <c r="Y203" s="16">
        <v>6</v>
      </c>
      <c r="Z203" s="16">
        <v>64</v>
      </c>
      <c r="AA203" s="22" t="s">
        <v>268</v>
      </c>
      <c r="AB203" s="16">
        <v>537</v>
      </c>
      <c r="AC203" s="22" t="s">
        <v>268</v>
      </c>
      <c r="AD203" s="22" t="s">
        <v>268</v>
      </c>
    </row>
    <row r="204" spans="1:30">
      <c r="A204" s="21" t="s">
        <v>240</v>
      </c>
      <c r="B204" s="21" t="s">
        <v>237</v>
      </c>
      <c r="C204" s="21" t="s">
        <v>265</v>
      </c>
      <c r="D204" s="21" t="s">
        <v>215</v>
      </c>
      <c r="E204" s="21" t="s">
        <v>467</v>
      </c>
      <c r="F204" s="21" t="s">
        <v>415</v>
      </c>
      <c r="G204" s="16">
        <v>3472</v>
      </c>
      <c r="H204" s="16">
        <v>3405</v>
      </c>
      <c r="I204" s="16">
        <v>2523</v>
      </c>
      <c r="J204" s="16">
        <v>1698</v>
      </c>
      <c r="K204" s="16">
        <v>808</v>
      </c>
      <c r="L204" s="16">
        <v>8</v>
      </c>
      <c r="M204" s="16">
        <v>9</v>
      </c>
      <c r="N204" s="16">
        <v>882</v>
      </c>
      <c r="O204" s="16">
        <v>44</v>
      </c>
      <c r="P204" s="16">
        <v>221</v>
      </c>
      <c r="Q204" s="16">
        <v>176</v>
      </c>
      <c r="R204" s="16">
        <v>132</v>
      </c>
      <c r="S204" s="16">
        <v>30</v>
      </c>
      <c r="T204" s="16">
        <v>125</v>
      </c>
      <c r="U204" s="16">
        <v>34</v>
      </c>
      <c r="V204" s="16">
        <v>110</v>
      </c>
      <c r="W204" s="16">
        <v>3</v>
      </c>
      <c r="X204" s="16">
        <v>7</v>
      </c>
      <c r="Y204" s="16">
        <v>7</v>
      </c>
      <c r="Z204" s="16">
        <v>60</v>
      </c>
      <c r="AA204" s="22" t="s">
        <v>268</v>
      </c>
      <c r="AB204" s="16">
        <v>556</v>
      </c>
      <c r="AC204" s="16">
        <v>1548</v>
      </c>
      <c r="AD204" s="16">
        <v>60</v>
      </c>
    </row>
    <row r="205" spans="1:30">
      <c r="A205" s="21" t="s">
        <v>240</v>
      </c>
      <c r="B205" s="21" t="s">
        <v>237</v>
      </c>
      <c r="C205" s="21" t="s">
        <v>265</v>
      </c>
      <c r="D205" s="21" t="s">
        <v>215</v>
      </c>
      <c r="E205" s="21" t="s">
        <v>467</v>
      </c>
      <c r="F205" s="21" t="s">
        <v>416</v>
      </c>
      <c r="G205" s="16">
        <v>3638</v>
      </c>
      <c r="H205" s="16">
        <v>3573</v>
      </c>
      <c r="I205" s="16">
        <v>2823</v>
      </c>
      <c r="J205" s="16">
        <v>1987</v>
      </c>
      <c r="K205" s="16">
        <v>818</v>
      </c>
      <c r="L205" s="16">
        <v>11</v>
      </c>
      <c r="M205" s="16">
        <v>7</v>
      </c>
      <c r="N205" s="16">
        <v>750</v>
      </c>
      <c r="O205" s="16">
        <v>42</v>
      </c>
      <c r="P205" s="16">
        <v>126</v>
      </c>
      <c r="Q205" s="16">
        <v>223</v>
      </c>
      <c r="R205" s="16">
        <v>64</v>
      </c>
      <c r="S205" s="16">
        <v>59</v>
      </c>
      <c r="T205" s="16">
        <v>146</v>
      </c>
      <c r="U205" s="16">
        <v>19</v>
      </c>
      <c r="V205" s="16">
        <v>69</v>
      </c>
      <c r="W205" s="22" t="s">
        <v>268</v>
      </c>
      <c r="X205" s="16">
        <v>2</v>
      </c>
      <c r="Y205" s="16">
        <v>11</v>
      </c>
      <c r="Z205" s="16">
        <v>54</v>
      </c>
      <c r="AA205" s="22" t="s">
        <v>268</v>
      </c>
      <c r="AB205" s="16">
        <v>504</v>
      </c>
      <c r="AC205" s="16">
        <v>1941</v>
      </c>
      <c r="AD205" s="16">
        <v>54</v>
      </c>
    </row>
    <row r="206" spans="1:30">
      <c r="A206" s="21" t="s">
        <v>240</v>
      </c>
      <c r="B206" s="21" t="s">
        <v>237</v>
      </c>
      <c r="C206" s="21" t="s">
        <v>265</v>
      </c>
      <c r="D206" s="21" t="s">
        <v>215</v>
      </c>
      <c r="E206" s="21" t="s">
        <v>467</v>
      </c>
      <c r="F206" s="21" t="s">
        <v>417</v>
      </c>
      <c r="G206" s="16">
        <v>2575</v>
      </c>
      <c r="H206" s="16">
        <v>2541</v>
      </c>
      <c r="I206" s="16">
        <v>2086</v>
      </c>
      <c r="J206" s="16">
        <v>1458</v>
      </c>
      <c r="K206" s="16">
        <v>621</v>
      </c>
      <c r="L206" s="16">
        <v>7</v>
      </c>
      <c r="M206" s="22" t="s">
        <v>268</v>
      </c>
      <c r="N206" s="16">
        <v>455</v>
      </c>
      <c r="O206" s="16">
        <v>61</v>
      </c>
      <c r="P206" s="16">
        <v>15</v>
      </c>
      <c r="Q206" s="16">
        <v>193</v>
      </c>
      <c r="R206" s="16">
        <v>12</v>
      </c>
      <c r="S206" s="16">
        <v>28</v>
      </c>
      <c r="T206" s="16">
        <v>104</v>
      </c>
      <c r="U206" s="16">
        <v>16</v>
      </c>
      <c r="V206" s="16">
        <v>23</v>
      </c>
      <c r="W206" s="16">
        <v>1</v>
      </c>
      <c r="X206" s="16">
        <v>2</v>
      </c>
      <c r="Y206" s="16">
        <v>9</v>
      </c>
      <c r="Z206" s="16">
        <v>25</v>
      </c>
      <c r="AA206" s="22" t="s">
        <v>268</v>
      </c>
      <c r="AB206" s="16">
        <v>340</v>
      </c>
      <c r="AC206" s="16">
        <v>1450</v>
      </c>
      <c r="AD206" s="16">
        <v>25</v>
      </c>
    </row>
    <row r="207" spans="1:30">
      <c r="A207" s="21" t="s">
        <v>240</v>
      </c>
      <c r="B207" s="21" t="s">
        <v>237</v>
      </c>
      <c r="C207" s="21" t="s">
        <v>265</v>
      </c>
      <c r="D207" s="21" t="s">
        <v>215</v>
      </c>
      <c r="E207" s="21" t="s">
        <v>467</v>
      </c>
      <c r="F207" s="21" t="s">
        <v>418</v>
      </c>
      <c r="G207" s="16">
        <v>1995</v>
      </c>
      <c r="H207" s="16">
        <v>1961</v>
      </c>
      <c r="I207" s="16">
        <v>1524</v>
      </c>
      <c r="J207" s="16">
        <v>1060</v>
      </c>
      <c r="K207" s="16">
        <v>450</v>
      </c>
      <c r="L207" s="16">
        <v>14</v>
      </c>
      <c r="M207" s="22" t="s">
        <v>268</v>
      </c>
      <c r="N207" s="16">
        <v>437</v>
      </c>
      <c r="O207" s="16">
        <v>111</v>
      </c>
      <c r="P207" s="16">
        <v>9</v>
      </c>
      <c r="Q207" s="16">
        <v>180</v>
      </c>
      <c r="R207" s="16">
        <v>3</v>
      </c>
      <c r="S207" s="16">
        <v>17</v>
      </c>
      <c r="T207" s="16">
        <v>67</v>
      </c>
      <c r="U207" s="16">
        <v>23</v>
      </c>
      <c r="V207" s="16">
        <v>27</v>
      </c>
      <c r="W207" s="22" t="s">
        <v>268</v>
      </c>
      <c r="X207" s="22" t="s">
        <v>268</v>
      </c>
      <c r="Y207" s="16">
        <v>6</v>
      </c>
      <c r="Z207" s="16">
        <v>28</v>
      </c>
      <c r="AA207" s="22" t="s">
        <v>268</v>
      </c>
      <c r="AB207" s="16">
        <v>292</v>
      </c>
      <c r="AC207" s="16">
        <v>1059</v>
      </c>
      <c r="AD207" s="16">
        <v>28</v>
      </c>
    </row>
    <row r="208" spans="1:30">
      <c r="A208" s="21" t="s">
        <v>240</v>
      </c>
      <c r="B208" s="21" t="s">
        <v>237</v>
      </c>
      <c r="C208" s="21" t="s">
        <v>265</v>
      </c>
      <c r="D208" s="21" t="s">
        <v>215</v>
      </c>
      <c r="E208" s="21" t="s">
        <v>467</v>
      </c>
      <c r="F208" s="21" t="s">
        <v>419</v>
      </c>
      <c r="G208" s="16">
        <v>1123</v>
      </c>
      <c r="H208" s="16">
        <v>1095</v>
      </c>
      <c r="I208" s="16">
        <v>809</v>
      </c>
      <c r="J208" s="16">
        <v>564</v>
      </c>
      <c r="K208" s="16">
        <v>236</v>
      </c>
      <c r="L208" s="16">
        <v>9</v>
      </c>
      <c r="M208" s="22" t="s">
        <v>268</v>
      </c>
      <c r="N208" s="16">
        <v>286</v>
      </c>
      <c r="O208" s="16">
        <v>88</v>
      </c>
      <c r="P208" s="16">
        <v>7</v>
      </c>
      <c r="Q208" s="16">
        <v>97</v>
      </c>
      <c r="R208" s="16">
        <v>10</v>
      </c>
      <c r="S208" s="16">
        <v>11</v>
      </c>
      <c r="T208" s="16">
        <v>28</v>
      </c>
      <c r="U208" s="16">
        <v>21</v>
      </c>
      <c r="V208" s="16">
        <v>19</v>
      </c>
      <c r="W208" s="16">
        <v>2</v>
      </c>
      <c r="X208" s="16">
        <v>3</v>
      </c>
      <c r="Y208" s="16">
        <v>3</v>
      </c>
      <c r="Z208" s="16">
        <v>25</v>
      </c>
      <c r="AA208" s="22" t="s">
        <v>268</v>
      </c>
      <c r="AB208" s="16">
        <v>171</v>
      </c>
      <c r="AC208" s="16">
        <v>564</v>
      </c>
      <c r="AD208" s="16">
        <v>25</v>
      </c>
    </row>
    <row r="209" spans="1:30">
      <c r="A209" s="21" t="s">
        <v>240</v>
      </c>
      <c r="B209" s="21" t="s">
        <v>237</v>
      </c>
      <c r="C209" s="21" t="s">
        <v>265</v>
      </c>
      <c r="D209" s="21" t="s">
        <v>215</v>
      </c>
      <c r="E209" s="21" t="s">
        <v>467</v>
      </c>
      <c r="F209" s="21" t="s">
        <v>420</v>
      </c>
      <c r="G209" s="16">
        <v>352</v>
      </c>
      <c r="H209" s="16">
        <v>340</v>
      </c>
      <c r="I209" s="16">
        <v>232</v>
      </c>
      <c r="J209" s="16">
        <v>161</v>
      </c>
      <c r="K209" s="16">
        <v>64</v>
      </c>
      <c r="L209" s="16">
        <v>7</v>
      </c>
      <c r="M209" s="22" t="s">
        <v>268</v>
      </c>
      <c r="N209" s="16">
        <v>108</v>
      </c>
      <c r="O209" s="16">
        <v>45</v>
      </c>
      <c r="P209" s="16">
        <v>6</v>
      </c>
      <c r="Q209" s="16">
        <v>12</v>
      </c>
      <c r="R209" s="16">
        <v>2</v>
      </c>
      <c r="S209" s="16">
        <v>5</v>
      </c>
      <c r="T209" s="16">
        <v>14</v>
      </c>
      <c r="U209" s="16">
        <v>8</v>
      </c>
      <c r="V209" s="16">
        <v>14</v>
      </c>
      <c r="W209" s="22" t="s">
        <v>268</v>
      </c>
      <c r="X209" s="16">
        <v>2</v>
      </c>
      <c r="Y209" s="16">
        <v>1</v>
      </c>
      <c r="Z209" s="16">
        <v>11</v>
      </c>
      <c r="AA209" s="22" t="s">
        <v>268</v>
      </c>
      <c r="AB209" s="16">
        <v>49</v>
      </c>
      <c r="AC209" s="16">
        <v>161</v>
      </c>
      <c r="AD209" s="16">
        <v>11</v>
      </c>
    </row>
    <row r="210" spans="1:30">
      <c r="A210" s="21" t="s">
        <v>240</v>
      </c>
      <c r="B210" s="21" t="s">
        <v>237</v>
      </c>
      <c r="C210" s="21" t="s">
        <v>265</v>
      </c>
      <c r="D210" s="21" t="s">
        <v>215</v>
      </c>
      <c r="E210" s="21" t="s">
        <v>467</v>
      </c>
      <c r="F210" s="21" t="s">
        <v>421</v>
      </c>
      <c r="G210" s="16">
        <v>35</v>
      </c>
      <c r="H210" s="16">
        <v>31</v>
      </c>
      <c r="I210" s="16">
        <v>19</v>
      </c>
      <c r="J210" s="16">
        <v>14</v>
      </c>
      <c r="K210" s="16">
        <v>5</v>
      </c>
      <c r="L210" s="22" t="s">
        <v>268</v>
      </c>
      <c r="M210" s="22" t="s">
        <v>268</v>
      </c>
      <c r="N210" s="16">
        <v>12</v>
      </c>
      <c r="O210" s="16">
        <v>7</v>
      </c>
      <c r="P210" s="22" t="s">
        <v>268</v>
      </c>
      <c r="Q210" s="16">
        <v>3</v>
      </c>
      <c r="R210" s="22" t="s">
        <v>268</v>
      </c>
      <c r="S210" s="22" t="s">
        <v>268</v>
      </c>
      <c r="T210" s="22" t="s">
        <v>268</v>
      </c>
      <c r="U210" s="16">
        <v>2</v>
      </c>
      <c r="V210" s="22" t="s">
        <v>268</v>
      </c>
      <c r="W210" s="22" t="s">
        <v>268</v>
      </c>
      <c r="X210" s="22" t="s">
        <v>268</v>
      </c>
      <c r="Y210" s="16">
        <v>1</v>
      </c>
      <c r="Z210" s="16">
        <v>3</v>
      </c>
      <c r="AA210" s="22" t="s">
        <v>268</v>
      </c>
      <c r="AB210" s="16">
        <v>5</v>
      </c>
      <c r="AC210" s="16">
        <v>14</v>
      </c>
      <c r="AD210" s="16">
        <v>3</v>
      </c>
    </row>
    <row r="211" spans="1:30">
      <c r="A211" s="21" t="s">
        <v>240</v>
      </c>
      <c r="B211" s="21" t="s">
        <v>237</v>
      </c>
      <c r="C211" s="21" t="s">
        <v>265</v>
      </c>
      <c r="D211" s="21" t="s">
        <v>215</v>
      </c>
      <c r="E211" s="21" t="s">
        <v>467</v>
      </c>
      <c r="F211" s="21" t="s">
        <v>422</v>
      </c>
      <c r="G211" s="16">
        <v>3</v>
      </c>
      <c r="H211" s="16">
        <v>3</v>
      </c>
      <c r="I211" s="16">
        <v>1</v>
      </c>
      <c r="J211" s="16">
        <v>1</v>
      </c>
      <c r="K211" s="22" t="s">
        <v>268</v>
      </c>
      <c r="L211" s="22" t="s">
        <v>268</v>
      </c>
      <c r="M211" s="22" t="s">
        <v>268</v>
      </c>
      <c r="N211" s="16">
        <v>2</v>
      </c>
      <c r="O211" s="22" t="s">
        <v>268</v>
      </c>
      <c r="P211" s="22" t="s">
        <v>268</v>
      </c>
      <c r="Q211" s="22" t="s">
        <v>268</v>
      </c>
      <c r="R211" s="22" t="s">
        <v>268</v>
      </c>
      <c r="S211" s="22" t="s">
        <v>268</v>
      </c>
      <c r="T211" s="16">
        <v>1</v>
      </c>
      <c r="U211" s="22" t="s">
        <v>268</v>
      </c>
      <c r="V211" s="16">
        <v>1</v>
      </c>
      <c r="W211" s="22" t="s">
        <v>268</v>
      </c>
      <c r="X211" s="22" t="s">
        <v>268</v>
      </c>
      <c r="Y211" s="22" t="s">
        <v>268</v>
      </c>
      <c r="Z211" s="22" t="s">
        <v>268</v>
      </c>
      <c r="AA211" s="22" t="s">
        <v>268</v>
      </c>
      <c r="AB211" s="16">
        <v>2</v>
      </c>
      <c r="AC211" s="16">
        <v>1</v>
      </c>
      <c r="AD211" s="22" t="s">
        <v>268</v>
      </c>
    </row>
    <row r="212" spans="1:30">
      <c r="A212" s="21" t="s">
        <v>240</v>
      </c>
      <c r="B212" s="21" t="s">
        <v>237</v>
      </c>
      <c r="C212" s="21" t="s">
        <v>265</v>
      </c>
      <c r="D212" s="21" t="s">
        <v>215</v>
      </c>
      <c r="E212" s="21" t="s">
        <v>467</v>
      </c>
      <c r="F212" s="21" t="s">
        <v>423</v>
      </c>
      <c r="G212" s="22" t="s">
        <v>268</v>
      </c>
      <c r="H212" s="22" t="s">
        <v>268</v>
      </c>
      <c r="I212" s="22" t="s">
        <v>268</v>
      </c>
      <c r="J212" s="22" t="s">
        <v>268</v>
      </c>
      <c r="K212" s="22" t="s">
        <v>268</v>
      </c>
      <c r="L212" s="22" t="s">
        <v>268</v>
      </c>
      <c r="M212" s="22" t="s">
        <v>268</v>
      </c>
      <c r="N212" s="22" t="s">
        <v>268</v>
      </c>
      <c r="O212" s="22" t="s">
        <v>268</v>
      </c>
      <c r="P212" s="22" t="s">
        <v>268</v>
      </c>
      <c r="Q212" s="22" t="s">
        <v>268</v>
      </c>
      <c r="R212" s="22" t="s">
        <v>268</v>
      </c>
      <c r="S212" s="22" t="s">
        <v>268</v>
      </c>
      <c r="T212" s="22" t="s">
        <v>268</v>
      </c>
      <c r="U212" s="22" t="s">
        <v>268</v>
      </c>
      <c r="V212" s="22" t="s">
        <v>268</v>
      </c>
      <c r="W212" s="22" t="s">
        <v>268</v>
      </c>
      <c r="X212" s="22" t="s">
        <v>268</v>
      </c>
      <c r="Y212" s="22" t="s">
        <v>268</v>
      </c>
      <c r="Z212" s="22" t="s">
        <v>268</v>
      </c>
      <c r="AA212" s="22" t="s">
        <v>268</v>
      </c>
      <c r="AB212" s="22" t="s">
        <v>268</v>
      </c>
      <c r="AC212" s="22" t="s">
        <v>268</v>
      </c>
      <c r="AD212" s="22" t="s">
        <v>268</v>
      </c>
    </row>
    <row r="213" spans="1:30">
      <c r="A213" s="21" t="s">
        <v>240</v>
      </c>
      <c r="B213" s="21" t="s">
        <v>237</v>
      </c>
      <c r="C213" s="21" t="s">
        <v>265</v>
      </c>
      <c r="D213" s="21" t="s">
        <v>215</v>
      </c>
      <c r="E213" s="21" t="s">
        <v>467</v>
      </c>
      <c r="F213" s="21" t="s">
        <v>386</v>
      </c>
      <c r="G213" s="22" t="s">
        <v>268</v>
      </c>
      <c r="H213" s="22" t="s">
        <v>268</v>
      </c>
      <c r="I213" s="22" t="s">
        <v>268</v>
      </c>
      <c r="J213" s="22" t="s">
        <v>268</v>
      </c>
      <c r="K213" s="22" t="s">
        <v>268</v>
      </c>
      <c r="L213" s="22" t="s">
        <v>268</v>
      </c>
      <c r="M213" s="22" t="s">
        <v>268</v>
      </c>
      <c r="N213" s="22" t="s">
        <v>268</v>
      </c>
      <c r="O213" s="22" t="s">
        <v>268</v>
      </c>
      <c r="P213" s="22" t="s">
        <v>268</v>
      </c>
      <c r="Q213" s="22" t="s">
        <v>268</v>
      </c>
      <c r="R213" s="22" t="s">
        <v>268</v>
      </c>
      <c r="S213" s="22" t="s">
        <v>268</v>
      </c>
      <c r="T213" s="22" t="s">
        <v>268</v>
      </c>
      <c r="U213" s="22" t="s">
        <v>268</v>
      </c>
      <c r="V213" s="22" t="s">
        <v>268</v>
      </c>
      <c r="W213" s="22" t="s">
        <v>268</v>
      </c>
      <c r="X213" s="22" t="s">
        <v>268</v>
      </c>
      <c r="Y213" s="22" t="s">
        <v>268</v>
      </c>
      <c r="Z213" s="22" t="s">
        <v>268</v>
      </c>
      <c r="AA213" s="22" t="s">
        <v>268</v>
      </c>
      <c r="AB213" s="22" t="s">
        <v>268</v>
      </c>
      <c r="AC213" s="22" t="s">
        <v>268</v>
      </c>
      <c r="AD213" s="22" t="s">
        <v>268</v>
      </c>
    </row>
    <row r="214" spans="1:30">
      <c r="A214" s="21" t="s">
        <v>240</v>
      </c>
      <c r="B214" s="21" t="s">
        <v>237</v>
      </c>
      <c r="C214" s="21" t="s">
        <v>265</v>
      </c>
      <c r="D214" s="21" t="s">
        <v>215</v>
      </c>
      <c r="E214" s="21" t="s">
        <v>467</v>
      </c>
      <c r="F214" s="21" t="s">
        <v>387</v>
      </c>
      <c r="G214" s="16">
        <v>16139</v>
      </c>
      <c r="H214" s="16">
        <v>15594</v>
      </c>
      <c r="I214" s="16">
        <v>11288</v>
      </c>
      <c r="J214" s="16">
        <v>3302</v>
      </c>
      <c r="K214" s="16">
        <v>7856</v>
      </c>
      <c r="L214" s="16">
        <v>47</v>
      </c>
      <c r="M214" s="16">
        <v>83</v>
      </c>
      <c r="N214" s="16">
        <v>4306</v>
      </c>
      <c r="O214" s="16">
        <v>352</v>
      </c>
      <c r="P214" s="16">
        <v>676</v>
      </c>
      <c r="Q214" s="16">
        <v>1086</v>
      </c>
      <c r="R214" s="16">
        <v>1116</v>
      </c>
      <c r="S214" s="16">
        <v>49</v>
      </c>
      <c r="T214" s="16">
        <v>177</v>
      </c>
      <c r="U214" s="16">
        <v>269</v>
      </c>
      <c r="V214" s="16">
        <v>551</v>
      </c>
      <c r="W214" s="16">
        <v>5</v>
      </c>
      <c r="X214" s="16">
        <v>25</v>
      </c>
      <c r="Y214" s="16">
        <v>58</v>
      </c>
      <c r="Z214" s="16">
        <v>487</v>
      </c>
      <c r="AA214" s="22" t="s">
        <v>268</v>
      </c>
      <c r="AB214" s="16">
        <v>3144</v>
      </c>
      <c r="AC214" s="22" t="s">
        <v>268</v>
      </c>
      <c r="AD214" s="22" t="s">
        <v>268</v>
      </c>
    </row>
    <row r="215" spans="1:30">
      <c r="A215" s="21" t="s">
        <v>240</v>
      </c>
      <c r="B215" s="21" t="s">
        <v>237</v>
      </c>
      <c r="C215" s="21" t="s">
        <v>265</v>
      </c>
      <c r="D215" s="21" t="s">
        <v>215</v>
      </c>
      <c r="E215" s="21" t="s">
        <v>467</v>
      </c>
      <c r="F215" s="21" t="s">
        <v>388</v>
      </c>
      <c r="G215" s="16">
        <v>13193</v>
      </c>
      <c r="H215" s="16">
        <v>12949</v>
      </c>
      <c r="I215" s="16">
        <v>10017</v>
      </c>
      <c r="J215" s="16">
        <v>6943</v>
      </c>
      <c r="K215" s="16">
        <v>3002</v>
      </c>
      <c r="L215" s="16">
        <v>56</v>
      </c>
      <c r="M215" s="16">
        <v>16</v>
      </c>
      <c r="N215" s="16">
        <v>2932</v>
      </c>
      <c r="O215" s="16">
        <v>398</v>
      </c>
      <c r="P215" s="16">
        <v>384</v>
      </c>
      <c r="Q215" s="16">
        <v>884</v>
      </c>
      <c r="R215" s="16">
        <v>223</v>
      </c>
      <c r="S215" s="16">
        <v>150</v>
      </c>
      <c r="T215" s="16">
        <v>485</v>
      </c>
      <c r="U215" s="16">
        <v>123</v>
      </c>
      <c r="V215" s="16">
        <v>263</v>
      </c>
      <c r="W215" s="16">
        <v>6</v>
      </c>
      <c r="X215" s="16">
        <v>16</v>
      </c>
      <c r="Y215" s="16">
        <v>38</v>
      </c>
      <c r="Z215" s="16">
        <v>206</v>
      </c>
      <c r="AA215" s="22" t="s">
        <v>268</v>
      </c>
      <c r="AB215" s="16">
        <v>1919</v>
      </c>
      <c r="AC215" s="16">
        <v>6738</v>
      </c>
      <c r="AD215" s="16">
        <v>206</v>
      </c>
    </row>
    <row r="216" spans="1:30">
      <c r="A216" s="21" t="s">
        <v>240</v>
      </c>
      <c r="B216" s="21" t="s">
        <v>237</v>
      </c>
      <c r="C216" s="21" t="s">
        <v>265</v>
      </c>
      <c r="D216" s="21" t="s">
        <v>215</v>
      </c>
      <c r="E216" s="21" t="s">
        <v>467</v>
      </c>
      <c r="F216" s="21" t="s">
        <v>389</v>
      </c>
      <c r="G216" s="16">
        <v>6083</v>
      </c>
      <c r="H216" s="16">
        <v>5971</v>
      </c>
      <c r="I216" s="16">
        <v>4671</v>
      </c>
      <c r="J216" s="16">
        <v>3258</v>
      </c>
      <c r="K216" s="16">
        <v>1376</v>
      </c>
      <c r="L216" s="16">
        <v>37</v>
      </c>
      <c r="M216" s="22" t="s">
        <v>268</v>
      </c>
      <c r="N216" s="16">
        <v>1300</v>
      </c>
      <c r="O216" s="16">
        <v>312</v>
      </c>
      <c r="P216" s="16">
        <v>37</v>
      </c>
      <c r="Q216" s="16">
        <v>485</v>
      </c>
      <c r="R216" s="16">
        <v>27</v>
      </c>
      <c r="S216" s="16">
        <v>61</v>
      </c>
      <c r="T216" s="16">
        <v>214</v>
      </c>
      <c r="U216" s="16">
        <v>70</v>
      </c>
      <c r="V216" s="16">
        <v>84</v>
      </c>
      <c r="W216" s="16">
        <v>3</v>
      </c>
      <c r="X216" s="16">
        <v>7</v>
      </c>
      <c r="Y216" s="16">
        <v>20</v>
      </c>
      <c r="Z216" s="16">
        <v>92</v>
      </c>
      <c r="AA216" s="22" t="s">
        <v>268</v>
      </c>
      <c r="AB216" s="16">
        <v>859</v>
      </c>
      <c r="AC216" s="16">
        <v>3249</v>
      </c>
      <c r="AD216" s="16">
        <v>92</v>
      </c>
    </row>
    <row r="217" spans="1:30">
      <c r="A217" s="21" t="s">
        <v>240</v>
      </c>
      <c r="B217" s="21" t="s">
        <v>237</v>
      </c>
      <c r="C217" s="21" t="s">
        <v>265</v>
      </c>
      <c r="D217" s="21" t="s">
        <v>215</v>
      </c>
      <c r="E217" s="21" t="s">
        <v>467</v>
      </c>
      <c r="F217" s="21" t="s">
        <v>390</v>
      </c>
      <c r="G217" s="16">
        <v>1513</v>
      </c>
      <c r="H217" s="16">
        <v>1469</v>
      </c>
      <c r="I217" s="16">
        <v>1061</v>
      </c>
      <c r="J217" s="16">
        <v>740</v>
      </c>
      <c r="K217" s="16">
        <v>305</v>
      </c>
      <c r="L217" s="16">
        <v>16</v>
      </c>
      <c r="M217" s="22" t="s">
        <v>268</v>
      </c>
      <c r="N217" s="16">
        <v>408</v>
      </c>
      <c r="O217" s="16">
        <v>140</v>
      </c>
      <c r="P217" s="16">
        <v>13</v>
      </c>
      <c r="Q217" s="16">
        <v>112</v>
      </c>
      <c r="R217" s="16">
        <v>12</v>
      </c>
      <c r="S217" s="16">
        <v>16</v>
      </c>
      <c r="T217" s="16">
        <v>43</v>
      </c>
      <c r="U217" s="16">
        <v>31</v>
      </c>
      <c r="V217" s="16">
        <v>34</v>
      </c>
      <c r="W217" s="16">
        <v>2</v>
      </c>
      <c r="X217" s="16">
        <v>5</v>
      </c>
      <c r="Y217" s="16">
        <v>5</v>
      </c>
      <c r="Z217" s="16">
        <v>39</v>
      </c>
      <c r="AA217" s="22" t="s">
        <v>268</v>
      </c>
      <c r="AB217" s="16">
        <v>227</v>
      </c>
      <c r="AC217" s="16">
        <v>740</v>
      </c>
      <c r="AD217" s="16">
        <v>39</v>
      </c>
    </row>
    <row r="218" spans="1:30">
      <c r="A218" s="21" t="s">
        <v>240</v>
      </c>
      <c r="B218" s="21" t="s">
        <v>237</v>
      </c>
      <c r="C218" s="21" t="s">
        <v>265</v>
      </c>
      <c r="D218" s="21" t="s">
        <v>215</v>
      </c>
      <c r="E218" s="21" t="s">
        <v>467</v>
      </c>
      <c r="F218" s="21" t="s">
        <v>391</v>
      </c>
      <c r="G218" s="16">
        <v>19602</v>
      </c>
      <c r="H218" s="16">
        <v>18991</v>
      </c>
      <c r="I218" s="16">
        <v>13807</v>
      </c>
      <c r="J218" s="16">
        <v>4999</v>
      </c>
      <c r="K218" s="16">
        <v>8662</v>
      </c>
      <c r="L218" s="16">
        <v>55</v>
      </c>
      <c r="M218" s="16">
        <v>91</v>
      </c>
      <c r="N218" s="16">
        <v>5184</v>
      </c>
      <c r="O218" s="16">
        <v>396</v>
      </c>
      <c r="P218" s="16">
        <v>897</v>
      </c>
      <c r="Q218" s="16">
        <v>1261</v>
      </c>
      <c r="R218" s="16">
        <v>1248</v>
      </c>
      <c r="S218" s="16">
        <v>79</v>
      </c>
      <c r="T218" s="16">
        <v>302</v>
      </c>
      <c r="U218" s="16">
        <v>301</v>
      </c>
      <c r="V218" s="16">
        <v>660</v>
      </c>
      <c r="W218" s="16">
        <v>8</v>
      </c>
      <c r="X218" s="16">
        <v>32</v>
      </c>
      <c r="Y218" s="16">
        <v>65</v>
      </c>
      <c r="Z218" s="16">
        <v>546</v>
      </c>
      <c r="AA218" s="22" t="s">
        <v>268</v>
      </c>
      <c r="AB218" s="16">
        <v>3697</v>
      </c>
      <c r="AC218" s="16">
        <v>1548</v>
      </c>
      <c r="AD218" s="16">
        <v>60</v>
      </c>
    </row>
    <row r="219" spans="1:30">
      <c r="A219" s="21" t="s">
        <v>240</v>
      </c>
      <c r="B219" s="21" t="s">
        <v>237</v>
      </c>
      <c r="C219" s="21" t="s">
        <v>265</v>
      </c>
      <c r="D219" s="21" t="s">
        <v>216</v>
      </c>
      <c r="E219" s="21" t="s">
        <v>467</v>
      </c>
      <c r="F219" s="21" t="s">
        <v>401</v>
      </c>
      <c r="G219" s="16">
        <v>29771</v>
      </c>
      <c r="H219" s="16">
        <v>28974</v>
      </c>
      <c r="I219" s="16">
        <v>21538</v>
      </c>
      <c r="J219" s="16">
        <v>10245</v>
      </c>
      <c r="K219" s="16">
        <v>10831</v>
      </c>
      <c r="L219" s="16">
        <v>11</v>
      </c>
      <c r="M219" s="16">
        <v>451</v>
      </c>
      <c r="N219" s="16">
        <v>7436</v>
      </c>
      <c r="O219" s="16">
        <v>750</v>
      </c>
      <c r="P219" s="16">
        <v>1079</v>
      </c>
      <c r="Q219" s="16">
        <v>1970</v>
      </c>
      <c r="R219" s="16">
        <v>1351</v>
      </c>
      <c r="S219" s="16">
        <v>198</v>
      </c>
      <c r="T219" s="16">
        <v>733</v>
      </c>
      <c r="U219" s="16">
        <v>395</v>
      </c>
      <c r="V219" s="16">
        <v>833</v>
      </c>
      <c r="W219" s="16">
        <v>8</v>
      </c>
      <c r="X219" s="16">
        <v>119</v>
      </c>
      <c r="Y219" s="16">
        <v>130</v>
      </c>
      <c r="Z219" s="16">
        <v>667</v>
      </c>
      <c r="AA219" s="22" t="s">
        <v>268</v>
      </c>
      <c r="AB219" s="16">
        <v>5255</v>
      </c>
      <c r="AC219" s="16">
        <v>6738</v>
      </c>
      <c r="AD219" s="16">
        <v>160</v>
      </c>
    </row>
    <row r="220" spans="1:30">
      <c r="A220" s="21" t="s">
        <v>240</v>
      </c>
      <c r="B220" s="21" t="s">
        <v>237</v>
      </c>
      <c r="C220" s="21" t="s">
        <v>265</v>
      </c>
      <c r="D220" s="21" t="s">
        <v>216</v>
      </c>
      <c r="E220" s="21" t="s">
        <v>467</v>
      </c>
      <c r="F220" s="21" t="s">
        <v>405</v>
      </c>
      <c r="G220" s="16">
        <v>14</v>
      </c>
      <c r="H220" s="16">
        <v>14</v>
      </c>
      <c r="I220" s="16">
        <v>7</v>
      </c>
      <c r="J220" s="16">
        <v>2</v>
      </c>
      <c r="K220" s="16">
        <v>5</v>
      </c>
      <c r="L220" s="22" t="s">
        <v>268</v>
      </c>
      <c r="M220" s="22" t="s">
        <v>268</v>
      </c>
      <c r="N220" s="16">
        <v>7</v>
      </c>
      <c r="O220" s="22" t="s">
        <v>268</v>
      </c>
      <c r="P220" s="22" t="s">
        <v>268</v>
      </c>
      <c r="Q220" s="22" t="s">
        <v>268</v>
      </c>
      <c r="R220" s="22" t="s">
        <v>268</v>
      </c>
      <c r="S220" s="22" t="s">
        <v>268</v>
      </c>
      <c r="T220" s="22" t="s">
        <v>268</v>
      </c>
      <c r="U220" s="16">
        <v>3</v>
      </c>
      <c r="V220" s="16">
        <v>3</v>
      </c>
      <c r="W220" s="22" t="s">
        <v>268</v>
      </c>
      <c r="X220" s="16">
        <v>1</v>
      </c>
      <c r="Y220" s="22" t="s">
        <v>268</v>
      </c>
      <c r="Z220" s="22" t="s">
        <v>268</v>
      </c>
      <c r="AA220" s="22" t="s">
        <v>268</v>
      </c>
      <c r="AB220" s="16">
        <v>6</v>
      </c>
      <c r="AC220" s="22" t="s">
        <v>268</v>
      </c>
      <c r="AD220" s="22" t="s">
        <v>268</v>
      </c>
    </row>
    <row r="221" spans="1:30">
      <c r="A221" s="21" t="s">
        <v>240</v>
      </c>
      <c r="B221" s="21" t="s">
        <v>237</v>
      </c>
      <c r="C221" s="21" t="s">
        <v>265</v>
      </c>
      <c r="D221" s="21" t="s">
        <v>216</v>
      </c>
      <c r="E221" s="21" t="s">
        <v>467</v>
      </c>
      <c r="F221" s="21" t="s">
        <v>406</v>
      </c>
      <c r="G221" s="16">
        <v>239</v>
      </c>
      <c r="H221" s="16">
        <v>219</v>
      </c>
      <c r="I221" s="16">
        <v>160</v>
      </c>
      <c r="J221" s="16">
        <v>56</v>
      </c>
      <c r="K221" s="16">
        <v>98</v>
      </c>
      <c r="L221" s="22" t="s">
        <v>268</v>
      </c>
      <c r="M221" s="16">
        <v>6</v>
      </c>
      <c r="N221" s="16">
        <v>59</v>
      </c>
      <c r="O221" s="16">
        <v>2</v>
      </c>
      <c r="P221" s="16">
        <v>2</v>
      </c>
      <c r="Q221" s="16">
        <v>6</v>
      </c>
      <c r="R221" s="16">
        <v>3</v>
      </c>
      <c r="S221" s="16">
        <v>4</v>
      </c>
      <c r="T221" s="16">
        <v>5</v>
      </c>
      <c r="U221" s="16">
        <v>11</v>
      </c>
      <c r="V221" s="16">
        <v>20</v>
      </c>
      <c r="W221" s="22" t="s">
        <v>268</v>
      </c>
      <c r="X221" s="16">
        <v>6</v>
      </c>
      <c r="Y221" s="16">
        <v>2</v>
      </c>
      <c r="Z221" s="16">
        <v>18</v>
      </c>
      <c r="AA221" s="22" t="s">
        <v>268</v>
      </c>
      <c r="AB221" s="16">
        <v>50</v>
      </c>
      <c r="AC221" s="22" t="s">
        <v>268</v>
      </c>
      <c r="AD221" s="22" t="s">
        <v>268</v>
      </c>
    </row>
    <row r="222" spans="1:30">
      <c r="A222" s="21" t="s">
        <v>240</v>
      </c>
      <c r="B222" s="21" t="s">
        <v>237</v>
      </c>
      <c r="C222" s="21" t="s">
        <v>265</v>
      </c>
      <c r="D222" s="21" t="s">
        <v>216</v>
      </c>
      <c r="E222" s="21" t="s">
        <v>467</v>
      </c>
      <c r="F222" s="21" t="s">
        <v>407</v>
      </c>
      <c r="G222" s="16">
        <v>891</v>
      </c>
      <c r="H222" s="16">
        <v>780</v>
      </c>
      <c r="I222" s="16">
        <v>622</v>
      </c>
      <c r="J222" s="16">
        <v>173</v>
      </c>
      <c r="K222" s="16">
        <v>438</v>
      </c>
      <c r="L222" s="16">
        <v>2</v>
      </c>
      <c r="M222" s="16">
        <v>9</v>
      </c>
      <c r="N222" s="16">
        <v>158</v>
      </c>
      <c r="O222" s="16">
        <v>5</v>
      </c>
      <c r="P222" s="16">
        <v>2</v>
      </c>
      <c r="Q222" s="16">
        <v>34</v>
      </c>
      <c r="R222" s="16">
        <v>27</v>
      </c>
      <c r="S222" s="16">
        <v>5</v>
      </c>
      <c r="T222" s="16">
        <v>13</v>
      </c>
      <c r="U222" s="16">
        <v>29</v>
      </c>
      <c r="V222" s="16">
        <v>40</v>
      </c>
      <c r="W222" s="22" t="s">
        <v>268</v>
      </c>
      <c r="X222" s="16">
        <v>3</v>
      </c>
      <c r="Y222" s="16">
        <v>8</v>
      </c>
      <c r="Z222" s="16">
        <v>103</v>
      </c>
      <c r="AA222" s="22" t="s">
        <v>268</v>
      </c>
      <c r="AB222" s="16">
        <v>145</v>
      </c>
      <c r="AC222" s="22" t="s">
        <v>268</v>
      </c>
      <c r="AD222" s="22" t="s">
        <v>268</v>
      </c>
    </row>
    <row r="223" spans="1:30">
      <c r="A223" s="21" t="s">
        <v>240</v>
      </c>
      <c r="B223" s="21" t="s">
        <v>237</v>
      </c>
      <c r="C223" s="21" t="s">
        <v>265</v>
      </c>
      <c r="D223" s="21" t="s">
        <v>216</v>
      </c>
      <c r="E223" s="21" t="s">
        <v>467</v>
      </c>
      <c r="F223" s="21" t="s">
        <v>408</v>
      </c>
      <c r="G223" s="16">
        <v>1669</v>
      </c>
      <c r="H223" s="16">
        <v>1538</v>
      </c>
      <c r="I223" s="16">
        <v>1245</v>
      </c>
      <c r="J223" s="16">
        <v>201</v>
      </c>
      <c r="K223" s="16">
        <v>1021</v>
      </c>
      <c r="L223" s="22" t="s">
        <v>268</v>
      </c>
      <c r="M223" s="16">
        <v>23</v>
      </c>
      <c r="N223" s="16">
        <v>293</v>
      </c>
      <c r="O223" s="16">
        <v>6</v>
      </c>
      <c r="P223" s="16">
        <v>8</v>
      </c>
      <c r="Q223" s="16">
        <v>73</v>
      </c>
      <c r="R223" s="16">
        <v>55</v>
      </c>
      <c r="S223" s="16">
        <v>5</v>
      </c>
      <c r="T223" s="16">
        <v>19</v>
      </c>
      <c r="U223" s="16">
        <v>42</v>
      </c>
      <c r="V223" s="16">
        <v>79</v>
      </c>
      <c r="W223" s="22" t="s">
        <v>268</v>
      </c>
      <c r="X223" s="16">
        <v>6</v>
      </c>
      <c r="Y223" s="16">
        <v>18</v>
      </c>
      <c r="Z223" s="16">
        <v>113</v>
      </c>
      <c r="AA223" s="22" t="s">
        <v>268</v>
      </c>
      <c r="AB223" s="16">
        <v>281</v>
      </c>
      <c r="AC223" s="22" t="s">
        <v>268</v>
      </c>
      <c r="AD223" s="22" t="s">
        <v>268</v>
      </c>
    </row>
    <row r="224" spans="1:30">
      <c r="A224" s="21" t="s">
        <v>240</v>
      </c>
      <c r="B224" s="21" t="s">
        <v>237</v>
      </c>
      <c r="C224" s="21" t="s">
        <v>265</v>
      </c>
      <c r="D224" s="21" t="s">
        <v>216</v>
      </c>
      <c r="E224" s="21" t="s">
        <v>467</v>
      </c>
      <c r="F224" s="21" t="s">
        <v>409</v>
      </c>
      <c r="G224" s="16">
        <v>2063</v>
      </c>
      <c r="H224" s="16">
        <v>1990</v>
      </c>
      <c r="I224" s="16">
        <v>1537</v>
      </c>
      <c r="J224" s="16">
        <v>152</v>
      </c>
      <c r="K224" s="16">
        <v>1358</v>
      </c>
      <c r="L224" s="22" t="s">
        <v>268</v>
      </c>
      <c r="M224" s="16">
        <v>27</v>
      </c>
      <c r="N224" s="16">
        <v>453</v>
      </c>
      <c r="O224" s="16">
        <v>17</v>
      </c>
      <c r="P224" s="16">
        <v>17</v>
      </c>
      <c r="Q224" s="16">
        <v>162</v>
      </c>
      <c r="R224" s="16">
        <v>96</v>
      </c>
      <c r="S224" s="16">
        <v>5</v>
      </c>
      <c r="T224" s="16">
        <v>22</v>
      </c>
      <c r="U224" s="16">
        <v>37</v>
      </c>
      <c r="V224" s="16">
        <v>84</v>
      </c>
      <c r="W224" s="22" t="s">
        <v>268</v>
      </c>
      <c r="X224" s="16">
        <v>13</v>
      </c>
      <c r="Y224" s="16">
        <v>10</v>
      </c>
      <c r="Z224" s="16">
        <v>63</v>
      </c>
      <c r="AA224" s="22" t="s">
        <v>268</v>
      </c>
      <c r="AB224" s="16">
        <v>410</v>
      </c>
      <c r="AC224" s="22" t="s">
        <v>268</v>
      </c>
      <c r="AD224" s="22" t="s">
        <v>268</v>
      </c>
    </row>
    <row r="225" spans="1:30">
      <c r="A225" s="21" t="s">
        <v>240</v>
      </c>
      <c r="B225" s="21" t="s">
        <v>237</v>
      </c>
      <c r="C225" s="21" t="s">
        <v>265</v>
      </c>
      <c r="D225" s="21" t="s">
        <v>216</v>
      </c>
      <c r="E225" s="21" t="s">
        <v>467</v>
      </c>
      <c r="F225" s="21" t="s">
        <v>410</v>
      </c>
      <c r="G225" s="16">
        <v>2298</v>
      </c>
      <c r="H225" s="16">
        <v>2248</v>
      </c>
      <c r="I225" s="16">
        <v>1712</v>
      </c>
      <c r="J225" s="16">
        <v>195</v>
      </c>
      <c r="K225" s="16">
        <v>1468</v>
      </c>
      <c r="L225" s="16">
        <v>1</v>
      </c>
      <c r="M225" s="16">
        <v>48</v>
      </c>
      <c r="N225" s="16">
        <v>536</v>
      </c>
      <c r="O225" s="16">
        <v>14</v>
      </c>
      <c r="P225" s="16">
        <v>21</v>
      </c>
      <c r="Q225" s="16">
        <v>203</v>
      </c>
      <c r="R225" s="16">
        <v>159</v>
      </c>
      <c r="S225" s="22" t="s">
        <v>268</v>
      </c>
      <c r="T225" s="16">
        <v>27</v>
      </c>
      <c r="U225" s="16">
        <v>22</v>
      </c>
      <c r="V225" s="16">
        <v>85</v>
      </c>
      <c r="W225" s="22" t="s">
        <v>268</v>
      </c>
      <c r="X225" s="16">
        <v>5</v>
      </c>
      <c r="Y225" s="16">
        <v>12</v>
      </c>
      <c r="Z225" s="16">
        <v>38</v>
      </c>
      <c r="AA225" s="22" t="s">
        <v>268</v>
      </c>
      <c r="AB225" s="16">
        <v>497</v>
      </c>
      <c r="AC225" s="22" t="s">
        <v>268</v>
      </c>
      <c r="AD225" s="22" t="s">
        <v>268</v>
      </c>
    </row>
    <row r="226" spans="1:30">
      <c r="A226" s="21" t="s">
        <v>240</v>
      </c>
      <c r="B226" s="21" t="s">
        <v>237</v>
      </c>
      <c r="C226" s="21" t="s">
        <v>265</v>
      </c>
      <c r="D226" s="21" t="s">
        <v>216</v>
      </c>
      <c r="E226" s="21" t="s">
        <v>467</v>
      </c>
      <c r="F226" s="21" t="s">
        <v>411</v>
      </c>
      <c r="G226" s="16">
        <v>2579</v>
      </c>
      <c r="H226" s="16">
        <v>2520</v>
      </c>
      <c r="I226" s="16">
        <v>1811</v>
      </c>
      <c r="J226" s="16">
        <v>368</v>
      </c>
      <c r="K226" s="16">
        <v>1368</v>
      </c>
      <c r="L226" s="16">
        <v>2</v>
      </c>
      <c r="M226" s="16">
        <v>73</v>
      </c>
      <c r="N226" s="16">
        <v>709</v>
      </c>
      <c r="O226" s="16">
        <v>60</v>
      </c>
      <c r="P226" s="16">
        <v>45</v>
      </c>
      <c r="Q226" s="16">
        <v>252</v>
      </c>
      <c r="R226" s="16">
        <v>217</v>
      </c>
      <c r="S226" s="16">
        <v>4</v>
      </c>
      <c r="T226" s="16">
        <v>31</v>
      </c>
      <c r="U226" s="16">
        <v>23</v>
      </c>
      <c r="V226" s="16">
        <v>64</v>
      </c>
      <c r="W226" s="22" t="s">
        <v>268</v>
      </c>
      <c r="X226" s="16">
        <v>13</v>
      </c>
      <c r="Y226" s="16">
        <v>12</v>
      </c>
      <c r="Z226" s="16">
        <v>47</v>
      </c>
      <c r="AA226" s="22" t="s">
        <v>268</v>
      </c>
      <c r="AB226" s="16">
        <v>591</v>
      </c>
      <c r="AC226" s="22" t="s">
        <v>268</v>
      </c>
      <c r="AD226" s="22" t="s">
        <v>268</v>
      </c>
    </row>
    <row r="227" spans="1:30">
      <c r="A227" s="21" t="s">
        <v>240</v>
      </c>
      <c r="B227" s="21" t="s">
        <v>237</v>
      </c>
      <c r="C227" s="21" t="s">
        <v>265</v>
      </c>
      <c r="D227" s="21" t="s">
        <v>216</v>
      </c>
      <c r="E227" s="21" t="s">
        <v>467</v>
      </c>
      <c r="F227" s="21" t="s">
        <v>412</v>
      </c>
      <c r="G227" s="16">
        <v>2571</v>
      </c>
      <c r="H227" s="16">
        <v>2513</v>
      </c>
      <c r="I227" s="16">
        <v>1723</v>
      </c>
      <c r="J227" s="16">
        <v>616</v>
      </c>
      <c r="K227" s="16">
        <v>1035</v>
      </c>
      <c r="L227" s="22" t="s">
        <v>268</v>
      </c>
      <c r="M227" s="16">
        <v>72</v>
      </c>
      <c r="N227" s="16">
        <v>790</v>
      </c>
      <c r="O227" s="16">
        <v>94</v>
      </c>
      <c r="P227" s="16">
        <v>137</v>
      </c>
      <c r="Q227" s="16">
        <v>165</v>
      </c>
      <c r="R227" s="16">
        <v>253</v>
      </c>
      <c r="S227" s="16">
        <v>5</v>
      </c>
      <c r="T227" s="16">
        <v>34</v>
      </c>
      <c r="U227" s="16">
        <v>34</v>
      </c>
      <c r="V227" s="16">
        <v>55</v>
      </c>
      <c r="W227" s="16">
        <v>1</v>
      </c>
      <c r="X227" s="16">
        <v>12</v>
      </c>
      <c r="Y227" s="16">
        <v>14</v>
      </c>
      <c r="Z227" s="16">
        <v>44</v>
      </c>
      <c r="AA227" s="22" t="s">
        <v>268</v>
      </c>
      <c r="AB227" s="16">
        <v>536</v>
      </c>
      <c r="AC227" s="22" t="s">
        <v>268</v>
      </c>
      <c r="AD227" s="22" t="s">
        <v>268</v>
      </c>
    </row>
    <row r="228" spans="1:30">
      <c r="A228" s="21" t="s">
        <v>240</v>
      </c>
      <c r="B228" s="21" t="s">
        <v>237</v>
      </c>
      <c r="C228" s="21" t="s">
        <v>265</v>
      </c>
      <c r="D228" s="21" t="s">
        <v>216</v>
      </c>
      <c r="E228" s="21" t="s">
        <v>467</v>
      </c>
      <c r="F228" s="21" t="s">
        <v>413</v>
      </c>
      <c r="G228" s="16">
        <v>2778</v>
      </c>
      <c r="H228" s="16">
        <v>2718</v>
      </c>
      <c r="I228" s="16">
        <v>1814</v>
      </c>
      <c r="J228" s="16">
        <v>983</v>
      </c>
      <c r="K228" s="16">
        <v>779</v>
      </c>
      <c r="L228" s="16">
        <v>2</v>
      </c>
      <c r="M228" s="16">
        <v>50</v>
      </c>
      <c r="N228" s="16">
        <v>904</v>
      </c>
      <c r="O228" s="16">
        <v>98</v>
      </c>
      <c r="P228" s="16">
        <v>265</v>
      </c>
      <c r="Q228" s="16">
        <v>122</v>
      </c>
      <c r="R228" s="16">
        <v>215</v>
      </c>
      <c r="S228" s="16">
        <v>12</v>
      </c>
      <c r="T228" s="16">
        <v>55</v>
      </c>
      <c r="U228" s="16">
        <v>46</v>
      </c>
      <c r="V228" s="16">
        <v>75</v>
      </c>
      <c r="W228" s="16">
        <v>1</v>
      </c>
      <c r="X228" s="16">
        <v>15</v>
      </c>
      <c r="Y228" s="16">
        <v>11</v>
      </c>
      <c r="Z228" s="16">
        <v>49</v>
      </c>
      <c r="AA228" s="22" t="s">
        <v>268</v>
      </c>
      <c r="AB228" s="16">
        <v>503</v>
      </c>
      <c r="AC228" s="22" t="s">
        <v>268</v>
      </c>
      <c r="AD228" s="22" t="s">
        <v>268</v>
      </c>
    </row>
    <row r="229" spans="1:30">
      <c r="A229" s="21" t="s">
        <v>240</v>
      </c>
      <c r="B229" s="21" t="s">
        <v>237</v>
      </c>
      <c r="C229" s="21" t="s">
        <v>265</v>
      </c>
      <c r="D229" s="21" t="s">
        <v>216</v>
      </c>
      <c r="E229" s="21" t="s">
        <v>467</v>
      </c>
      <c r="F229" s="21" t="s">
        <v>414</v>
      </c>
      <c r="G229" s="16">
        <v>3177</v>
      </c>
      <c r="H229" s="16">
        <v>3137</v>
      </c>
      <c r="I229" s="16">
        <v>2168</v>
      </c>
      <c r="J229" s="16">
        <v>1404</v>
      </c>
      <c r="K229" s="16">
        <v>729</v>
      </c>
      <c r="L229" s="16">
        <v>2</v>
      </c>
      <c r="M229" s="16">
        <v>33</v>
      </c>
      <c r="N229" s="16">
        <v>969</v>
      </c>
      <c r="O229" s="16">
        <v>69</v>
      </c>
      <c r="P229" s="16">
        <v>303</v>
      </c>
      <c r="Q229" s="16">
        <v>144</v>
      </c>
      <c r="R229" s="16">
        <v>179</v>
      </c>
      <c r="S229" s="16">
        <v>18</v>
      </c>
      <c r="T229" s="16">
        <v>92</v>
      </c>
      <c r="U229" s="16">
        <v>43</v>
      </c>
      <c r="V229" s="16">
        <v>107</v>
      </c>
      <c r="W229" s="16">
        <v>2</v>
      </c>
      <c r="X229" s="16">
        <v>12</v>
      </c>
      <c r="Y229" s="16">
        <v>8</v>
      </c>
      <c r="Z229" s="16">
        <v>32</v>
      </c>
      <c r="AA229" s="22" t="s">
        <v>268</v>
      </c>
      <c r="AB229" s="16">
        <v>551</v>
      </c>
      <c r="AC229" s="16">
        <v>765</v>
      </c>
      <c r="AD229" s="22" t="s">
        <v>268</v>
      </c>
    </row>
    <row r="230" spans="1:30">
      <c r="A230" s="21" t="s">
        <v>240</v>
      </c>
      <c r="B230" s="21" t="s">
        <v>237</v>
      </c>
      <c r="C230" s="21" t="s">
        <v>265</v>
      </c>
      <c r="D230" s="21" t="s">
        <v>216</v>
      </c>
      <c r="E230" s="21" t="s">
        <v>467</v>
      </c>
      <c r="F230" s="21" t="s">
        <v>415</v>
      </c>
      <c r="G230" s="16">
        <v>3568</v>
      </c>
      <c r="H230" s="16">
        <v>3522</v>
      </c>
      <c r="I230" s="16">
        <v>2666</v>
      </c>
      <c r="J230" s="16">
        <v>1821</v>
      </c>
      <c r="K230" s="16">
        <v>817</v>
      </c>
      <c r="L230" s="16">
        <v>2</v>
      </c>
      <c r="M230" s="16">
        <v>26</v>
      </c>
      <c r="N230" s="16">
        <v>856</v>
      </c>
      <c r="O230" s="16">
        <v>52</v>
      </c>
      <c r="P230" s="16">
        <v>168</v>
      </c>
      <c r="Q230" s="16">
        <v>210</v>
      </c>
      <c r="R230" s="16">
        <v>78</v>
      </c>
      <c r="S230" s="16">
        <v>57</v>
      </c>
      <c r="T230" s="16">
        <v>150</v>
      </c>
      <c r="U230" s="16">
        <v>27</v>
      </c>
      <c r="V230" s="16">
        <v>100</v>
      </c>
      <c r="W230" s="16">
        <v>2</v>
      </c>
      <c r="X230" s="16">
        <v>12</v>
      </c>
      <c r="Y230" s="16">
        <v>7</v>
      </c>
      <c r="Z230" s="16">
        <v>39</v>
      </c>
      <c r="AA230" s="22" t="s">
        <v>268</v>
      </c>
      <c r="AB230" s="16">
        <v>552</v>
      </c>
      <c r="AC230" s="16">
        <v>1716</v>
      </c>
      <c r="AD230" s="16">
        <v>39</v>
      </c>
    </row>
    <row r="231" spans="1:30">
      <c r="A231" s="21" t="s">
        <v>240</v>
      </c>
      <c r="B231" s="21" t="s">
        <v>237</v>
      </c>
      <c r="C231" s="21" t="s">
        <v>265</v>
      </c>
      <c r="D231" s="21" t="s">
        <v>216</v>
      </c>
      <c r="E231" s="21" t="s">
        <v>467</v>
      </c>
      <c r="F231" s="21" t="s">
        <v>416</v>
      </c>
      <c r="G231" s="16">
        <v>3317</v>
      </c>
      <c r="H231" s="16">
        <v>3267</v>
      </c>
      <c r="I231" s="16">
        <v>2627</v>
      </c>
      <c r="J231" s="16">
        <v>1882</v>
      </c>
      <c r="K231" s="16">
        <v>731</v>
      </c>
      <c r="L231" s="22" t="s">
        <v>268</v>
      </c>
      <c r="M231" s="16">
        <v>14</v>
      </c>
      <c r="N231" s="16">
        <v>640</v>
      </c>
      <c r="O231" s="16">
        <v>47</v>
      </c>
      <c r="P231" s="16">
        <v>68</v>
      </c>
      <c r="Q231" s="16">
        <v>237</v>
      </c>
      <c r="R231" s="16">
        <v>37</v>
      </c>
      <c r="S231" s="16">
        <v>38</v>
      </c>
      <c r="T231" s="16">
        <v>142</v>
      </c>
      <c r="U231" s="16">
        <v>18</v>
      </c>
      <c r="V231" s="16">
        <v>46</v>
      </c>
      <c r="W231" s="16">
        <v>1</v>
      </c>
      <c r="X231" s="16">
        <v>6</v>
      </c>
      <c r="Y231" s="16">
        <v>9</v>
      </c>
      <c r="Z231" s="16">
        <v>41</v>
      </c>
      <c r="AA231" s="22" t="s">
        <v>268</v>
      </c>
      <c r="AB231" s="16">
        <v>469</v>
      </c>
      <c r="AC231" s="16">
        <v>1867</v>
      </c>
      <c r="AD231" s="16">
        <v>41</v>
      </c>
    </row>
    <row r="232" spans="1:30">
      <c r="A232" s="21" t="s">
        <v>240</v>
      </c>
      <c r="B232" s="21" t="s">
        <v>237</v>
      </c>
      <c r="C232" s="21" t="s">
        <v>265</v>
      </c>
      <c r="D232" s="21" t="s">
        <v>216</v>
      </c>
      <c r="E232" s="21" t="s">
        <v>467</v>
      </c>
      <c r="F232" s="21" t="s">
        <v>417</v>
      </c>
      <c r="G232" s="16">
        <v>2334</v>
      </c>
      <c r="H232" s="16">
        <v>2295</v>
      </c>
      <c r="I232" s="16">
        <v>1834</v>
      </c>
      <c r="J232" s="16">
        <v>1280</v>
      </c>
      <c r="K232" s="16">
        <v>527</v>
      </c>
      <c r="L232" s="22" t="s">
        <v>268</v>
      </c>
      <c r="M232" s="16">
        <v>27</v>
      </c>
      <c r="N232" s="16">
        <v>461</v>
      </c>
      <c r="O232" s="16">
        <v>96</v>
      </c>
      <c r="P232" s="16">
        <v>14</v>
      </c>
      <c r="Q232" s="16">
        <v>182</v>
      </c>
      <c r="R232" s="16">
        <v>9</v>
      </c>
      <c r="S232" s="16">
        <v>24</v>
      </c>
      <c r="T232" s="16">
        <v>78</v>
      </c>
      <c r="U232" s="16">
        <v>21</v>
      </c>
      <c r="V232" s="16">
        <v>30</v>
      </c>
      <c r="W232" s="16">
        <v>1</v>
      </c>
      <c r="X232" s="16">
        <v>6</v>
      </c>
      <c r="Y232" s="16">
        <v>7</v>
      </c>
      <c r="Z232" s="16">
        <v>32</v>
      </c>
      <c r="AA232" s="22" t="s">
        <v>268</v>
      </c>
      <c r="AB232" s="16">
        <v>314</v>
      </c>
      <c r="AC232" s="16">
        <v>1279</v>
      </c>
      <c r="AD232" s="16">
        <v>32</v>
      </c>
    </row>
    <row r="233" spans="1:30">
      <c r="A233" s="21" t="s">
        <v>240</v>
      </c>
      <c r="B233" s="21" t="s">
        <v>237</v>
      </c>
      <c r="C233" s="21" t="s">
        <v>265</v>
      </c>
      <c r="D233" s="21" t="s">
        <v>216</v>
      </c>
      <c r="E233" s="21" t="s">
        <v>467</v>
      </c>
      <c r="F233" s="21" t="s">
        <v>418</v>
      </c>
      <c r="G233" s="16">
        <v>1496</v>
      </c>
      <c r="H233" s="16">
        <v>1458</v>
      </c>
      <c r="I233" s="16">
        <v>1107</v>
      </c>
      <c r="J233" s="16">
        <v>771</v>
      </c>
      <c r="K233" s="16">
        <v>315</v>
      </c>
      <c r="L233" s="22" t="s">
        <v>268</v>
      </c>
      <c r="M233" s="16">
        <v>21</v>
      </c>
      <c r="N233" s="16">
        <v>351</v>
      </c>
      <c r="O233" s="16">
        <v>98</v>
      </c>
      <c r="P233" s="16">
        <v>10</v>
      </c>
      <c r="Q233" s="16">
        <v>130</v>
      </c>
      <c r="R233" s="16">
        <v>8</v>
      </c>
      <c r="S233" s="16">
        <v>15</v>
      </c>
      <c r="T233" s="16">
        <v>42</v>
      </c>
      <c r="U233" s="16">
        <v>23</v>
      </c>
      <c r="V233" s="16">
        <v>21</v>
      </c>
      <c r="W233" s="22" t="s">
        <v>268</v>
      </c>
      <c r="X233" s="16">
        <v>4</v>
      </c>
      <c r="Y233" s="16">
        <v>7</v>
      </c>
      <c r="Z233" s="16">
        <v>31</v>
      </c>
      <c r="AA233" s="22" t="s">
        <v>268</v>
      </c>
      <c r="AB233" s="16">
        <v>218</v>
      </c>
      <c r="AC233" s="16">
        <v>771</v>
      </c>
      <c r="AD233" s="16">
        <v>31</v>
      </c>
    </row>
    <row r="234" spans="1:30">
      <c r="A234" s="21" t="s">
        <v>240</v>
      </c>
      <c r="B234" s="21" t="s">
        <v>237</v>
      </c>
      <c r="C234" s="21" t="s">
        <v>265</v>
      </c>
      <c r="D234" s="21" t="s">
        <v>216</v>
      </c>
      <c r="E234" s="21" t="s">
        <v>467</v>
      </c>
      <c r="F234" s="21" t="s">
        <v>419</v>
      </c>
      <c r="G234" s="16">
        <v>628</v>
      </c>
      <c r="H234" s="16">
        <v>610</v>
      </c>
      <c r="I234" s="16">
        <v>422</v>
      </c>
      <c r="J234" s="16">
        <v>288</v>
      </c>
      <c r="K234" s="16">
        <v>123</v>
      </c>
      <c r="L234" s="22" t="s">
        <v>268</v>
      </c>
      <c r="M234" s="16">
        <v>11</v>
      </c>
      <c r="N234" s="16">
        <v>188</v>
      </c>
      <c r="O234" s="16">
        <v>68</v>
      </c>
      <c r="P234" s="16">
        <v>10</v>
      </c>
      <c r="Q234" s="16">
        <v>46</v>
      </c>
      <c r="R234" s="16">
        <v>8</v>
      </c>
      <c r="S234" s="16">
        <v>3</v>
      </c>
      <c r="T234" s="16">
        <v>20</v>
      </c>
      <c r="U234" s="16">
        <v>13</v>
      </c>
      <c r="V234" s="16">
        <v>15</v>
      </c>
      <c r="W234" s="22" t="s">
        <v>268</v>
      </c>
      <c r="X234" s="16">
        <v>5</v>
      </c>
      <c r="Y234" s="16">
        <v>3</v>
      </c>
      <c r="Z234" s="16">
        <v>15</v>
      </c>
      <c r="AA234" s="22" t="s">
        <v>268</v>
      </c>
      <c r="AB234" s="16">
        <v>107</v>
      </c>
      <c r="AC234" s="16">
        <v>287</v>
      </c>
      <c r="AD234" s="16">
        <v>15</v>
      </c>
    </row>
    <row r="235" spans="1:30">
      <c r="A235" s="21" t="s">
        <v>240</v>
      </c>
      <c r="B235" s="21" t="s">
        <v>237</v>
      </c>
      <c r="C235" s="21" t="s">
        <v>265</v>
      </c>
      <c r="D235" s="21" t="s">
        <v>216</v>
      </c>
      <c r="E235" s="21" t="s">
        <v>467</v>
      </c>
      <c r="F235" s="21" t="s">
        <v>420</v>
      </c>
      <c r="G235" s="16">
        <v>130</v>
      </c>
      <c r="H235" s="16">
        <v>128</v>
      </c>
      <c r="I235" s="16">
        <v>75</v>
      </c>
      <c r="J235" s="16">
        <v>51</v>
      </c>
      <c r="K235" s="16">
        <v>17</v>
      </c>
      <c r="L235" s="22" t="s">
        <v>268</v>
      </c>
      <c r="M235" s="16">
        <v>7</v>
      </c>
      <c r="N235" s="16">
        <v>53</v>
      </c>
      <c r="O235" s="16">
        <v>21</v>
      </c>
      <c r="P235" s="16">
        <v>8</v>
      </c>
      <c r="Q235" s="16">
        <v>4</v>
      </c>
      <c r="R235" s="16">
        <v>6</v>
      </c>
      <c r="S235" s="16">
        <v>2</v>
      </c>
      <c r="T235" s="16">
        <v>1</v>
      </c>
      <c r="U235" s="16">
        <v>3</v>
      </c>
      <c r="V235" s="16">
        <v>8</v>
      </c>
      <c r="W235" s="22" t="s">
        <v>268</v>
      </c>
      <c r="X235" s="22" t="s">
        <v>268</v>
      </c>
      <c r="Y235" s="16">
        <v>1</v>
      </c>
      <c r="Z235" s="16">
        <v>1</v>
      </c>
      <c r="AA235" s="22" t="s">
        <v>268</v>
      </c>
      <c r="AB235" s="16">
        <v>21</v>
      </c>
      <c r="AC235" s="16">
        <v>51</v>
      </c>
      <c r="AD235" s="16">
        <v>1</v>
      </c>
    </row>
    <row r="236" spans="1:30">
      <c r="A236" s="21" t="s">
        <v>240</v>
      </c>
      <c r="B236" s="21" t="s">
        <v>237</v>
      </c>
      <c r="C236" s="21" t="s">
        <v>265</v>
      </c>
      <c r="D236" s="21" t="s">
        <v>216</v>
      </c>
      <c r="E236" s="21" t="s">
        <v>467</v>
      </c>
      <c r="F236" s="21" t="s">
        <v>421</v>
      </c>
      <c r="G236" s="16">
        <v>19</v>
      </c>
      <c r="H236" s="16">
        <v>17</v>
      </c>
      <c r="I236" s="16">
        <v>8</v>
      </c>
      <c r="J236" s="16">
        <v>2</v>
      </c>
      <c r="K236" s="16">
        <v>2</v>
      </c>
      <c r="L236" s="22" t="s">
        <v>268</v>
      </c>
      <c r="M236" s="16">
        <v>4</v>
      </c>
      <c r="N236" s="16">
        <v>9</v>
      </c>
      <c r="O236" s="16">
        <v>3</v>
      </c>
      <c r="P236" s="16">
        <v>1</v>
      </c>
      <c r="Q236" s="22" t="s">
        <v>268</v>
      </c>
      <c r="R236" s="16">
        <v>1</v>
      </c>
      <c r="S236" s="16">
        <v>1</v>
      </c>
      <c r="T236" s="16">
        <v>2</v>
      </c>
      <c r="U236" s="22" t="s">
        <v>268</v>
      </c>
      <c r="V236" s="16">
        <v>1</v>
      </c>
      <c r="W236" s="22" t="s">
        <v>268</v>
      </c>
      <c r="X236" s="22" t="s">
        <v>268</v>
      </c>
      <c r="Y236" s="16">
        <v>1</v>
      </c>
      <c r="Z236" s="16">
        <v>1</v>
      </c>
      <c r="AA236" s="22" t="s">
        <v>268</v>
      </c>
      <c r="AB236" s="16">
        <v>4</v>
      </c>
      <c r="AC236" s="16">
        <v>2</v>
      </c>
      <c r="AD236" s="16">
        <v>1</v>
      </c>
    </row>
    <row r="237" spans="1:30">
      <c r="A237" s="21" t="s">
        <v>240</v>
      </c>
      <c r="B237" s="21" t="s">
        <v>237</v>
      </c>
      <c r="C237" s="21" t="s">
        <v>265</v>
      </c>
      <c r="D237" s="21" t="s">
        <v>216</v>
      </c>
      <c r="E237" s="21" t="s">
        <v>467</v>
      </c>
      <c r="F237" s="21" t="s">
        <v>422</v>
      </c>
      <c r="G237" s="22" t="s">
        <v>268</v>
      </c>
      <c r="H237" s="22" t="s">
        <v>268</v>
      </c>
      <c r="I237" s="22" t="s">
        <v>268</v>
      </c>
      <c r="J237" s="22" t="s">
        <v>268</v>
      </c>
      <c r="K237" s="22" t="s">
        <v>268</v>
      </c>
      <c r="L237" s="22" t="s">
        <v>268</v>
      </c>
      <c r="M237" s="22" t="s">
        <v>268</v>
      </c>
      <c r="N237" s="22" t="s">
        <v>268</v>
      </c>
      <c r="O237" s="22" t="s">
        <v>268</v>
      </c>
      <c r="P237" s="22" t="s">
        <v>268</v>
      </c>
      <c r="Q237" s="22" t="s">
        <v>268</v>
      </c>
      <c r="R237" s="22" t="s">
        <v>268</v>
      </c>
      <c r="S237" s="22" t="s">
        <v>268</v>
      </c>
      <c r="T237" s="22" t="s">
        <v>268</v>
      </c>
      <c r="U237" s="22" t="s">
        <v>268</v>
      </c>
      <c r="V237" s="22" t="s">
        <v>268</v>
      </c>
      <c r="W237" s="22" t="s">
        <v>268</v>
      </c>
      <c r="X237" s="22" t="s">
        <v>268</v>
      </c>
      <c r="Y237" s="22" t="s">
        <v>268</v>
      </c>
      <c r="Z237" s="22" t="s">
        <v>268</v>
      </c>
      <c r="AA237" s="22" t="s">
        <v>268</v>
      </c>
      <c r="AB237" s="22" t="s">
        <v>268</v>
      </c>
      <c r="AC237" s="22" t="s">
        <v>268</v>
      </c>
      <c r="AD237" s="22" t="s">
        <v>268</v>
      </c>
    </row>
    <row r="238" spans="1:30">
      <c r="A238" s="21" t="s">
        <v>240</v>
      </c>
      <c r="B238" s="21" t="s">
        <v>237</v>
      </c>
      <c r="C238" s="21" t="s">
        <v>265</v>
      </c>
      <c r="D238" s="21" t="s">
        <v>216</v>
      </c>
      <c r="E238" s="21" t="s">
        <v>467</v>
      </c>
      <c r="F238" s="21" t="s">
        <v>423</v>
      </c>
      <c r="G238" s="22" t="s">
        <v>268</v>
      </c>
      <c r="H238" s="22" t="s">
        <v>268</v>
      </c>
      <c r="I238" s="22" t="s">
        <v>268</v>
      </c>
      <c r="J238" s="22" t="s">
        <v>268</v>
      </c>
      <c r="K238" s="22" t="s">
        <v>268</v>
      </c>
      <c r="L238" s="22" t="s">
        <v>268</v>
      </c>
      <c r="M238" s="22" t="s">
        <v>268</v>
      </c>
      <c r="N238" s="22" t="s">
        <v>268</v>
      </c>
      <c r="O238" s="22" t="s">
        <v>268</v>
      </c>
      <c r="P238" s="22" t="s">
        <v>268</v>
      </c>
      <c r="Q238" s="22" t="s">
        <v>268</v>
      </c>
      <c r="R238" s="22" t="s">
        <v>268</v>
      </c>
      <c r="S238" s="22" t="s">
        <v>268</v>
      </c>
      <c r="T238" s="22" t="s">
        <v>268</v>
      </c>
      <c r="U238" s="22" t="s">
        <v>268</v>
      </c>
      <c r="V238" s="22" t="s">
        <v>268</v>
      </c>
      <c r="W238" s="22" t="s">
        <v>268</v>
      </c>
      <c r="X238" s="22" t="s">
        <v>268</v>
      </c>
      <c r="Y238" s="22" t="s">
        <v>268</v>
      </c>
      <c r="Z238" s="22" t="s">
        <v>268</v>
      </c>
      <c r="AA238" s="22" t="s">
        <v>268</v>
      </c>
      <c r="AB238" s="22" t="s">
        <v>268</v>
      </c>
      <c r="AC238" s="22" t="s">
        <v>268</v>
      </c>
      <c r="AD238" s="22" t="s">
        <v>268</v>
      </c>
    </row>
    <row r="239" spans="1:30">
      <c r="A239" s="21" t="s">
        <v>240</v>
      </c>
      <c r="B239" s="21" t="s">
        <v>237</v>
      </c>
      <c r="C239" s="21" t="s">
        <v>265</v>
      </c>
      <c r="D239" s="21" t="s">
        <v>216</v>
      </c>
      <c r="E239" s="21" t="s">
        <v>467</v>
      </c>
      <c r="F239" s="21" t="s">
        <v>386</v>
      </c>
      <c r="G239" s="22" t="s">
        <v>268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22" t="s">
        <v>268</v>
      </c>
      <c r="M239" s="22" t="s">
        <v>268</v>
      </c>
      <c r="N239" s="22" t="s">
        <v>268</v>
      </c>
      <c r="O239" s="22" t="s">
        <v>268</v>
      </c>
      <c r="P239" s="22" t="s">
        <v>268</v>
      </c>
      <c r="Q239" s="22" t="s">
        <v>268</v>
      </c>
      <c r="R239" s="22" t="s">
        <v>268</v>
      </c>
      <c r="S239" s="22" t="s">
        <v>268</v>
      </c>
      <c r="T239" s="22" t="s">
        <v>268</v>
      </c>
      <c r="U239" s="22" t="s">
        <v>268</v>
      </c>
      <c r="V239" s="22" t="s">
        <v>268</v>
      </c>
      <c r="W239" s="22" t="s">
        <v>268</v>
      </c>
      <c r="X239" s="22" t="s">
        <v>268</v>
      </c>
      <c r="Y239" s="22" t="s">
        <v>268</v>
      </c>
      <c r="Z239" s="22" t="s">
        <v>268</v>
      </c>
      <c r="AA239" s="22" t="s">
        <v>268</v>
      </c>
      <c r="AB239" s="22" t="s">
        <v>268</v>
      </c>
      <c r="AC239" s="22" t="s">
        <v>268</v>
      </c>
      <c r="AD239" s="22" t="s">
        <v>268</v>
      </c>
    </row>
    <row r="240" spans="1:30">
      <c r="A240" s="21" t="s">
        <v>240</v>
      </c>
      <c r="B240" s="21" t="s">
        <v>237</v>
      </c>
      <c r="C240" s="21" t="s">
        <v>265</v>
      </c>
      <c r="D240" s="21" t="s">
        <v>216</v>
      </c>
      <c r="E240" s="21" t="s">
        <v>467</v>
      </c>
      <c r="F240" s="21" t="s">
        <v>387</v>
      </c>
      <c r="G240" s="16">
        <v>18279</v>
      </c>
      <c r="H240" s="16">
        <v>17677</v>
      </c>
      <c r="I240" s="16">
        <v>12799</v>
      </c>
      <c r="J240" s="16">
        <v>4150</v>
      </c>
      <c r="K240" s="16">
        <v>8299</v>
      </c>
      <c r="L240" s="16">
        <v>9</v>
      </c>
      <c r="M240" s="16">
        <v>341</v>
      </c>
      <c r="N240" s="16">
        <v>4878</v>
      </c>
      <c r="O240" s="16">
        <v>365</v>
      </c>
      <c r="P240" s="16">
        <v>800</v>
      </c>
      <c r="Q240" s="16">
        <v>1161</v>
      </c>
      <c r="R240" s="16">
        <v>1204</v>
      </c>
      <c r="S240" s="16">
        <v>58</v>
      </c>
      <c r="T240" s="16">
        <v>298</v>
      </c>
      <c r="U240" s="16">
        <v>290</v>
      </c>
      <c r="V240" s="16">
        <v>612</v>
      </c>
      <c r="W240" s="16">
        <v>4</v>
      </c>
      <c r="X240" s="16">
        <v>86</v>
      </c>
      <c r="Y240" s="16">
        <v>95</v>
      </c>
      <c r="Z240" s="16">
        <v>507</v>
      </c>
      <c r="AA240" s="22" t="s">
        <v>268</v>
      </c>
      <c r="AB240" s="16">
        <v>3570</v>
      </c>
      <c r="AC240" s="16">
        <v>765</v>
      </c>
      <c r="AD240" s="22" t="s">
        <v>268</v>
      </c>
    </row>
    <row r="241" spans="1:30">
      <c r="A241" s="21" t="s">
        <v>240</v>
      </c>
      <c r="B241" s="21" t="s">
        <v>237</v>
      </c>
      <c r="C241" s="21" t="s">
        <v>265</v>
      </c>
      <c r="D241" s="21" t="s">
        <v>216</v>
      </c>
      <c r="E241" s="21" t="s">
        <v>467</v>
      </c>
      <c r="F241" s="21" t="s">
        <v>388</v>
      </c>
      <c r="G241" s="16">
        <v>11492</v>
      </c>
      <c r="H241" s="16">
        <v>11297</v>
      </c>
      <c r="I241" s="16">
        <v>8739</v>
      </c>
      <c r="J241" s="16">
        <v>6095</v>
      </c>
      <c r="K241" s="16">
        <v>2532</v>
      </c>
      <c r="L241" s="16">
        <v>2</v>
      </c>
      <c r="M241" s="16">
        <v>110</v>
      </c>
      <c r="N241" s="16">
        <v>2558</v>
      </c>
      <c r="O241" s="16">
        <v>385</v>
      </c>
      <c r="P241" s="16">
        <v>279</v>
      </c>
      <c r="Q241" s="16">
        <v>809</v>
      </c>
      <c r="R241" s="16">
        <v>147</v>
      </c>
      <c r="S241" s="16">
        <v>140</v>
      </c>
      <c r="T241" s="16">
        <v>435</v>
      </c>
      <c r="U241" s="16">
        <v>105</v>
      </c>
      <c r="V241" s="16">
        <v>221</v>
      </c>
      <c r="W241" s="16">
        <v>4</v>
      </c>
      <c r="X241" s="16">
        <v>33</v>
      </c>
      <c r="Y241" s="16">
        <v>35</v>
      </c>
      <c r="Z241" s="16">
        <v>160</v>
      </c>
      <c r="AA241" s="22" t="s">
        <v>268</v>
      </c>
      <c r="AB241" s="16">
        <v>1685</v>
      </c>
      <c r="AC241" s="16">
        <v>5973</v>
      </c>
      <c r="AD241" s="16">
        <v>160</v>
      </c>
    </row>
    <row r="242" spans="1:30">
      <c r="A242" s="21" t="s">
        <v>240</v>
      </c>
      <c r="B242" s="21" t="s">
        <v>237</v>
      </c>
      <c r="C242" s="21" t="s">
        <v>265</v>
      </c>
      <c r="D242" s="21" t="s">
        <v>216</v>
      </c>
      <c r="E242" s="21" t="s">
        <v>467</v>
      </c>
      <c r="F242" s="21" t="s">
        <v>389</v>
      </c>
      <c r="G242" s="16">
        <v>4607</v>
      </c>
      <c r="H242" s="16">
        <v>4508</v>
      </c>
      <c r="I242" s="16">
        <v>3446</v>
      </c>
      <c r="J242" s="16">
        <v>2392</v>
      </c>
      <c r="K242" s="16">
        <v>984</v>
      </c>
      <c r="L242" s="22" t="s">
        <v>268</v>
      </c>
      <c r="M242" s="16">
        <v>70</v>
      </c>
      <c r="N242" s="16">
        <v>1062</v>
      </c>
      <c r="O242" s="16">
        <v>286</v>
      </c>
      <c r="P242" s="16">
        <v>43</v>
      </c>
      <c r="Q242" s="16">
        <v>362</v>
      </c>
      <c r="R242" s="16">
        <v>32</v>
      </c>
      <c r="S242" s="16">
        <v>45</v>
      </c>
      <c r="T242" s="16">
        <v>143</v>
      </c>
      <c r="U242" s="16">
        <v>60</v>
      </c>
      <c r="V242" s="16">
        <v>75</v>
      </c>
      <c r="W242" s="16">
        <v>1</v>
      </c>
      <c r="X242" s="16">
        <v>15</v>
      </c>
      <c r="Y242" s="16">
        <v>19</v>
      </c>
      <c r="Z242" s="16">
        <v>80</v>
      </c>
      <c r="AA242" s="22" t="s">
        <v>268</v>
      </c>
      <c r="AB242" s="16">
        <v>664</v>
      </c>
      <c r="AC242" s="16">
        <v>2390</v>
      </c>
      <c r="AD242" s="16">
        <v>80</v>
      </c>
    </row>
    <row r="243" spans="1:30">
      <c r="A243" s="21" t="s">
        <v>240</v>
      </c>
      <c r="B243" s="21" t="s">
        <v>237</v>
      </c>
      <c r="C243" s="21" t="s">
        <v>265</v>
      </c>
      <c r="D243" s="21" t="s">
        <v>216</v>
      </c>
      <c r="E243" s="21" t="s">
        <v>467</v>
      </c>
      <c r="F243" s="21" t="s">
        <v>390</v>
      </c>
      <c r="G243" s="16">
        <v>777</v>
      </c>
      <c r="H243" s="16">
        <v>755</v>
      </c>
      <c r="I243" s="16">
        <v>505</v>
      </c>
      <c r="J243" s="16">
        <v>341</v>
      </c>
      <c r="K243" s="16">
        <v>142</v>
      </c>
      <c r="L243" s="22" t="s">
        <v>268</v>
      </c>
      <c r="M243" s="16">
        <v>22</v>
      </c>
      <c r="N243" s="16">
        <v>250</v>
      </c>
      <c r="O243" s="16">
        <v>92</v>
      </c>
      <c r="P243" s="16">
        <v>19</v>
      </c>
      <c r="Q243" s="16">
        <v>50</v>
      </c>
      <c r="R243" s="16">
        <v>15</v>
      </c>
      <c r="S243" s="16">
        <v>6</v>
      </c>
      <c r="T243" s="16">
        <v>23</v>
      </c>
      <c r="U243" s="16">
        <v>16</v>
      </c>
      <c r="V243" s="16">
        <v>24</v>
      </c>
      <c r="W243" s="22" t="s">
        <v>268</v>
      </c>
      <c r="X243" s="16">
        <v>5</v>
      </c>
      <c r="Y243" s="16">
        <v>5</v>
      </c>
      <c r="Z243" s="16">
        <v>17</v>
      </c>
      <c r="AA243" s="22" t="s">
        <v>268</v>
      </c>
      <c r="AB243" s="16">
        <v>132</v>
      </c>
      <c r="AC243" s="16">
        <v>340</v>
      </c>
      <c r="AD243" s="16">
        <v>17</v>
      </c>
    </row>
    <row r="244" spans="1:30">
      <c r="A244" s="21" t="s">
        <v>240</v>
      </c>
      <c r="B244" s="21" t="s">
        <v>237</v>
      </c>
      <c r="C244" s="21" t="s">
        <v>265</v>
      </c>
      <c r="D244" s="21" t="s">
        <v>216</v>
      </c>
      <c r="E244" s="21" t="s">
        <v>467</v>
      </c>
      <c r="F244" s="21" t="s">
        <v>391</v>
      </c>
      <c r="G244" s="16">
        <v>21833</v>
      </c>
      <c r="H244" s="16">
        <v>21185</v>
      </c>
      <c r="I244" s="16">
        <v>15458</v>
      </c>
      <c r="J244" s="16">
        <v>5969</v>
      </c>
      <c r="K244" s="16">
        <v>9111</v>
      </c>
      <c r="L244" s="16">
        <v>11</v>
      </c>
      <c r="M244" s="16">
        <v>367</v>
      </c>
      <c r="N244" s="16">
        <v>5727</v>
      </c>
      <c r="O244" s="16">
        <v>417</v>
      </c>
      <c r="P244" s="16">
        <v>968</v>
      </c>
      <c r="Q244" s="16">
        <v>1371</v>
      </c>
      <c r="R244" s="16">
        <v>1282</v>
      </c>
      <c r="S244" s="16">
        <v>115</v>
      </c>
      <c r="T244" s="16">
        <v>448</v>
      </c>
      <c r="U244" s="16">
        <v>314</v>
      </c>
      <c r="V244" s="16">
        <v>709</v>
      </c>
      <c r="W244" s="16">
        <v>6</v>
      </c>
      <c r="X244" s="16">
        <v>97</v>
      </c>
      <c r="Y244" s="16">
        <v>102</v>
      </c>
      <c r="Z244" s="16">
        <v>546</v>
      </c>
      <c r="AA244" s="22" t="s">
        <v>268</v>
      </c>
      <c r="AB244" s="16">
        <v>4116</v>
      </c>
      <c r="AC244" s="16">
        <v>2481</v>
      </c>
      <c r="AD244" s="16">
        <v>39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3" orientation="portrait" r:id="rId1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0A443C-4704-421F-ADCA-368CEDBAEDB4}">
  <sheetPr>
    <pageSetUpPr fitToPage="1"/>
  </sheetPr>
  <dimension ref="A1:AD244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5" width="12.625" style="20"/>
    <col min="6" max="6" width="19" style="20" bestFit="1" customWidth="1"/>
    <col min="7" max="16384" width="12.625" style="20"/>
  </cols>
  <sheetData>
    <row r="1" spans="1:30" s="11" customFormat="1">
      <c r="A1" s="11" t="s">
        <v>192</v>
      </c>
    </row>
    <row r="2" spans="1:30" s="11" customFormat="1">
      <c r="A2" s="11" t="s">
        <v>629</v>
      </c>
    </row>
    <row r="3" spans="1:30" s="11" customFormat="1"/>
    <row r="4" spans="1:30" s="11" customFormat="1" hidden="1"/>
    <row r="5" spans="1:30" s="11" customFormat="1"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  <c r="R5" s="12" t="s">
        <v>495</v>
      </c>
      <c r="S5" s="12" t="s">
        <v>495</v>
      </c>
      <c r="T5" s="12" t="s">
        <v>495</v>
      </c>
      <c r="U5" s="12" t="s">
        <v>495</v>
      </c>
      <c r="V5" s="12" t="s">
        <v>495</v>
      </c>
      <c r="W5" s="12" t="s">
        <v>495</v>
      </c>
      <c r="X5" s="12" t="s">
        <v>495</v>
      </c>
      <c r="Y5" s="12" t="s">
        <v>495</v>
      </c>
      <c r="Z5" s="12" t="s">
        <v>495</v>
      </c>
      <c r="AA5" s="12" t="s">
        <v>495</v>
      </c>
      <c r="AB5" s="12" t="s">
        <v>495</v>
      </c>
      <c r="AC5" s="12" t="s">
        <v>495</v>
      </c>
      <c r="AD5" s="12" t="s">
        <v>495</v>
      </c>
    </row>
    <row r="6" spans="1:30" s="11" customFormat="1" ht="24"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</row>
    <row r="7" spans="1:30" s="11" customFormat="1">
      <c r="G7" s="12">
        <v>1</v>
      </c>
      <c r="H7" s="12">
        <v>1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2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3</v>
      </c>
      <c r="U7" s="12">
        <v>3</v>
      </c>
      <c r="V7" s="12">
        <v>3</v>
      </c>
      <c r="W7" s="12">
        <v>3</v>
      </c>
      <c r="X7" s="12">
        <v>3</v>
      </c>
      <c r="Y7" s="12">
        <v>1</v>
      </c>
      <c r="Z7" s="12">
        <v>1</v>
      </c>
      <c r="AA7" s="12">
        <v>1</v>
      </c>
      <c r="AB7" s="12">
        <v>1</v>
      </c>
      <c r="AC7" s="12">
        <v>1</v>
      </c>
      <c r="AD7" s="12">
        <v>1</v>
      </c>
    </row>
    <row r="8" spans="1:30" s="11" customFormat="1" ht="60">
      <c r="G8" s="12" t="s">
        <v>214</v>
      </c>
      <c r="H8" s="12" t="s">
        <v>564</v>
      </c>
      <c r="I8" s="12" t="s">
        <v>565</v>
      </c>
      <c r="J8" s="12" t="s">
        <v>566</v>
      </c>
      <c r="K8" s="12" t="s">
        <v>567</v>
      </c>
      <c r="L8" s="12" t="s">
        <v>568</v>
      </c>
      <c r="M8" s="12" t="s">
        <v>569</v>
      </c>
      <c r="N8" s="12" t="s">
        <v>570</v>
      </c>
      <c r="O8" s="12" t="s">
        <v>571</v>
      </c>
      <c r="P8" s="12" t="s">
        <v>575</v>
      </c>
      <c r="Q8" s="12" t="s">
        <v>578</v>
      </c>
      <c r="R8" s="12" t="s">
        <v>581</v>
      </c>
      <c r="S8" s="12" t="s">
        <v>584</v>
      </c>
      <c r="T8" s="12" t="s">
        <v>585</v>
      </c>
      <c r="U8" s="12" t="s">
        <v>586</v>
      </c>
      <c r="V8" s="12" t="s">
        <v>589</v>
      </c>
      <c r="W8" s="12" t="s">
        <v>592</v>
      </c>
      <c r="X8" s="12" t="s">
        <v>593</v>
      </c>
      <c r="Y8" s="12" t="s">
        <v>594</v>
      </c>
      <c r="Z8" s="12" t="s">
        <v>595</v>
      </c>
      <c r="AA8" s="12" t="s">
        <v>596</v>
      </c>
      <c r="AB8" s="12" t="s">
        <v>597</v>
      </c>
      <c r="AC8" s="12" t="s">
        <v>616</v>
      </c>
      <c r="AD8" s="12" t="s">
        <v>617</v>
      </c>
    </row>
    <row r="9" spans="1:30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  <c r="W9" s="13" t="s">
        <v>219</v>
      </c>
      <c r="X9" s="13" t="s">
        <v>219</v>
      </c>
      <c r="Y9" s="13" t="s">
        <v>219</v>
      </c>
      <c r="Z9" s="13" t="s">
        <v>219</v>
      </c>
      <c r="AA9" s="13" t="s">
        <v>219</v>
      </c>
      <c r="AB9" s="13" t="s">
        <v>219</v>
      </c>
      <c r="AC9" s="13" t="s">
        <v>219</v>
      </c>
      <c r="AD9" s="13" t="s">
        <v>219</v>
      </c>
    </row>
    <row r="10" spans="1:30" s="11" customFormat="1">
      <c r="A10" s="14" t="s">
        <v>224</v>
      </c>
      <c r="B10" s="14" t="s">
        <v>259</v>
      </c>
      <c r="C10" s="14" t="s">
        <v>230</v>
      </c>
      <c r="D10" s="14" t="s">
        <v>212</v>
      </c>
      <c r="E10" s="14" t="s">
        <v>465</v>
      </c>
      <c r="F10" s="14" t="s">
        <v>282</v>
      </c>
      <c r="G10" s="14" t="s">
        <v>231</v>
      </c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</row>
    <row r="11" spans="1:30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630</v>
      </c>
      <c r="F11" s="15" t="s">
        <v>401</v>
      </c>
      <c r="G11" s="16">
        <v>13334515</v>
      </c>
      <c r="H11" s="16">
        <v>7053053</v>
      </c>
      <c r="I11" s="16">
        <v>4360615</v>
      </c>
      <c r="J11" s="22" t="s">
        <v>268</v>
      </c>
      <c r="K11" s="16">
        <v>231833</v>
      </c>
      <c r="L11" s="16">
        <v>612481</v>
      </c>
      <c r="M11" s="16">
        <v>3516301</v>
      </c>
      <c r="N11" s="16">
        <v>2692438</v>
      </c>
      <c r="O11" s="22" t="s">
        <v>268</v>
      </c>
      <c r="P11" s="16">
        <v>561510</v>
      </c>
      <c r="Q11" s="16">
        <v>1503</v>
      </c>
      <c r="R11" s="16">
        <v>847137</v>
      </c>
      <c r="S11" s="16">
        <v>14797</v>
      </c>
      <c r="T11" s="16">
        <v>220049</v>
      </c>
      <c r="U11" s="16">
        <v>52518</v>
      </c>
      <c r="V11" s="16">
        <v>157436</v>
      </c>
      <c r="W11" s="16">
        <v>93544</v>
      </c>
      <c r="X11" s="16">
        <v>743944</v>
      </c>
      <c r="Y11" s="16">
        <v>211301</v>
      </c>
      <c r="Z11" s="16">
        <v>6070161</v>
      </c>
      <c r="AA11" s="22" t="s">
        <v>268</v>
      </c>
      <c r="AB11" s="16">
        <v>1871957</v>
      </c>
      <c r="AC11" s="22" t="s">
        <v>268</v>
      </c>
      <c r="AD11" s="16">
        <v>4547229</v>
      </c>
    </row>
    <row r="12" spans="1:30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630</v>
      </c>
      <c r="F12" s="21" t="s">
        <v>405</v>
      </c>
      <c r="G12" s="16">
        <v>1623</v>
      </c>
      <c r="H12" s="16">
        <v>1260</v>
      </c>
      <c r="I12" s="16">
        <v>773</v>
      </c>
      <c r="J12" s="22" t="s">
        <v>268</v>
      </c>
      <c r="K12" s="16">
        <v>125</v>
      </c>
      <c r="L12" s="16">
        <v>118</v>
      </c>
      <c r="M12" s="16">
        <v>530</v>
      </c>
      <c r="N12" s="16">
        <v>487</v>
      </c>
      <c r="O12" s="22" t="s">
        <v>268</v>
      </c>
      <c r="P12" s="22" t="s">
        <v>268</v>
      </c>
      <c r="Q12" s="16">
        <v>5</v>
      </c>
      <c r="R12" s="16">
        <v>19</v>
      </c>
      <c r="S12" s="16">
        <v>24</v>
      </c>
      <c r="T12" s="16">
        <v>149</v>
      </c>
      <c r="U12" s="16">
        <v>5</v>
      </c>
      <c r="V12" s="16">
        <v>24</v>
      </c>
      <c r="W12" s="16">
        <v>5</v>
      </c>
      <c r="X12" s="16">
        <v>256</v>
      </c>
      <c r="Y12" s="16">
        <v>31</v>
      </c>
      <c r="Z12" s="16">
        <v>332</v>
      </c>
      <c r="AA12" s="22" t="s">
        <v>268</v>
      </c>
      <c r="AB12" s="16">
        <v>384</v>
      </c>
      <c r="AC12" s="22" t="s">
        <v>268</v>
      </c>
      <c r="AD12" s="22" t="s">
        <v>268</v>
      </c>
    </row>
    <row r="13" spans="1:30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630</v>
      </c>
      <c r="F13" s="21" t="s">
        <v>406</v>
      </c>
      <c r="G13" s="16">
        <v>20822</v>
      </c>
      <c r="H13" s="16">
        <v>17297</v>
      </c>
      <c r="I13" s="16">
        <v>9608</v>
      </c>
      <c r="J13" s="22" t="s">
        <v>268</v>
      </c>
      <c r="K13" s="16">
        <v>1675</v>
      </c>
      <c r="L13" s="16">
        <v>693</v>
      </c>
      <c r="M13" s="16">
        <v>7240</v>
      </c>
      <c r="N13" s="16">
        <v>7689</v>
      </c>
      <c r="O13" s="22" t="s">
        <v>268</v>
      </c>
      <c r="P13" s="22" t="s">
        <v>268</v>
      </c>
      <c r="Q13" s="16">
        <v>96</v>
      </c>
      <c r="R13" s="16">
        <v>233</v>
      </c>
      <c r="S13" s="16">
        <v>216</v>
      </c>
      <c r="T13" s="16">
        <v>2963</v>
      </c>
      <c r="U13" s="16">
        <v>46</v>
      </c>
      <c r="V13" s="16">
        <v>776</v>
      </c>
      <c r="W13" s="16">
        <v>80</v>
      </c>
      <c r="X13" s="16">
        <v>3279</v>
      </c>
      <c r="Y13" s="16">
        <v>659</v>
      </c>
      <c r="Z13" s="16">
        <v>2866</v>
      </c>
      <c r="AA13" s="22" t="s">
        <v>268</v>
      </c>
      <c r="AB13" s="16">
        <v>6933</v>
      </c>
      <c r="AC13" s="22" t="s">
        <v>268</v>
      </c>
      <c r="AD13" s="22" t="s">
        <v>268</v>
      </c>
    </row>
    <row r="14" spans="1:30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630</v>
      </c>
      <c r="F14" s="21" t="s">
        <v>407</v>
      </c>
      <c r="G14" s="16">
        <v>80041</v>
      </c>
      <c r="H14" s="16">
        <v>62800</v>
      </c>
      <c r="I14" s="16">
        <v>38768</v>
      </c>
      <c r="J14" s="22" t="s">
        <v>268</v>
      </c>
      <c r="K14" s="16">
        <v>6315</v>
      </c>
      <c r="L14" s="16">
        <v>2095</v>
      </c>
      <c r="M14" s="16">
        <v>30358</v>
      </c>
      <c r="N14" s="16">
        <v>24032</v>
      </c>
      <c r="O14" s="22" t="s">
        <v>268</v>
      </c>
      <c r="P14" s="22" t="s">
        <v>268</v>
      </c>
      <c r="Q14" s="16">
        <v>371</v>
      </c>
      <c r="R14" s="16">
        <v>1325</v>
      </c>
      <c r="S14" s="16">
        <v>420</v>
      </c>
      <c r="T14" s="16">
        <v>9474</v>
      </c>
      <c r="U14" s="16">
        <v>105</v>
      </c>
      <c r="V14" s="16">
        <v>2945</v>
      </c>
      <c r="W14" s="16">
        <v>225</v>
      </c>
      <c r="X14" s="16">
        <v>9167</v>
      </c>
      <c r="Y14" s="16">
        <v>2695</v>
      </c>
      <c r="Z14" s="16">
        <v>14546</v>
      </c>
      <c r="AA14" s="22" t="s">
        <v>268</v>
      </c>
      <c r="AB14" s="16">
        <v>22236</v>
      </c>
      <c r="AC14" s="22" t="s">
        <v>268</v>
      </c>
      <c r="AD14" s="22" t="s">
        <v>268</v>
      </c>
    </row>
    <row r="15" spans="1:30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630</v>
      </c>
      <c r="F15" s="21" t="s">
        <v>408</v>
      </c>
      <c r="G15" s="16">
        <v>178932</v>
      </c>
      <c r="H15" s="16">
        <v>135357</v>
      </c>
      <c r="I15" s="16">
        <v>89567</v>
      </c>
      <c r="J15" s="22" t="s">
        <v>268</v>
      </c>
      <c r="K15" s="16">
        <v>14356</v>
      </c>
      <c r="L15" s="16">
        <v>5316</v>
      </c>
      <c r="M15" s="16">
        <v>69895</v>
      </c>
      <c r="N15" s="16">
        <v>45790</v>
      </c>
      <c r="O15" s="22" t="s">
        <v>268</v>
      </c>
      <c r="P15" s="22" t="s">
        <v>268</v>
      </c>
      <c r="Q15" s="16">
        <v>527</v>
      </c>
      <c r="R15" s="16">
        <v>2745</v>
      </c>
      <c r="S15" s="16">
        <v>370</v>
      </c>
      <c r="T15" s="16">
        <v>20203</v>
      </c>
      <c r="U15" s="16">
        <v>168</v>
      </c>
      <c r="V15" s="16">
        <v>5277</v>
      </c>
      <c r="W15" s="16">
        <v>509</v>
      </c>
      <c r="X15" s="16">
        <v>15991</v>
      </c>
      <c r="Y15" s="16">
        <v>5621</v>
      </c>
      <c r="Z15" s="16">
        <v>37954</v>
      </c>
      <c r="AA15" s="22" t="s">
        <v>268</v>
      </c>
      <c r="AB15" s="16">
        <v>43108</v>
      </c>
      <c r="AC15" s="22" t="s">
        <v>268</v>
      </c>
      <c r="AD15" s="22" t="s">
        <v>268</v>
      </c>
    </row>
    <row r="16" spans="1:30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630</v>
      </c>
      <c r="F16" s="21" t="s">
        <v>409</v>
      </c>
      <c r="G16" s="16">
        <v>310758</v>
      </c>
      <c r="H16" s="16">
        <v>238163</v>
      </c>
      <c r="I16" s="16">
        <v>167410</v>
      </c>
      <c r="J16" s="22" t="s">
        <v>268</v>
      </c>
      <c r="K16" s="16">
        <v>24753</v>
      </c>
      <c r="L16" s="16">
        <v>12221</v>
      </c>
      <c r="M16" s="16">
        <v>130436</v>
      </c>
      <c r="N16" s="16">
        <v>70753</v>
      </c>
      <c r="O16" s="22" t="s">
        <v>268</v>
      </c>
      <c r="P16" s="16">
        <v>3</v>
      </c>
      <c r="Q16" s="16">
        <v>357</v>
      </c>
      <c r="R16" s="16">
        <v>3193</v>
      </c>
      <c r="S16" s="16">
        <v>317</v>
      </c>
      <c r="T16" s="16">
        <v>34337</v>
      </c>
      <c r="U16" s="16">
        <v>294</v>
      </c>
      <c r="V16" s="16">
        <v>6124</v>
      </c>
      <c r="W16" s="16">
        <v>749</v>
      </c>
      <c r="X16" s="16">
        <v>25379</v>
      </c>
      <c r="Y16" s="16">
        <v>8715</v>
      </c>
      <c r="Z16" s="16">
        <v>63880</v>
      </c>
      <c r="AA16" s="22" t="s">
        <v>268</v>
      </c>
      <c r="AB16" s="16">
        <v>67047</v>
      </c>
      <c r="AC16" s="22" t="s">
        <v>268</v>
      </c>
      <c r="AD16" s="22" t="s">
        <v>268</v>
      </c>
    </row>
    <row r="17" spans="1:30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630</v>
      </c>
      <c r="F17" s="21" t="s">
        <v>410</v>
      </c>
      <c r="G17" s="16">
        <v>476440</v>
      </c>
      <c r="H17" s="16">
        <v>356945</v>
      </c>
      <c r="I17" s="16">
        <v>263910</v>
      </c>
      <c r="J17" s="22" t="s">
        <v>268</v>
      </c>
      <c r="K17" s="16">
        <v>38399</v>
      </c>
      <c r="L17" s="16">
        <v>24280</v>
      </c>
      <c r="M17" s="16">
        <v>201231</v>
      </c>
      <c r="N17" s="16">
        <v>93035</v>
      </c>
      <c r="O17" s="22" t="s">
        <v>268</v>
      </c>
      <c r="P17" s="16">
        <v>48</v>
      </c>
      <c r="Q17" s="16">
        <v>109</v>
      </c>
      <c r="R17" s="16">
        <v>2575</v>
      </c>
      <c r="S17" s="16">
        <v>327</v>
      </c>
      <c r="T17" s="16">
        <v>45624</v>
      </c>
      <c r="U17" s="16">
        <v>460</v>
      </c>
      <c r="V17" s="16">
        <v>4894</v>
      </c>
      <c r="W17" s="16">
        <v>1284</v>
      </c>
      <c r="X17" s="16">
        <v>37714</v>
      </c>
      <c r="Y17" s="16">
        <v>13013</v>
      </c>
      <c r="Z17" s="16">
        <v>106482</v>
      </c>
      <c r="AA17" s="22" t="s">
        <v>268</v>
      </c>
      <c r="AB17" s="16">
        <v>87601</v>
      </c>
      <c r="AC17" s="22" t="s">
        <v>268</v>
      </c>
      <c r="AD17" s="22" t="s">
        <v>268</v>
      </c>
    </row>
    <row r="18" spans="1:30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630</v>
      </c>
      <c r="F18" s="21" t="s">
        <v>411</v>
      </c>
      <c r="G18" s="16">
        <v>733198</v>
      </c>
      <c r="H18" s="16">
        <v>508326</v>
      </c>
      <c r="I18" s="16">
        <v>392323</v>
      </c>
      <c r="J18" s="22" t="s">
        <v>268</v>
      </c>
      <c r="K18" s="16">
        <v>54203</v>
      </c>
      <c r="L18" s="16">
        <v>42303</v>
      </c>
      <c r="M18" s="16">
        <v>295817</v>
      </c>
      <c r="N18" s="16">
        <v>116003</v>
      </c>
      <c r="O18" s="22" t="s">
        <v>268</v>
      </c>
      <c r="P18" s="16">
        <v>331</v>
      </c>
      <c r="Q18" s="16">
        <v>36</v>
      </c>
      <c r="R18" s="16">
        <v>2215</v>
      </c>
      <c r="S18" s="16">
        <v>454</v>
      </c>
      <c r="T18" s="16">
        <v>48231</v>
      </c>
      <c r="U18" s="16">
        <v>1221</v>
      </c>
      <c r="V18" s="16">
        <v>3827</v>
      </c>
      <c r="W18" s="16">
        <v>2897</v>
      </c>
      <c r="X18" s="16">
        <v>56791</v>
      </c>
      <c r="Y18" s="16">
        <v>21967</v>
      </c>
      <c r="Z18" s="16">
        <v>202905</v>
      </c>
      <c r="AA18" s="22" t="s">
        <v>268</v>
      </c>
      <c r="AB18" s="16">
        <v>106355</v>
      </c>
      <c r="AC18" s="22" t="s">
        <v>268</v>
      </c>
      <c r="AD18" s="22" t="s">
        <v>268</v>
      </c>
    </row>
    <row r="19" spans="1:30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630</v>
      </c>
      <c r="F19" s="21" t="s">
        <v>412</v>
      </c>
      <c r="G19" s="16">
        <v>804246</v>
      </c>
      <c r="H19" s="16">
        <v>498488</v>
      </c>
      <c r="I19" s="16">
        <v>392513</v>
      </c>
      <c r="J19" s="22" t="s">
        <v>268</v>
      </c>
      <c r="K19" s="16">
        <v>46903</v>
      </c>
      <c r="L19" s="16">
        <v>49000</v>
      </c>
      <c r="M19" s="16">
        <v>296610</v>
      </c>
      <c r="N19" s="16">
        <v>105975</v>
      </c>
      <c r="O19" s="22" t="s">
        <v>268</v>
      </c>
      <c r="P19" s="16">
        <v>964</v>
      </c>
      <c r="Q19" s="16">
        <v>2</v>
      </c>
      <c r="R19" s="16">
        <v>3341</v>
      </c>
      <c r="S19" s="16">
        <v>579</v>
      </c>
      <c r="T19" s="16">
        <v>29578</v>
      </c>
      <c r="U19" s="16">
        <v>2035</v>
      </c>
      <c r="V19" s="16">
        <v>3305</v>
      </c>
      <c r="W19" s="16">
        <v>4777</v>
      </c>
      <c r="X19" s="16">
        <v>61394</v>
      </c>
      <c r="Y19" s="16">
        <v>25649</v>
      </c>
      <c r="Z19" s="16">
        <v>280109</v>
      </c>
      <c r="AA19" s="22" t="s">
        <v>268</v>
      </c>
      <c r="AB19" s="16">
        <v>92515</v>
      </c>
      <c r="AC19" s="22" t="s">
        <v>268</v>
      </c>
      <c r="AD19" s="22" t="s">
        <v>268</v>
      </c>
    </row>
    <row r="20" spans="1:30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630</v>
      </c>
      <c r="F20" s="21" t="s">
        <v>413</v>
      </c>
      <c r="G20" s="16">
        <v>851987</v>
      </c>
      <c r="H20" s="16">
        <v>462286</v>
      </c>
      <c r="I20" s="16">
        <v>358183</v>
      </c>
      <c r="J20" s="22" t="s">
        <v>268</v>
      </c>
      <c r="K20" s="16">
        <v>29249</v>
      </c>
      <c r="L20" s="16">
        <v>51170</v>
      </c>
      <c r="M20" s="16">
        <v>277764</v>
      </c>
      <c r="N20" s="16">
        <v>104103</v>
      </c>
      <c r="O20" s="22" t="s">
        <v>268</v>
      </c>
      <c r="P20" s="16">
        <v>2351</v>
      </c>
      <c r="Q20" s="22" t="s">
        <v>268</v>
      </c>
      <c r="R20" s="16">
        <v>9279</v>
      </c>
      <c r="S20" s="16">
        <v>752</v>
      </c>
      <c r="T20" s="16">
        <v>14578</v>
      </c>
      <c r="U20" s="16">
        <v>2911</v>
      </c>
      <c r="V20" s="16">
        <v>4414</v>
      </c>
      <c r="W20" s="16">
        <v>7581</v>
      </c>
      <c r="X20" s="16">
        <v>62237</v>
      </c>
      <c r="Y20" s="16">
        <v>25027</v>
      </c>
      <c r="Z20" s="16">
        <v>364674</v>
      </c>
      <c r="AA20" s="22" t="s">
        <v>268</v>
      </c>
      <c r="AB20" s="16">
        <v>85079</v>
      </c>
      <c r="AC20" s="22" t="s">
        <v>268</v>
      </c>
      <c r="AD20" s="22" t="s">
        <v>268</v>
      </c>
    </row>
    <row r="21" spans="1:30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630</v>
      </c>
      <c r="F21" s="21" t="s">
        <v>414</v>
      </c>
      <c r="G21" s="16">
        <v>905342</v>
      </c>
      <c r="H21" s="16">
        <v>433736</v>
      </c>
      <c r="I21" s="16">
        <v>318375</v>
      </c>
      <c r="J21" s="22" t="s">
        <v>268</v>
      </c>
      <c r="K21" s="16">
        <v>12218</v>
      </c>
      <c r="L21" s="16">
        <v>51071</v>
      </c>
      <c r="M21" s="16">
        <v>255086</v>
      </c>
      <c r="N21" s="16">
        <v>115361</v>
      </c>
      <c r="O21" s="22" t="s">
        <v>268</v>
      </c>
      <c r="P21" s="16">
        <v>4764</v>
      </c>
      <c r="Q21" s="22" t="s">
        <v>268</v>
      </c>
      <c r="R21" s="16">
        <v>23669</v>
      </c>
      <c r="S21" s="16">
        <v>1145</v>
      </c>
      <c r="T21" s="16">
        <v>5576</v>
      </c>
      <c r="U21" s="16">
        <v>3244</v>
      </c>
      <c r="V21" s="16">
        <v>6910</v>
      </c>
      <c r="W21" s="16">
        <v>11766</v>
      </c>
      <c r="X21" s="16">
        <v>58287</v>
      </c>
      <c r="Y21" s="16">
        <v>22422</v>
      </c>
      <c r="Z21" s="16">
        <v>449184</v>
      </c>
      <c r="AA21" s="22" t="s">
        <v>268</v>
      </c>
      <c r="AB21" s="16">
        <v>87927</v>
      </c>
      <c r="AC21" s="22" t="s">
        <v>268</v>
      </c>
      <c r="AD21" s="22" t="s">
        <v>268</v>
      </c>
    </row>
    <row r="22" spans="1:30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630</v>
      </c>
      <c r="F22" s="21" t="s">
        <v>415</v>
      </c>
      <c r="G22" s="16">
        <v>1192710</v>
      </c>
      <c r="H22" s="16">
        <v>509231</v>
      </c>
      <c r="I22" s="16">
        <v>346319</v>
      </c>
      <c r="J22" s="22" t="s">
        <v>268</v>
      </c>
      <c r="K22" s="16">
        <v>3099</v>
      </c>
      <c r="L22" s="16">
        <v>60041</v>
      </c>
      <c r="M22" s="16">
        <v>283179</v>
      </c>
      <c r="N22" s="16">
        <v>162912</v>
      </c>
      <c r="O22" s="22" t="s">
        <v>268</v>
      </c>
      <c r="P22" s="16">
        <v>10323</v>
      </c>
      <c r="Q22" s="22" t="s">
        <v>268</v>
      </c>
      <c r="R22" s="16">
        <v>57130</v>
      </c>
      <c r="S22" s="16">
        <v>1610</v>
      </c>
      <c r="T22" s="16">
        <v>2099</v>
      </c>
      <c r="U22" s="16">
        <v>3075</v>
      </c>
      <c r="V22" s="16">
        <v>9043</v>
      </c>
      <c r="W22" s="16">
        <v>16677</v>
      </c>
      <c r="X22" s="16">
        <v>62955</v>
      </c>
      <c r="Y22" s="16">
        <v>23496</v>
      </c>
      <c r="Z22" s="16">
        <v>659983</v>
      </c>
      <c r="AA22" s="22" t="s">
        <v>268</v>
      </c>
      <c r="AB22" s="16">
        <v>120300</v>
      </c>
      <c r="AC22" s="22" t="s">
        <v>268</v>
      </c>
      <c r="AD22" s="16">
        <v>659983</v>
      </c>
    </row>
    <row r="23" spans="1:30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630</v>
      </c>
      <c r="F23" s="21" t="s">
        <v>416</v>
      </c>
      <c r="G23" s="16">
        <v>1668843</v>
      </c>
      <c r="H23" s="16">
        <v>689426</v>
      </c>
      <c r="I23" s="16">
        <v>444648</v>
      </c>
      <c r="J23" s="22" t="s">
        <v>268</v>
      </c>
      <c r="K23" s="16">
        <v>516</v>
      </c>
      <c r="L23" s="16">
        <v>76445</v>
      </c>
      <c r="M23" s="16">
        <v>367687</v>
      </c>
      <c r="N23" s="16">
        <v>244778</v>
      </c>
      <c r="O23" s="22" t="s">
        <v>268</v>
      </c>
      <c r="P23" s="16">
        <v>22968</v>
      </c>
      <c r="Q23" s="22" t="s">
        <v>268</v>
      </c>
      <c r="R23" s="16">
        <v>108415</v>
      </c>
      <c r="S23" s="16">
        <v>1936</v>
      </c>
      <c r="T23" s="16">
        <v>1103</v>
      </c>
      <c r="U23" s="16">
        <v>3370</v>
      </c>
      <c r="V23" s="16">
        <v>10250</v>
      </c>
      <c r="W23" s="16">
        <v>19214</v>
      </c>
      <c r="X23" s="16">
        <v>77522</v>
      </c>
      <c r="Y23" s="16">
        <v>24227</v>
      </c>
      <c r="Z23" s="16">
        <v>955190</v>
      </c>
      <c r="AA23" s="22" t="s">
        <v>268</v>
      </c>
      <c r="AB23" s="16">
        <v>180760</v>
      </c>
      <c r="AC23" s="22" t="s">
        <v>268</v>
      </c>
      <c r="AD23" s="16">
        <v>955190</v>
      </c>
    </row>
    <row r="24" spans="1:30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630</v>
      </c>
      <c r="F24" s="21" t="s">
        <v>417</v>
      </c>
      <c r="G24" s="16">
        <v>1708451</v>
      </c>
      <c r="H24" s="16">
        <v>748612</v>
      </c>
      <c r="I24" s="16">
        <v>456756</v>
      </c>
      <c r="J24" s="22" t="s">
        <v>268</v>
      </c>
      <c r="K24" s="16">
        <v>19</v>
      </c>
      <c r="L24" s="16">
        <v>72894</v>
      </c>
      <c r="M24" s="16">
        <v>383843</v>
      </c>
      <c r="N24" s="16">
        <v>291856</v>
      </c>
      <c r="O24" s="22" t="s">
        <v>268</v>
      </c>
      <c r="P24" s="16">
        <v>46559</v>
      </c>
      <c r="Q24" s="22" t="s">
        <v>268</v>
      </c>
      <c r="R24" s="16">
        <v>138900</v>
      </c>
      <c r="S24" s="16">
        <v>1560</v>
      </c>
      <c r="T24" s="16">
        <v>914</v>
      </c>
      <c r="U24" s="16">
        <v>4431</v>
      </c>
      <c r="V24" s="16">
        <v>10888</v>
      </c>
      <c r="W24" s="16">
        <v>12299</v>
      </c>
      <c r="X24" s="16">
        <v>76305</v>
      </c>
      <c r="Y24" s="16">
        <v>15851</v>
      </c>
      <c r="Z24" s="16">
        <v>943988</v>
      </c>
      <c r="AA24" s="22" t="s">
        <v>268</v>
      </c>
      <c r="AB24" s="16">
        <v>210844</v>
      </c>
      <c r="AC24" s="22" t="s">
        <v>268</v>
      </c>
      <c r="AD24" s="16">
        <v>943988</v>
      </c>
    </row>
    <row r="25" spans="1:30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630</v>
      </c>
      <c r="F25" s="21" t="s">
        <v>418</v>
      </c>
      <c r="G25" s="16">
        <v>1757536</v>
      </c>
      <c r="H25" s="16">
        <v>843754</v>
      </c>
      <c r="I25" s="16">
        <v>453803</v>
      </c>
      <c r="J25" s="22" t="s">
        <v>268</v>
      </c>
      <c r="K25" s="16">
        <v>3</v>
      </c>
      <c r="L25" s="16">
        <v>70510</v>
      </c>
      <c r="M25" s="16">
        <v>383290</v>
      </c>
      <c r="N25" s="16">
        <v>389951</v>
      </c>
      <c r="O25" s="22" t="s">
        <v>268</v>
      </c>
      <c r="P25" s="16">
        <v>100351</v>
      </c>
      <c r="Q25" s="22" t="s">
        <v>268</v>
      </c>
      <c r="R25" s="16">
        <v>175760</v>
      </c>
      <c r="S25" s="16">
        <v>1644</v>
      </c>
      <c r="T25" s="16">
        <v>1204</v>
      </c>
      <c r="U25" s="16">
        <v>7512</v>
      </c>
      <c r="V25" s="16">
        <v>18113</v>
      </c>
      <c r="W25" s="16">
        <v>8174</v>
      </c>
      <c r="X25" s="16">
        <v>77193</v>
      </c>
      <c r="Y25" s="16">
        <v>10574</v>
      </c>
      <c r="Z25" s="16">
        <v>903208</v>
      </c>
      <c r="AA25" s="22" t="s">
        <v>268</v>
      </c>
      <c r="AB25" s="16">
        <v>258441</v>
      </c>
      <c r="AC25" s="22" t="s">
        <v>268</v>
      </c>
      <c r="AD25" s="16">
        <v>903208</v>
      </c>
    </row>
    <row r="26" spans="1:30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630</v>
      </c>
      <c r="F26" s="21" t="s">
        <v>419</v>
      </c>
      <c r="G26" s="16">
        <v>1554668</v>
      </c>
      <c r="H26" s="16">
        <v>841831</v>
      </c>
      <c r="I26" s="16">
        <v>374767</v>
      </c>
      <c r="J26" s="22" t="s">
        <v>268</v>
      </c>
      <c r="K26" s="22" t="s">
        <v>268</v>
      </c>
      <c r="L26" s="16">
        <v>57221</v>
      </c>
      <c r="M26" s="16">
        <v>317546</v>
      </c>
      <c r="N26" s="16">
        <v>467064</v>
      </c>
      <c r="O26" s="22" t="s">
        <v>268</v>
      </c>
      <c r="P26" s="16">
        <v>169999</v>
      </c>
      <c r="Q26" s="22" t="s">
        <v>268</v>
      </c>
      <c r="R26" s="16">
        <v>180840</v>
      </c>
      <c r="S26" s="16">
        <v>1756</v>
      </c>
      <c r="T26" s="16">
        <v>1810</v>
      </c>
      <c r="U26" s="16">
        <v>10832</v>
      </c>
      <c r="V26" s="16">
        <v>29709</v>
      </c>
      <c r="W26" s="16">
        <v>4903</v>
      </c>
      <c r="X26" s="16">
        <v>67215</v>
      </c>
      <c r="Y26" s="16">
        <v>6886</v>
      </c>
      <c r="Z26" s="16">
        <v>705951</v>
      </c>
      <c r="AA26" s="22" t="s">
        <v>268</v>
      </c>
      <c r="AB26" s="16">
        <v>271413</v>
      </c>
      <c r="AC26" s="22" t="s">
        <v>268</v>
      </c>
      <c r="AD26" s="16">
        <v>705951</v>
      </c>
    </row>
    <row r="27" spans="1:30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630</v>
      </c>
      <c r="F27" s="21" t="s">
        <v>420</v>
      </c>
      <c r="G27" s="16">
        <v>839142</v>
      </c>
      <c r="H27" s="16">
        <v>525997</v>
      </c>
      <c r="I27" s="16">
        <v>192841</v>
      </c>
      <c r="J27" s="22" t="s">
        <v>268</v>
      </c>
      <c r="K27" s="22" t="s">
        <v>268</v>
      </c>
      <c r="L27" s="16">
        <v>29084</v>
      </c>
      <c r="M27" s="16">
        <v>163757</v>
      </c>
      <c r="N27" s="16">
        <v>333156</v>
      </c>
      <c r="O27" s="22" t="s">
        <v>268</v>
      </c>
      <c r="P27" s="16">
        <v>145964</v>
      </c>
      <c r="Q27" s="22" t="s">
        <v>268</v>
      </c>
      <c r="R27" s="16">
        <v>105726</v>
      </c>
      <c r="S27" s="16">
        <v>1264</v>
      </c>
      <c r="T27" s="16">
        <v>1592</v>
      </c>
      <c r="U27" s="16">
        <v>8969</v>
      </c>
      <c r="V27" s="16">
        <v>29032</v>
      </c>
      <c r="W27" s="16">
        <v>1966</v>
      </c>
      <c r="X27" s="16">
        <v>38643</v>
      </c>
      <c r="Y27" s="16">
        <v>3430</v>
      </c>
      <c r="Z27" s="16">
        <v>309715</v>
      </c>
      <c r="AA27" s="22" t="s">
        <v>268</v>
      </c>
      <c r="AB27" s="16">
        <v>172934</v>
      </c>
      <c r="AC27" s="22" t="s">
        <v>268</v>
      </c>
      <c r="AD27" s="16">
        <v>309715</v>
      </c>
    </row>
    <row r="28" spans="1:30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630</v>
      </c>
      <c r="F28" s="21" t="s">
        <v>421</v>
      </c>
      <c r="G28" s="16">
        <v>220597</v>
      </c>
      <c r="H28" s="16">
        <v>156904</v>
      </c>
      <c r="I28" s="16">
        <v>52668</v>
      </c>
      <c r="J28" s="22" t="s">
        <v>268</v>
      </c>
      <c r="K28" s="22" t="s">
        <v>268</v>
      </c>
      <c r="L28" s="16">
        <v>7159</v>
      </c>
      <c r="M28" s="16">
        <v>45509</v>
      </c>
      <c r="N28" s="16">
        <v>104236</v>
      </c>
      <c r="O28" s="22" t="s">
        <v>268</v>
      </c>
      <c r="P28" s="16">
        <v>49513</v>
      </c>
      <c r="Q28" s="22" t="s">
        <v>268</v>
      </c>
      <c r="R28" s="16">
        <v>28119</v>
      </c>
      <c r="S28" s="16">
        <v>353</v>
      </c>
      <c r="T28" s="16">
        <v>515</v>
      </c>
      <c r="U28" s="16">
        <v>3254</v>
      </c>
      <c r="V28" s="16">
        <v>10281</v>
      </c>
      <c r="W28" s="16">
        <v>407</v>
      </c>
      <c r="X28" s="16">
        <v>11794</v>
      </c>
      <c r="Y28" s="16">
        <v>897</v>
      </c>
      <c r="Z28" s="16">
        <v>62796</v>
      </c>
      <c r="AA28" s="22" t="s">
        <v>268</v>
      </c>
      <c r="AB28" s="16">
        <v>50776</v>
      </c>
      <c r="AC28" s="22" t="s">
        <v>268</v>
      </c>
      <c r="AD28" s="16">
        <v>62796</v>
      </c>
    </row>
    <row r="29" spans="1:30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630</v>
      </c>
      <c r="F29" s="21" t="s">
        <v>422</v>
      </c>
      <c r="G29" s="16">
        <v>29179</v>
      </c>
      <c r="H29" s="16">
        <v>22640</v>
      </c>
      <c r="I29" s="16">
        <v>7383</v>
      </c>
      <c r="J29" s="22" t="s">
        <v>268</v>
      </c>
      <c r="K29" s="22" t="s">
        <v>268</v>
      </c>
      <c r="L29" s="16">
        <v>860</v>
      </c>
      <c r="M29" s="16">
        <v>6523</v>
      </c>
      <c r="N29" s="16">
        <v>15257</v>
      </c>
      <c r="O29" s="22" t="s">
        <v>268</v>
      </c>
      <c r="P29" s="16">
        <v>7372</v>
      </c>
      <c r="Q29" s="22" t="s">
        <v>268</v>
      </c>
      <c r="R29" s="16">
        <v>3653</v>
      </c>
      <c r="S29" s="16">
        <v>70</v>
      </c>
      <c r="T29" s="16">
        <v>99</v>
      </c>
      <c r="U29" s="16">
        <v>586</v>
      </c>
      <c r="V29" s="16">
        <v>1624</v>
      </c>
      <c r="W29" s="16">
        <v>31</v>
      </c>
      <c r="X29" s="16">
        <v>1822</v>
      </c>
      <c r="Y29" s="16">
        <v>141</v>
      </c>
      <c r="Z29" s="16">
        <v>6398</v>
      </c>
      <c r="AA29" s="22" t="s">
        <v>268</v>
      </c>
      <c r="AB29" s="16">
        <v>7304</v>
      </c>
      <c r="AC29" s="22" t="s">
        <v>268</v>
      </c>
      <c r="AD29" s="16">
        <v>6398</v>
      </c>
    </row>
    <row r="30" spans="1:30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630</v>
      </c>
      <c r="F30" s="21" t="s">
        <v>423</v>
      </c>
      <c r="G30" s="22" t="s">
        <v>268</v>
      </c>
      <c r="H30" s="22" t="s">
        <v>268</v>
      </c>
      <c r="I30" s="22" t="s">
        <v>268</v>
      </c>
      <c r="J30" s="22" t="s">
        <v>268</v>
      </c>
      <c r="K30" s="22" t="s">
        <v>268</v>
      </c>
      <c r="L30" s="22" t="s">
        <v>268</v>
      </c>
      <c r="M30" s="22" t="s">
        <v>268</v>
      </c>
      <c r="N30" s="22" t="s">
        <v>268</v>
      </c>
      <c r="O30" s="22" t="s">
        <v>268</v>
      </c>
      <c r="P30" s="22" t="s">
        <v>268</v>
      </c>
      <c r="Q30" s="22" t="s">
        <v>268</v>
      </c>
      <c r="R30" s="22" t="s">
        <v>268</v>
      </c>
      <c r="S30" s="22" t="s">
        <v>268</v>
      </c>
      <c r="T30" s="22" t="s">
        <v>268</v>
      </c>
      <c r="U30" s="22" t="s">
        <v>268</v>
      </c>
      <c r="V30" s="22" t="s">
        <v>268</v>
      </c>
      <c r="W30" s="22" t="s">
        <v>268</v>
      </c>
      <c r="X30" s="22" t="s">
        <v>268</v>
      </c>
      <c r="Y30" s="22" t="s">
        <v>268</v>
      </c>
      <c r="Z30" s="22" t="s">
        <v>268</v>
      </c>
      <c r="AA30" s="22" t="s">
        <v>268</v>
      </c>
      <c r="AB30" s="22" t="s">
        <v>268</v>
      </c>
      <c r="AC30" s="22" t="s">
        <v>268</v>
      </c>
      <c r="AD30" s="22" t="s">
        <v>268</v>
      </c>
    </row>
    <row r="31" spans="1:30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630</v>
      </c>
      <c r="F31" s="21" t="s">
        <v>386</v>
      </c>
      <c r="G31" s="22" t="s">
        <v>268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22" t="s">
        <v>268</v>
      </c>
      <c r="M31" s="22" t="s">
        <v>268</v>
      </c>
      <c r="N31" s="22" t="s">
        <v>268</v>
      </c>
      <c r="O31" s="22" t="s">
        <v>268</v>
      </c>
      <c r="P31" s="22" t="s">
        <v>268</v>
      </c>
      <c r="Q31" s="22" t="s">
        <v>268</v>
      </c>
      <c r="R31" s="22" t="s">
        <v>268</v>
      </c>
      <c r="S31" s="22" t="s">
        <v>268</v>
      </c>
      <c r="T31" s="22" t="s">
        <v>268</v>
      </c>
      <c r="U31" s="22" t="s">
        <v>268</v>
      </c>
      <c r="V31" s="22" t="s">
        <v>268</v>
      </c>
      <c r="W31" s="22" t="s">
        <v>268</v>
      </c>
      <c r="X31" s="22" t="s">
        <v>268</v>
      </c>
      <c r="Y31" s="22" t="s">
        <v>268</v>
      </c>
      <c r="Z31" s="22" t="s">
        <v>268</v>
      </c>
      <c r="AA31" s="22" t="s">
        <v>268</v>
      </c>
      <c r="AB31" s="22" t="s">
        <v>268</v>
      </c>
      <c r="AC31" s="22" t="s">
        <v>268</v>
      </c>
      <c r="AD31" s="22" t="s">
        <v>268</v>
      </c>
    </row>
    <row r="32" spans="1:30">
      <c r="A32" s="21" t="s">
        <v>232</v>
      </c>
      <c r="B32" s="21" t="s">
        <v>233</v>
      </c>
      <c r="C32" s="21" t="s">
        <v>262</v>
      </c>
      <c r="D32" s="21" t="s">
        <v>214</v>
      </c>
      <c r="E32" s="21" t="s">
        <v>630</v>
      </c>
      <c r="F32" s="21" t="s">
        <v>387</v>
      </c>
      <c r="G32" s="16">
        <v>4363389</v>
      </c>
      <c r="H32" s="16">
        <v>2714658</v>
      </c>
      <c r="I32" s="16">
        <v>2031430</v>
      </c>
      <c r="J32" s="22" t="s">
        <v>268</v>
      </c>
      <c r="K32" s="16">
        <v>228196</v>
      </c>
      <c r="L32" s="16">
        <v>238267</v>
      </c>
      <c r="M32" s="16">
        <v>1564967</v>
      </c>
      <c r="N32" s="16">
        <v>683228</v>
      </c>
      <c r="O32" s="22" t="s">
        <v>268</v>
      </c>
      <c r="P32" s="16">
        <v>8461</v>
      </c>
      <c r="Q32" s="16">
        <v>1503</v>
      </c>
      <c r="R32" s="16">
        <v>48594</v>
      </c>
      <c r="S32" s="16">
        <v>4604</v>
      </c>
      <c r="T32" s="16">
        <v>210713</v>
      </c>
      <c r="U32" s="16">
        <v>10489</v>
      </c>
      <c r="V32" s="16">
        <v>38496</v>
      </c>
      <c r="W32" s="16">
        <v>29873</v>
      </c>
      <c r="X32" s="16">
        <v>330495</v>
      </c>
      <c r="Y32" s="16">
        <v>125799</v>
      </c>
      <c r="Z32" s="16">
        <v>1522932</v>
      </c>
      <c r="AA32" s="22" t="s">
        <v>268</v>
      </c>
      <c r="AB32" s="16">
        <v>599185</v>
      </c>
      <c r="AC32" s="22" t="s">
        <v>268</v>
      </c>
      <c r="AD32" s="22" t="s">
        <v>268</v>
      </c>
    </row>
    <row r="33" spans="1:30">
      <c r="A33" s="21" t="s">
        <v>232</v>
      </c>
      <c r="B33" s="21" t="s">
        <v>233</v>
      </c>
      <c r="C33" s="21" t="s">
        <v>262</v>
      </c>
      <c r="D33" s="21" t="s">
        <v>214</v>
      </c>
      <c r="E33" s="21" t="s">
        <v>630</v>
      </c>
      <c r="F33" s="21" t="s">
        <v>388</v>
      </c>
      <c r="G33" s="16">
        <v>8971126</v>
      </c>
      <c r="H33" s="16">
        <v>4338395</v>
      </c>
      <c r="I33" s="16">
        <v>2329185</v>
      </c>
      <c r="J33" s="22" t="s">
        <v>268</v>
      </c>
      <c r="K33" s="16">
        <v>3637</v>
      </c>
      <c r="L33" s="16">
        <v>374214</v>
      </c>
      <c r="M33" s="16">
        <v>1951334</v>
      </c>
      <c r="N33" s="16">
        <v>2009210</v>
      </c>
      <c r="O33" s="22" t="s">
        <v>268</v>
      </c>
      <c r="P33" s="16">
        <v>553049</v>
      </c>
      <c r="Q33" s="22" t="s">
        <v>268</v>
      </c>
      <c r="R33" s="16">
        <v>798543</v>
      </c>
      <c r="S33" s="16">
        <v>10193</v>
      </c>
      <c r="T33" s="16">
        <v>9336</v>
      </c>
      <c r="U33" s="16">
        <v>42029</v>
      </c>
      <c r="V33" s="16">
        <v>118940</v>
      </c>
      <c r="W33" s="16">
        <v>63671</v>
      </c>
      <c r="X33" s="16">
        <v>413449</v>
      </c>
      <c r="Y33" s="16">
        <v>85502</v>
      </c>
      <c r="Z33" s="16">
        <v>4547229</v>
      </c>
      <c r="AA33" s="22" t="s">
        <v>268</v>
      </c>
      <c r="AB33" s="16">
        <v>1272772</v>
      </c>
      <c r="AC33" s="22" t="s">
        <v>268</v>
      </c>
      <c r="AD33" s="16">
        <v>4547229</v>
      </c>
    </row>
    <row r="34" spans="1:30">
      <c r="A34" s="21" t="s">
        <v>232</v>
      </c>
      <c r="B34" s="21" t="s">
        <v>233</v>
      </c>
      <c r="C34" s="21" t="s">
        <v>262</v>
      </c>
      <c r="D34" s="21" t="s">
        <v>214</v>
      </c>
      <c r="E34" s="21" t="s">
        <v>630</v>
      </c>
      <c r="F34" s="21" t="s">
        <v>389</v>
      </c>
      <c r="G34" s="16">
        <v>6109573</v>
      </c>
      <c r="H34" s="16">
        <v>3139738</v>
      </c>
      <c r="I34" s="16">
        <v>1538218</v>
      </c>
      <c r="J34" s="22" t="s">
        <v>268</v>
      </c>
      <c r="K34" s="16">
        <v>22</v>
      </c>
      <c r="L34" s="16">
        <v>237728</v>
      </c>
      <c r="M34" s="16">
        <v>1300468</v>
      </c>
      <c r="N34" s="16">
        <v>1601520</v>
      </c>
      <c r="O34" s="22" t="s">
        <v>268</v>
      </c>
      <c r="P34" s="16">
        <v>519758</v>
      </c>
      <c r="Q34" s="22" t="s">
        <v>268</v>
      </c>
      <c r="R34" s="16">
        <v>632998</v>
      </c>
      <c r="S34" s="16">
        <v>6647</v>
      </c>
      <c r="T34" s="16">
        <v>6134</v>
      </c>
      <c r="U34" s="16">
        <v>35584</v>
      </c>
      <c r="V34" s="16">
        <v>99647</v>
      </c>
      <c r="W34" s="16">
        <v>27780</v>
      </c>
      <c r="X34" s="16">
        <v>272972</v>
      </c>
      <c r="Y34" s="16">
        <v>37779</v>
      </c>
      <c r="Z34" s="16">
        <v>2932056</v>
      </c>
      <c r="AA34" s="22" t="s">
        <v>268</v>
      </c>
      <c r="AB34" s="16">
        <v>971712</v>
      </c>
      <c r="AC34" s="22" t="s">
        <v>268</v>
      </c>
      <c r="AD34" s="16">
        <v>2932056</v>
      </c>
    </row>
    <row r="35" spans="1:30">
      <c r="A35" s="21" t="s">
        <v>232</v>
      </c>
      <c r="B35" s="21" t="s">
        <v>233</v>
      </c>
      <c r="C35" s="21" t="s">
        <v>262</v>
      </c>
      <c r="D35" s="21" t="s">
        <v>214</v>
      </c>
      <c r="E35" s="21" t="s">
        <v>630</v>
      </c>
      <c r="F35" s="21" t="s">
        <v>390</v>
      </c>
      <c r="G35" s="16">
        <v>2643586</v>
      </c>
      <c r="H35" s="16">
        <v>1547372</v>
      </c>
      <c r="I35" s="16">
        <v>627659</v>
      </c>
      <c r="J35" s="22" t="s">
        <v>268</v>
      </c>
      <c r="K35" s="22" t="s">
        <v>268</v>
      </c>
      <c r="L35" s="16">
        <v>94324</v>
      </c>
      <c r="M35" s="16">
        <v>533335</v>
      </c>
      <c r="N35" s="16">
        <v>919713</v>
      </c>
      <c r="O35" s="22" t="s">
        <v>268</v>
      </c>
      <c r="P35" s="16">
        <v>372848</v>
      </c>
      <c r="Q35" s="22" t="s">
        <v>268</v>
      </c>
      <c r="R35" s="16">
        <v>318338</v>
      </c>
      <c r="S35" s="16">
        <v>3443</v>
      </c>
      <c r="T35" s="16">
        <v>4016</v>
      </c>
      <c r="U35" s="16">
        <v>23641</v>
      </c>
      <c r="V35" s="16">
        <v>70646</v>
      </c>
      <c r="W35" s="16">
        <v>7307</v>
      </c>
      <c r="X35" s="16">
        <v>119474</v>
      </c>
      <c r="Y35" s="16">
        <v>11354</v>
      </c>
      <c r="Z35" s="16">
        <v>1084860</v>
      </c>
      <c r="AA35" s="22" t="s">
        <v>268</v>
      </c>
      <c r="AB35" s="16">
        <v>502427</v>
      </c>
      <c r="AC35" s="22" t="s">
        <v>268</v>
      </c>
      <c r="AD35" s="16">
        <v>1084860</v>
      </c>
    </row>
    <row r="36" spans="1:30">
      <c r="A36" s="21" t="s">
        <v>232</v>
      </c>
      <c r="B36" s="21" t="s">
        <v>233</v>
      </c>
      <c r="C36" s="21" t="s">
        <v>262</v>
      </c>
      <c r="D36" s="21" t="s">
        <v>214</v>
      </c>
      <c r="E36" s="21" t="s">
        <v>630</v>
      </c>
      <c r="F36" s="21" t="s">
        <v>391</v>
      </c>
      <c r="G36" s="16">
        <v>5554476</v>
      </c>
      <c r="H36" s="16">
        <v>3222629</v>
      </c>
      <c r="I36" s="16">
        <v>2376976</v>
      </c>
      <c r="J36" s="22" t="s">
        <v>268</v>
      </c>
      <c r="K36" s="16">
        <v>231170</v>
      </c>
      <c r="L36" s="16">
        <v>298190</v>
      </c>
      <c r="M36" s="16">
        <v>1847616</v>
      </c>
      <c r="N36" s="16">
        <v>845653</v>
      </c>
      <c r="O36" s="22" t="s">
        <v>268</v>
      </c>
      <c r="P36" s="16">
        <v>18784</v>
      </c>
      <c r="Q36" s="16">
        <v>1498</v>
      </c>
      <c r="R36" s="16">
        <v>105705</v>
      </c>
      <c r="S36" s="16">
        <v>6190</v>
      </c>
      <c r="T36" s="16">
        <v>212663</v>
      </c>
      <c r="U36" s="16">
        <v>13559</v>
      </c>
      <c r="V36" s="16">
        <v>47515</v>
      </c>
      <c r="W36" s="16">
        <v>46545</v>
      </c>
      <c r="X36" s="16">
        <v>393194</v>
      </c>
      <c r="Y36" s="16">
        <v>149264</v>
      </c>
      <c r="Z36" s="16">
        <v>2182583</v>
      </c>
      <c r="AA36" s="22" t="s">
        <v>268</v>
      </c>
      <c r="AB36" s="16">
        <v>719101</v>
      </c>
      <c r="AC36" s="22" t="s">
        <v>268</v>
      </c>
      <c r="AD36" s="16">
        <v>659983</v>
      </c>
    </row>
    <row r="37" spans="1:30">
      <c r="A37" s="21" t="s">
        <v>232</v>
      </c>
      <c r="B37" s="21" t="s">
        <v>233</v>
      </c>
      <c r="C37" s="21" t="s">
        <v>262</v>
      </c>
      <c r="D37" s="21" t="s">
        <v>215</v>
      </c>
      <c r="E37" s="21" t="s">
        <v>630</v>
      </c>
      <c r="F37" s="21" t="s">
        <v>401</v>
      </c>
      <c r="G37" s="16">
        <v>3378450</v>
      </c>
      <c r="H37" s="16">
        <v>1416688</v>
      </c>
      <c r="I37" s="16">
        <v>944815</v>
      </c>
      <c r="J37" s="22" t="s">
        <v>268</v>
      </c>
      <c r="K37" s="16">
        <v>141249</v>
      </c>
      <c r="L37" s="16">
        <v>585404</v>
      </c>
      <c r="M37" s="16">
        <v>218162</v>
      </c>
      <c r="N37" s="16">
        <v>471873</v>
      </c>
      <c r="O37" s="22" t="s">
        <v>268</v>
      </c>
      <c r="P37" s="16">
        <v>68090</v>
      </c>
      <c r="Q37" s="16">
        <v>1118</v>
      </c>
      <c r="R37" s="16">
        <v>134665</v>
      </c>
      <c r="S37" s="16">
        <v>4190</v>
      </c>
      <c r="T37" s="16">
        <v>47634</v>
      </c>
      <c r="U37" s="16">
        <v>11456</v>
      </c>
      <c r="V37" s="16">
        <v>24631</v>
      </c>
      <c r="W37" s="16">
        <v>34805</v>
      </c>
      <c r="X37" s="16">
        <v>145284</v>
      </c>
      <c r="Y37" s="16">
        <v>92943</v>
      </c>
      <c r="Z37" s="16">
        <v>1868819</v>
      </c>
      <c r="AA37" s="22" t="s">
        <v>268</v>
      </c>
      <c r="AB37" s="16">
        <v>332770</v>
      </c>
      <c r="AC37" s="22" t="s">
        <v>268</v>
      </c>
      <c r="AD37" s="16">
        <v>1144629</v>
      </c>
    </row>
    <row r="38" spans="1:30">
      <c r="A38" s="21" t="s">
        <v>232</v>
      </c>
      <c r="B38" s="21" t="s">
        <v>233</v>
      </c>
      <c r="C38" s="21" t="s">
        <v>262</v>
      </c>
      <c r="D38" s="21" t="s">
        <v>215</v>
      </c>
      <c r="E38" s="21" t="s">
        <v>630</v>
      </c>
      <c r="F38" s="21" t="s">
        <v>405</v>
      </c>
      <c r="G38" s="16">
        <v>646</v>
      </c>
      <c r="H38" s="16">
        <v>458</v>
      </c>
      <c r="I38" s="16">
        <v>337</v>
      </c>
      <c r="J38" s="22" t="s">
        <v>268</v>
      </c>
      <c r="K38" s="16">
        <v>58</v>
      </c>
      <c r="L38" s="16">
        <v>54</v>
      </c>
      <c r="M38" s="16">
        <v>225</v>
      </c>
      <c r="N38" s="16">
        <v>121</v>
      </c>
      <c r="O38" s="22" t="s">
        <v>268</v>
      </c>
      <c r="P38" s="22" t="s">
        <v>268</v>
      </c>
      <c r="Q38" s="16">
        <v>1</v>
      </c>
      <c r="R38" s="16">
        <v>8</v>
      </c>
      <c r="S38" s="16">
        <v>11</v>
      </c>
      <c r="T38" s="16">
        <v>31</v>
      </c>
      <c r="U38" s="16">
        <v>3</v>
      </c>
      <c r="V38" s="16">
        <v>3</v>
      </c>
      <c r="W38" s="16">
        <v>3</v>
      </c>
      <c r="X38" s="16">
        <v>61</v>
      </c>
      <c r="Y38" s="16">
        <v>11</v>
      </c>
      <c r="Z38" s="16">
        <v>177</v>
      </c>
      <c r="AA38" s="22" t="s">
        <v>268</v>
      </c>
      <c r="AB38" s="16">
        <v>77</v>
      </c>
      <c r="AC38" s="22" t="s">
        <v>268</v>
      </c>
      <c r="AD38" s="22" t="s">
        <v>268</v>
      </c>
    </row>
    <row r="39" spans="1:30">
      <c r="A39" s="21" t="s">
        <v>232</v>
      </c>
      <c r="B39" s="21" t="s">
        <v>233</v>
      </c>
      <c r="C39" s="21" t="s">
        <v>262</v>
      </c>
      <c r="D39" s="21" t="s">
        <v>215</v>
      </c>
      <c r="E39" s="21" t="s">
        <v>630</v>
      </c>
      <c r="F39" s="21" t="s">
        <v>406</v>
      </c>
      <c r="G39" s="16">
        <v>5891</v>
      </c>
      <c r="H39" s="16">
        <v>4010</v>
      </c>
      <c r="I39" s="16">
        <v>2594</v>
      </c>
      <c r="J39" s="22" t="s">
        <v>268</v>
      </c>
      <c r="K39" s="16">
        <v>1161</v>
      </c>
      <c r="L39" s="16">
        <v>461</v>
      </c>
      <c r="M39" s="16">
        <v>972</v>
      </c>
      <c r="N39" s="16">
        <v>1416</v>
      </c>
      <c r="O39" s="22" t="s">
        <v>268</v>
      </c>
      <c r="P39" s="22" t="s">
        <v>268</v>
      </c>
      <c r="Q39" s="16">
        <v>70</v>
      </c>
      <c r="R39" s="16">
        <v>176</v>
      </c>
      <c r="S39" s="16">
        <v>68</v>
      </c>
      <c r="T39" s="16">
        <v>383</v>
      </c>
      <c r="U39" s="16">
        <v>19</v>
      </c>
      <c r="V39" s="16">
        <v>114</v>
      </c>
      <c r="W39" s="16">
        <v>39</v>
      </c>
      <c r="X39" s="16">
        <v>547</v>
      </c>
      <c r="Y39" s="16">
        <v>267</v>
      </c>
      <c r="Z39" s="16">
        <v>1614</v>
      </c>
      <c r="AA39" s="22" t="s">
        <v>268</v>
      </c>
      <c r="AB39" s="16">
        <v>1152</v>
      </c>
      <c r="AC39" s="22" t="s">
        <v>268</v>
      </c>
      <c r="AD39" s="22" t="s">
        <v>268</v>
      </c>
    </row>
    <row r="40" spans="1:30">
      <c r="A40" s="21" t="s">
        <v>232</v>
      </c>
      <c r="B40" s="21" t="s">
        <v>233</v>
      </c>
      <c r="C40" s="21" t="s">
        <v>262</v>
      </c>
      <c r="D40" s="21" t="s">
        <v>215</v>
      </c>
      <c r="E40" s="21" t="s">
        <v>630</v>
      </c>
      <c r="F40" s="21" t="s">
        <v>407</v>
      </c>
      <c r="G40" s="16">
        <v>23154</v>
      </c>
      <c r="H40" s="16">
        <v>13382</v>
      </c>
      <c r="I40" s="16">
        <v>8485</v>
      </c>
      <c r="J40" s="22" t="s">
        <v>268</v>
      </c>
      <c r="K40" s="16">
        <v>4293</v>
      </c>
      <c r="L40" s="16">
        <v>1723</v>
      </c>
      <c r="M40" s="16">
        <v>2469</v>
      </c>
      <c r="N40" s="16">
        <v>4897</v>
      </c>
      <c r="O40" s="22" t="s">
        <v>268</v>
      </c>
      <c r="P40" s="22" t="s">
        <v>268</v>
      </c>
      <c r="Q40" s="16">
        <v>272</v>
      </c>
      <c r="R40" s="16">
        <v>972</v>
      </c>
      <c r="S40" s="16">
        <v>138</v>
      </c>
      <c r="T40" s="16">
        <v>1312</v>
      </c>
      <c r="U40" s="16">
        <v>57</v>
      </c>
      <c r="V40" s="16">
        <v>424</v>
      </c>
      <c r="W40" s="16">
        <v>121</v>
      </c>
      <c r="X40" s="16">
        <v>1601</v>
      </c>
      <c r="Y40" s="16">
        <v>1208</v>
      </c>
      <c r="Z40" s="16">
        <v>8564</v>
      </c>
      <c r="AA40" s="22" t="s">
        <v>268</v>
      </c>
      <c r="AB40" s="16">
        <v>4257</v>
      </c>
      <c r="AC40" s="22" t="s">
        <v>268</v>
      </c>
      <c r="AD40" s="22" t="s">
        <v>268</v>
      </c>
    </row>
    <row r="41" spans="1:30">
      <c r="A41" s="21" t="s">
        <v>232</v>
      </c>
      <c r="B41" s="21" t="s">
        <v>233</v>
      </c>
      <c r="C41" s="21" t="s">
        <v>262</v>
      </c>
      <c r="D41" s="21" t="s">
        <v>215</v>
      </c>
      <c r="E41" s="21" t="s">
        <v>630</v>
      </c>
      <c r="F41" s="21" t="s">
        <v>408</v>
      </c>
      <c r="G41" s="16">
        <v>55663</v>
      </c>
      <c r="H41" s="16">
        <v>29125</v>
      </c>
      <c r="I41" s="16">
        <v>19560</v>
      </c>
      <c r="J41" s="22" t="s">
        <v>268</v>
      </c>
      <c r="K41" s="16">
        <v>9652</v>
      </c>
      <c r="L41" s="16">
        <v>4720</v>
      </c>
      <c r="M41" s="16">
        <v>5188</v>
      </c>
      <c r="N41" s="16">
        <v>9565</v>
      </c>
      <c r="O41" s="22" t="s">
        <v>268</v>
      </c>
      <c r="P41" s="22" t="s">
        <v>268</v>
      </c>
      <c r="Q41" s="16">
        <v>393</v>
      </c>
      <c r="R41" s="16">
        <v>1966</v>
      </c>
      <c r="S41" s="16">
        <v>148</v>
      </c>
      <c r="T41" s="16">
        <v>2626</v>
      </c>
      <c r="U41" s="16">
        <v>83</v>
      </c>
      <c r="V41" s="16">
        <v>1056</v>
      </c>
      <c r="W41" s="16">
        <v>247</v>
      </c>
      <c r="X41" s="16">
        <v>3046</v>
      </c>
      <c r="Y41" s="16">
        <v>2646</v>
      </c>
      <c r="Z41" s="16">
        <v>23892</v>
      </c>
      <c r="AA41" s="22" t="s">
        <v>268</v>
      </c>
      <c r="AB41" s="16">
        <v>8502</v>
      </c>
      <c r="AC41" s="22" t="s">
        <v>268</v>
      </c>
      <c r="AD41" s="22" t="s">
        <v>268</v>
      </c>
    </row>
    <row r="42" spans="1:30">
      <c r="A42" s="21" t="s">
        <v>232</v>
      </c>
      <c r="B42" s="21" t="s">
        <v>233</v>
      </c>
      <c r="C42" s="21" t="s">
        <v>262</v>
      </c>
      <c r="D42" s="21" t="s">
        <v>215</v>
      </c>
      <c r="E42" s="21" t="s">
        <v>630</v>
      </c>
      <c r="F42" s="21" t="s">
        <v>409</v>
      </c>
      <c r="G42" s="16">
        <v>100664</v>
      </c>
      <c r="H42" s="16">
        <v>53571</v>
      </c>
      <c r="I42" s="16">
        <v>38249</v>
      </c>
      <c r="J42" s="22" t="s">
        <v>268</v>
      </c>
      <c r="K42" s="16">
        <v>17537</v>
      </c>
      <c r="L42" s="16">
        <v>11266</v>
      </c>
      <c r="M42" s="16">
        <v>9446</v>
      </c>
      <c r="N42" s="16">
        <v>15322</v>
      </c>
      <c r="O42" s="22" t="s">
        <v>268</v>
      </c>
      <c r="P42" s="16">
        <v>1</v>
      </c>
      <c r="Q42" s="16">
        <v>271</v>
      </c>
      <c r="R42" s="16">
        <v>2437</v>
      </c>
      <c r="S42" s="16">
        <v>139</v>
      </c>
      <c r="T42" s="16">
        <v>5506</v>
      </c>
      <c r="U42" s="16">
        <v>164</v>
      </c>
      <c r="V42" s="16">
        <v>1487</v>
      </c>
      <c r="W42" s="16">
        <v>405</v>
      </c>
      <c r="X42" s="16">
        <v>4912</v>
      </c>
      <c r="Y42" s="16">
        <v>4210</v>
      </c>
      <c r="Z42" s="16">
        <v>42883</v>
      </c>
      <c r="AA42" s="22" t="s">
        <v>268</v>
      </c>
      <c r="AB42" s="16">
        <v>13713</v>
      </c>
      <c r="AC42" s="22" t="s">
        <v>268</v>
      </c>
      <c r="AD42" s="22" t="s">
        <v>268</v>
      </c>
    </row>
    <row r="43" spans="1:30">
      <c r="A43" s="21" t="s">
        <v>232</v>
      </c>
      <c r="B43" s="21" t="s">
        <v>233</v>
      </c>
      <c r="C43" s="21" t="s">
        <v>262</v>
      </c>
      <c r="D43" s="21" t="s">
        <v>215</v>
      </c>
      <c r="E43" s="21" t="s">
        <v>630</v>
      </c>
      <c r="F43" s="21" t="s">
        <v>410</v>
      </c>
      <c r="G43" s="16">
        <v>159518</v>
      </c>
      <c r="H43" s="16">
        <v>86269</v>
      </c>
      <c r="I43" s="16">
        <v>65139</v>
      </c>
      <c r="J43" s="22" t="s">
        <v>268</v>
      </c>
      <c r="K43" s="16">
        <v>25924</v>
      </c>
      <c r="L43" s="16">
        <v>22496</v>
      </c>
      <c r="M43" s="16">
        <v>16719</v>
      </c>
      <c r="N43" s="16">
        <v>21130</v>
      </c>
      <c r="O43" s="22" t="s">
        <v>268</v>
      </c>
      <c r="P43" s="16">
        <v>11</v>
      </c>
      <c r="Q43" s="16">
        <v>85</v>
      </c>
      <c r="R43" s="16">
        <v>1837</v>
      </c>
      <c r="S43" s="16">
        <v>132</v>
      </c>
      <c r="T43" s="16">
        <v>8962</v>
      </c>
      <c r="U43" s="16">
        <v>180</v>
      </c>
      <c r="V43" s="16">
        <v>1480</v>
      </c>
      <c r="W43" s="16">
        <v>593</v>
      </c>
      <c r="X43" s="16">
        <v>7850</v>
      </c>
      <c r="Y43" s="16">
        <v>6061</v>
      </c>
      <c r="Z43" s="16">
        <v>67188</v>
      </c>
      <c r="AA43" s="22" t="s">
        <v>268</v>
      </c>
      <c r="AB43" s="16">
        <v>19027</v>
      </c>
      <c r="AC43" s="22" t="s">
        <v>268</v>
      </c>
      <c r="AD43" s="22" t="s">
        <v>268</v>
      </c>
    </row>
    <row r="44" spans="1:30">
      <c r="A44" s="21" t="s">
        <v>232</v>
      </c>
      <c r="B44" s="21" t="s">
        <v>233</v>
      </c>
      <c r="C44" s="21" t="s">
        <v>262</v>
      </c>
      <c r="D44" s="21" t="s">
        <v>215</v>
      </c>
      <c r="E44" s="21" t="s">
        <v>630</v>
      </c>
      <c r="F44" s="21" t="s">
        <v>411</v>
      </c>
      <c r="G44" s="16">
        <v>248708</v>
      </c>
      <c r="H44" s="16">
        <v>129358</v>
      </c>
      <c r="I44" s="16">
        <v>101709</v>
      </c>
      <c r="J44" s="22" t="s">
        <v>268</v>
      </c>
      <c r="K44" s="16">
        <v>32701</v>
      </c>
      <c r="L44" s="16">
        <v>38418</v>
      </c>
      <c r="M44" s="16">
        <v>30590</v>
      </c>
      <c r="N44" s="16">
        <v>27649</v>
      </c>
      <c r="O44" s="22" t="s">
        <v>268</v>
      </c>
      <c r="P44" s="16">
        <v>68</v>
      </c>
      <c r="Q44" s="16">
        <v>26</v>
      </c>
      <c r="R44" s="16">
        <v>1020</v>
      </c>
      <c r="S44" s="16">
        <v>186</v>
      </c>
      <c r="T44" s="16">
        <v>11301</v>
      </c>
      <c r="U44" s="16">
        <v>411</v>
      </c>
      <c r="V44" s="16">
        <v>1167</v>
      </c>
      <c r="W44" s="16">
        <v>1327</v>
      </c>
      <c r="X44" s="16">
        <v>12143</v>
      </c>
      <c r="Y44" s="16">
        <v>9679</v>
      </c>
      <c r="Z44" s="16">
        <v>109671</v>
      </c>
      <c r="AA44" s="22" t="s">
        <v>268</v>
      </c>
      <c r="AB44" s="16">
        <v>24162</v>
      </c>
      <c r="AC44" s="22" t="s">
        <v>268</v>
      </c>
      <c r="AD44" s="22" t="s">
        <v>268</v>
      </c>
    </row>
    <row r="45" spans="1:30">
      <c r="A45" s="21" t="s">
        <v>232</v>
      </c>
      <c r="B45" s="21" t="s">
        <v>233</v>
      </c>
      <c r="C45" s="21" t="s">
        <v>262</v>
      </c>
      <c r="D45" s="21" t="s">
        <v>215</v>
      </c>
      <c r="E45" s="21" t="s">
        <v>630</v>
      </c>
      <c r="F45" s="21" t="s">
        <v>412</v>
      </c>
      <c r="G45" s="16">
        <v>281924</v>
      </c>
      <c r="H45" s="16">
        <v>138174</v>
      </c>
      <c r="I45" s="16">
        <v>110170</v>
      </c>
      <c r="J45" s="22" t="s">
        <v>268</v>
      </c>
      <c r="K45" s="16">
        <v>26336</v>
      </c>
      <c r="L45" s="16">
        <v>43665</v>
      </c>
      <c r="M45" s="16">
        <v>40169</v>
      </c>
      <c r="N45" s="16">
        <v>28004</v>
      </c>
      <c r="O45" s="22" t="s">
        <v>268</v>
      </c>
      <c r="P45" s="16">
        <v>141</v>
      </c>
      <c r="Q45" s="22" t="s">
        <v>268</v>
      </c>
      <c r="R45" s="16">
        <v>646</v>
      </c>
      <c r="S45" s="16">
        <v>227</v>
      </c>
      <c r="T45" s="16">
        <v>8493</v>
      </c>
      <c r="U45" s="16">
        <v>617</v>
      </c>
      <c r="V45" s="16">
        <v>993</v>
      </c>
      <c r="W45" s="16">
        <v>2129</v>
      </c>
      <c r="X45" s="16">
        <v>14758</v>
      </c>
      <c r="Y45" s="16">
        <v>11023</v>
      </c>
      <c r="Z45" s="16">
        <v>132727</v>
      </c>
      <c r="AA45" s="22" t="s">
        <v>268</v>
      </c>
      <c r="AB45" s="16">
        <v>23381</v>
      </c>
      <c r="AC45" s="22" t="s">
        <v>268</v>
      </c>
      <c r="AD45" s="22" t="s">
        <v>268</v>
      </c>
    </row>
    <row r="46" spans="1:30">
      <c r="A46" s="21" t="s">
        <v>232</v>
      </c>
      <c r="B46" s="21" t="s">
        <v>233</v>
      </c>
      <c r="C46" s="21" t="s">
        <v>262</v>
      </c>
      <c r="D46" s="21" t="s">
        <v>215</v>
      </c>
      <c r="E46" s="21" t="s">
        <v>630</v>
      </c>
      <c r="F46" s="21" t="s">
        <v>413</v>
      </c>
      <c r="G46" s="16">
        <v>301371</v>
      </c>
      <c r="H46" s="16">
        <v>133585</v>
      </c>
      <c r="I46" s="16">
        <v>104970</v>
      </c>
      <c r="J46" s="22" t="s">
        <v>268</v>
      </c>
      <c r="K46" s="16">
        <v>15541</v>
      </c>
      <c r="L46" s="16">
        <v>45345</v>
      </c>
      <c r="M46" s="16">
        <v>44084</v>
      </c>
      <c r="N46" s="16">
        <v>28615</v>
      </c>
      <c r="O46" s="22" t="s">
        <v>268</v>
      </c>
      <c r="P46" s="16">
        <v>357</v>
      </c>
      <c r="Q46" s="22" t="s">
        <v>268</v>
      </c>
      <c r="R46" s="16">
        <v>1361</v>
      </c>
      <c r="S46" s="16">
        <v>290</v>
      </c>
      <c r="T46" s="16">
        <v>4943</v>
      </c>
      <c r="U46" s="16">
        <v>862</v>
      </c>
      <c r="V46" s="16">
        <v>1164</v>
      </c>
      <c r="W46" s="16">
        <v>3369</v>
      </c>
      <c r="X46" s="16">
        <v>16269</v>
      </c>
      <c r="Y46" s="16">
        <v>10822</v>
      </c>
      <c r="Z46" s="16">
        <v>156964</v>
      </c>
      <c r="AA46" s="22" t="s">
        <v>268</v>
      </c>
      <c r="AB46" s="16">
        <v>22162</v>
      </c>
      <c r="AC46" s="22" t="s">
        <v>268</v>
      </c>
      <c r="AD46" s="22" t="s">
        <v>268</v>
      </c>
    </row>
    <row r="47" spans="1:30">
      <c r="A47" s="21" t="s">
        <v>232</v>
      </c>
      <c r="B47" s="21" t="s">
        <v>233</v>
      </c>
      <c r="C47" s="21" t="s">
        <v>262</v>
      </c>
      <c r="D47" s="21" t="s">
        <v>215</v>
      </c>
      <c r="E47" s="21" t="s">
        <v>630</v>
      </c>
      <c r="F47" s="21" t="s">
        <v>414</v>
      </c>
      <c r="G47" s="16">
        <v>309745</v>
      </c>
      <c r="H47" s="16">
        <v>118867</v>
      </c>
      <c r="I47" s="16">
        <v>89495</v>
      </c>
      <c r="J47" s="22" t="s">
        <v>268</v>
      </c>
      <c r="K47" s="16">
        <v>6280</v>
      </c>
      <c r="L47" s="16">
        <v>46609</v>
      </c>
      <c r="M47" s="16">
        <v>36606</v>
      </c>
      <c r="N47" s="16">
        <v>29372</v>
      </c>
      <c r="O47" s="22" t="s">
        <v>268</v>
      </c>
      <c r="P47" s="16">
        <v>751</v>
      </c>
      <c r="Q47" s="22" t="s">
        <v>268</v>
      </c>
      <c r="R47" s="16">
        <v>3249</v>
      </c>
      <c r="S47" s="16">
        <v>416</v>
      </c>
      <c r="T47" s="16">
        <v>2148</v>
      </c>
      <c r="U47" s="16">
        <v>869</v>
      </c>
      <c r="V47" s="16">
        <v>1678</v>
      </c>
      <c r="W47" s="16">
        <v>5241</v>
      </c>
      <c r="X47" s="16">
        <v>15020</v>
      </c>
      <c r="Y47" s="16">
        <v>10368</v>
      </c>
      <c r="Z47" s="16">
        <v>180510</v>
      </c>
      <c r="AA47" s="22" t="s">
        <v>268</v>
      </c>
      <c r="AB47" s="16">
        <v>20233</v>
      </c>
      <c r="AC47" s="22" t="s">
        <v>268</v>
      </c>
      <c r="AD47" s="22" t="s">
        <v>268</v>
      </c>
    </row>
    <row r="48" spans="1:30">
      <c r="A48" s="21" t="s">
        <v>232</v>
      </c>
      <c r="B48" s="21" t="s">
        <v>233</v>
      </c>
      <c r="C48" s="21" t="s">
        <v>262</v>
      </c>
      <c r="D48" s="21" t="s">
        <v>215</v>
      </c>
      <c r="E48" s="21" t="s">
        <v>630</v>
      </c>
      <c r="F48" s="21" t="s">
        <v>415</v>
      </c>
      <c r="G48" s="16">
        <v>365939</v>
      </c>
      <c r="H48" s="16">
        <v>116700</v>
      </c>
      <c r="I48" s="16">
        <v>80657</v>
      </c>
      <c r="J48" s="22" t="s">
        <v>268</v>
      </c>
      <c r="K48" s="16">
        <v>1512</v>
      </c>
      <c r="L48" s="16">
        <v>57540</v>
      </c>
      <c r="M48" s="16">
        <v>21605</v>
      </c>
      <c r="N48" s="16">
        <v>36043</v>
      </c>
      <c r="O48" s="22" t="s">
        <v>268</v>
      </c>
      <c r="P48" s="16">
        <v>1689</v>
      </c>
      <c r="Q48" s="22" t="s">
        <v>268</v>
      </c>
      <c r="R48" s="16">
        <v>8957</v>
      </c>
      <c r="S48" s="16">
        <v>590</v>
      </c>
      <c r="T48" s="16">
        <v>825</v>
      </c>
      <c r="U48" s="16">
        <v>726</v>
      </c>
      <c r="V48" s="16">
        <v>2173</v>
      </c>
      <c r="W48" s="16">
        <v>7044</v>
      </c>
      <c r="X48" s="16">
        <v>14039</v>
      </c>
      <c r="Y48" s="16">
        <v>11171</v>
      </c>
      <c r="Z48" s="16">
        <v>238068</v>
      </c>
      <c r="AA48" s="22" t="s">
        <v>268</v>
      </c>
      <c r="AB48" s="16">
        <v>23206</v>
      </c>
      <c r="AC48" s="22" t="s">
        <v>268</v>
      </c>
      <c r="AD48" s="16">
        <v>238068</v>
      </c>
    </row>
    <row r="49" spans="1:30">
      <c r="A49" s="21" t="s">
        <v>232</v>
      </c>
      <c r="B49" s="21" t="s">
        <v>233</v>
      </c>
      <c r="C49" s="21" t="s">
        <v>262</v>
      </c>
      <c r="D49" s="21" t="s">
        <v>215</v>
      </c>
      <c r="E49" s="21" t="s">
        <v>630</v>
      </c>
      <c r="F49" s="21" t="s">
        <v>416</v>
      </c>
      <c r="G49" s="16">
        <v>437104</v>
      </c>
      <c r="H49" s="16">
        <v>130867</v>
      </c>
      <c r="I49" s="16">
        <v>84568</v>
      </c>
      <c r="J49" s="22" t="s">
        <v>268</v>
      </c>
      <c r="K49" s="16">
        <v>247</v>
      </c>
      <c r="L49" s="16">
        <v>75486</v>
      </c>
      <c r="M49" s="16">
        <v>8835</v>
      </c>
      <c r="N49" s="16">
        <v>46299</v>
      </c>
      <c r="O49" s="22" t="s">
        <v>268</v>
      </c>
      <c r="P49" s="16">
        <v>3446</v>
      </c>
      <c r="Q49" s="22" t="s">
        <v>268</v>
      </c>
      <c r="R49" s="16">
        <v>17603</v>
      </c>
      <c r="S49" s="16">
        <v>566</v>
      </c>
      <c r="T49" s="16">
        <v>323</v>
      </c>
      <c r="U49" s="16">
        <v>659</v>
      </c>
      <c r="V49" s="16">
        <v>2193</v>
      </c>
      <c r="W49" s="16">
        <v>7160</v>
      </c>
      <c r="X49" s="16">
        <v>14349</v>
      </c>
      <c r="Y49" s="16">
        <v>11549</v>
      </c>
      <c r="Z49" s="16">
        <v>294688</v>
      </c>
      <c r="AA49" s="22" t="s">
        <v>268</v>
      </c>
      <c r="AB49" s="16">
        <v>30849</v>
      </c>
      <c r="AC49" s="22" t="s">
        <v>268</v>
      </c>
      <c r="AD49" s="16">
        <v>294688</v>
      </c>
    </row>
    <row r="50" spans="1:30">
      <c r="A50" s="21" t="s">
        <v>232</v>
      </c>
      <c r="B50" s="21" t="s">
        <v>233</v>
      </c>
      <c r="C50" s="21" t="s">
        <v>262</v>
      </c>
      <c r="D50" s="21" t="s">
        <v>215</v>
      </c>
      <c r="E50" s="21" t="s">
        <v>630</v>
      </c>
      <c r="F50" s="21" t="s">
        <v>417</v>
      </c>
      <c r="G50" s="16">
        <v>352621</v>
      </c>
      <c r="H50" s="16">
        <v>119679</v>
      </c>
      <c r="I50" s="16">
        <v>73929</v>
      </c>
      <c r="J50" s="22" t="s">
        <v>268</v>
      </c>
      <c r="K50" s="16">
        <v>6</v>
      </c>
      <c r="L50" s="16">
        <v>72808</v>
      </c>
      <c r="M50" s="16">
        <v>1115</v>
      </c>
      <c r="N50" s="16">
        <v>45750</v>
      </c>
      <c r="O50" s="22" t="s">
        <v>268</v>
      </c>
      <c r="P50" s="16">
        <v>5672</v>
      </c>
      <c r="Q50" s="22" t="s">
        <v>268</v>
      </c>
      <c r="R50" s="16">
        <v>21573</v>
      </c>
      <c r="S50" s="16">
        <v>417</v>
      </c>
      <c r="T50" s="16">
        <v>203</v>
      </c>
      <c r="U50" s="16">
        <v>720</v>
      </c>
      <c r="V50" s="16">
        <v>1665</v>
      </c>
      <c r="W50" s="16">
        <v>3721</v>
      </c>
      <c r="X50" s="16">
        <v>11779</v>
      </c>
      <c r="Y50" s="16">
        <v>7022</v>
      </c>
      <c r="Z50" s="16">
        <v>225920</v>
      </c>
      <c r="AA50" s="22" t="s">
        <v>268</v>
      </c>
      <c r="AB50" s="16">
        <v>32461</v>
      </c>
      <c r="AC50" s="22" t="s">
        <v>268</v>
      </c>
      <c r="AD50" s="16">
        <v>225920</v>
      </c>
    </row>
    <row r="51" spans="1:30">
      <c r="A51" s="21" t="s">
        <v>232</v>
      </c>
      <c r="B51" s="21" t="s">
        <v>233</v>
      </c>
      <c r="C51" s="21" t="s">
        <v>262</v>
      </c>
      <c r="D51" s="21" t="s">
        <v>215</v>
      </c>
      <c r="E51" s="21" t="s">
        <v>630</v>
      </c>
      <c r="F51" s="21" t="s">
        <v>418</v>
      </c>
      <c r="G51" s="16">
        <v>308008</v>
      </c>
      <c r="H51" s="16">
        <v>124289</v>
      </c>
      <c r="I51" s="16">
        <v>70607</v>
      </c>
      <c r="J51" s="22" t="s">
        <v>268</v>
      </c>
      <c r="K51" s="16">
        <v>1</v>
      </c>
      <c r="L51" s="16">
        <v>70490</v>
      </c>
      <c r="M51" s="16">
        <v>116</v>
      </c>
      <c r="N51" s="16">
        <v>53682</v>
      </c>
      <c r="O51" s="22" t="s">
        <v>268</v>
      </c>
      <c r="P51" s="16">
        <v>10780</v>
      </c>
      <c r="Q51" s="22" t="s">
        <v>268</v>
      </c>
      <c r="R51" s="16">
        <v>25480</v>
      </c>
      <c r="S51" s="16">
        <v>316</v>
      </c>
      <c r="T51" s="16">
        <v>151</v>
      </c>
      <c r="U51" s="16">
        <v>1272</v>
      </c>
      <c r="V51" s="16">
        <v>2028</v>
      </c>
      <c r="W51" s="16">
        <v>2067</v>
      </c>
      <c r="X51" s="16">
        <v>11588</v>
      </c>
      <c r="Y51" s="16">
        <v>3930</v>
      </c>
      <c r="Z51" s="16">
        <v>179789</v>
      </c>
      <c r="AA51" s="22" t="s">
        <v>268</v>
      </c>
      <c r="AB51" s="16">
        <v>37347</v>
      </c>
      <c r="AC51" s="22" t="s">
        <v>268</v>
      </c>
      <c r="AD51" s="16">
        <v>179789</v>
      </c>
    </row>
    <row r="52" spans="1:30">
      <c r="A52" s="21" t="s">
        <v>232</v>
      </c>
      <c r="B52" s="21" t="s">
        <v>233</v>
      </c>
      <c r="C52" s="21" t="s">
        <v>262</v>
      </c>
      <c r="D52" s="21" t="s">
        <v>215</v>
      </c>
      <c r="E52" s="21" t="s">
        <v>630</v>
      </c>
      <c r="F52" s="21" t="s">
        <v>419</v>
      </c>
      <c r="G52" s="16">
        <v>252357</v>
      </c>
      <c r="H52" s="16">
        <v>119178</v>
      </c>
      <c r="I52" s="16">
        <v>57239</v>
      </c>
      <c r="J52" s="22" t="s">
        <v>268</v>
      </c>
      <c r="K52" s="22" t="s">
        <v>268</v>
      </c>
      <c r="L52" s="16">
        <v>57220</v>
      </c>
      <c r="M52" s="16">
        <v>19</v>
      </c>
      <c r="N52" s="16">
        <v>61939</v>
      </c>
      <c r="O52" s="22" t="s">
        <v>268</v>
      </c>
      <c r="P52" s="16">
        <v>19404</v>
      </c>
      <c r="Q52" s="22" t="s">
        <v>268</v>
      </c>
      <c r="R52" s="16">
        <v>26104</v>
      </c>
      <c r="S52" s="16">
        <v>290</v>
      </c>
      <c r="T52" s="16">
        <v>196</v>
      </c>
      <c r="U52" s="16">
        <v>2104</v>
      </c>
      <c r="V52" s="16">
        <v>2876</v>
      </c>
      <c r="W52" s="16">
        <v>961</v>
      </c>
      <c r="X52" s="16">
        <v>10004</v>
      </c>
      <c r="Y52" s="16">
        <v>1961</v>
      </c>
      <c r="Z52" s="16">
        <v>131218</v>
      </c>
      <c r="AA52" s="22" t="s">
        <v>268</v>
      </c>
      <c r="AB52" s="16">
        <v>38561</v>
      </c>
      <c r="AC52" s="22" t="s">
        <v>268</v>
      </c>
      <c r="AD52" s="16">
        <v>131218</v>
      </c>
    </row>
    <row r="53" spans="1:30">
      <c r="A53" s="21" t="s">
        <v>232</v>
      </c>
      <c r="B53" s="21" t="s">
        <v>233</v>
      </c>
      <c r="C53" s="21" t="s">
        <v>262</v>
      </c>
      <c r="D53" s="21" t="s">
        <v>215</v>
      </c>
      <c r="E53" s="21" t="s">
        <v>630</v>
      </c>
      <c r="F53" s="21" t="s">
        <v>420</v>
      </c>
      <c r="G53" s="16">
        <v>136923</v>
      </c>
      <c r="H53" s="16">
        <v>75173</v>
      </c>
      <c r="I53" s="16">
        <v>29088</v>
      </c>
      <c r="J53" s="22" t="s">
        <v>268</v>
      </c>
      <c r="K53" s="22" t="s">
        <v>268</v>
      </c>
      <c r="L53" s="16">
        <v>29084</v>
      </c>
      <c r="M53" s="16">
        <v>4</v>
      </c>
      <c r="N53" s="16">
        <v>46085</v>
      </c>
      <c r="O53" s="22" t="s">
        <v>268</v>
      </c>
      <c r="P53" s="16">
        <v>18411</v>
      </c>
      <c r="Q53" s="22" t="s">
        <v>268</v>
      </c>
      <c r="R53" s="16">
        <v>16567</v>
      </c>
      <c r="S53" s="16">
        <v>206</v>
      </c>
      <c r="T53" s="16">
        <v>168</v>
      </c>
      <c r="U53" s="16">
        <v>1902</v>
      </c>
      <c r="V53" s="16">
        <v>2894</v>
      </c>
      <c r="W53" s="16">
        <v>305</v>
      </c>
      <c r="X53" s="16">
        <v>5632</v>
      </c>
      <c r="Y53" s="16">
        <v>800</v>
      </c>
      <c r="Z53" s="16">
        <v>60950</v>
      </c>
      <c r="AA53" s="22" t="s">
        <v>268</v>
      </c>
      <c r="AB53" s="16">
        <v>25627</v>
      </c>
      <c r="AC53" s="22" t="s">
        <v>268</v>
      </c>
      <c r="AD53" s="16">
        <v>60950</v>
      </c>
    </row>
    <row r="54" spans="1:30">
      <c r="A54" s="21" t="s">
        <v>232</v>
      </c>
      <c r="B54" s="21" t="s">
        <v>233</v>
      </c>
      <c r="C54" s="21" t="s">
        <v>262</v>
      </c>
      <c r="D54" s="21" t="s">
        <v>215</v>
      </c>
      <c r="E54" s="21" t="s">
        <v>630</v>
      </c>
      <c r="F54" s="21" t="s">
        <v>421</v>
      </c>
      <c r="G54" s="16">
        <v>34300</v>
      </c>
      <c r="H54" s="16">
        <v>21344</v>
      </c>
      <c r="I54" s="16">
        <v>7159</v>
      </c>
      <c r="J54" s="22" t="s">
        <v>268</v>
      </c>
      <c r="K54" s="22" t="s">
        <v>268</v>
      </c>
      <c r="L54" s="16">
        <v>7159</v>
      </c>
      <c r="M54" s="22" t="s">
        <v>268</v>
      </c>
      <c r="N54" s="16">
        <v>14185</v>
      </c>
      <c r="O54" s="22" t="s">
        <v>268</v>
      </c>
      <c r="P54" s="16">
        <v>6484</v>
      </c>
      <c r="Q54" s="22" t="s">
        <v>268</v>
      </c>
      <c r="R54" s="16">
        <v>4219</v>
      </c>
      <c r="S54" s="16">
        <v>46</v>
      </c>
      <c r="T54" s="16">
        <v>57</v>
      </c>
      <c r="U54" s="16">
        <v>723</v>
      </c>
      <c r="V54" s="16">
        <v>1075</v>
      </c>
      <c r="W54" s="16">
        <v>66</v>
      </c>
      <c r="X54" s="16">
        <v>1515</v>
      </c>
      <c r="Y54" s="16">
        <v>191</v>
      </c>
      <c r="Z54" s="16">
        <v>12765</v>
      </c>
      <c r="AA54" s="22" t="s">
        <v>268</v>
      </c>
      <c r="AB54" s="16">
        <v>7184</v>
      </c>
      <c r="AC54" s="22" t="s">
        <v>268</v>
      </c>
      <c r="AD54" s="16">
        <v>12765</v>
      </c>
    </row>
    <row r="55" spans="1:30">
      <c r="A55" s="21" t="s">
        <v>232</v>
      </c>
      <c r="B55" s="21" t="s">
        <v>233</v>
      </c>
      <c r="C55" s="21" t="s">
        <v>262</v>
      </c>
      <c r="D55" s="21" t="s">
        <v>215</v>
      </c>
      <c r="E55" s="21" t="s">
        <v>630</v>
      </c>
      <c r="F55" s="21" t="s">
        <v>422</v>
      </c>
      <c r="G55" s="16">
        <v>3914</v>
      </c>
      <c r="H55" s="16">
        <v>2659</v>
      </c>
      <c r="I55" s="16">
        <v>860</v>
      </c>
      <c r="J55" s="22" t="s">
        <v>268</v>
      </c>
      <c r="K55" s="22" t="s">
        <v>268</v>
      </c>
      <c r="L55" s="16">
        <v>860</v>
      </c>
      <c r="M55" s="22" t="s">
        <v>268</v>
      </c>
      <c r="N55" s="16">
        <v>1799</v>
      </c>
      <c r="O55" s="22" t="s">
        <v>268</v>
      </c>
      <c r="P55" s="16">
        <v>875</v>
      </c>
      <c r="Q55" s="22" t="s">
        <v>268</v>
      </c>
      <c r="R55" s="16">
        <v>490</v>
      </c>
      <c r="S55" s="16">
        <v>4</v>
      </c>
      <c r="T55" s="16">
        <v>6</v>
      </c>
      <c r="U55" s="16">
        <v>85</v>
      </c>
      <c r="V55" s="16">
        <v>161</v>
      </c>
      <c r="W55" s="16">
        <v>7</v>
      </c>
      <c r="X55" s="16">
        <v>171</v>
      </c>
      <c r="Y55" s="16">
        <v>24</v>
      </c>
      <c r="Z55" s="16">
        <v>1231</v>
      </c>
      <c r="AA55" s="22" t="s">
        <v>268</v>
      </c>
      <c r="AB55" s="16">
        <v>869</v>
      </c>
      <c r="AC55" s="22" t="s">
        <v>268</v>
      </c>
      <c r="AD55" s="16">
        <v>1231</v>
      </c>
    </row>
    <row r="56" spans="1:30">
      <c r="A56" s="21" t="s">
        <v>232</v>
      </c>
      <c r="B56" s="21" t="s">
        <v>233</v>
      </c>
      <c r="C56" s="21" t="s">
        <v>262</v>
      </c>
      <c r="D56" s="21" t="s">
        <v>215</v>
      </c>
      <c r="E56" s="21" t="s">
        <v>630</v>
      </c>
      <c r="F56" s="21" t="s">
        <v>423</v>
      </c>
      <c r="G56" s="22" t="s">
        <v>268</v>
      </c>
      <c r="H56" s="22" t="s">
        <v>268</v>
      </c>
      <c r="I56" s="22" t="s">
        <v>268</v>
      </c>
      <c r="J56" s="22" t="s">
        <v>268</v>
      </c>
      <c r="K56" s="22" t="s">
        <v>268</v>
      </c>
      <c r="L56" s="22" t="s">
        <v>268</v>
      </c>
      <c r="M56" s="22" t="s">
        <v>268</v>
      </c>
      <c r="N56" s="22" t="s">
        <v>268</v>
      </c>
      <c r="O56" s="22" t="s">
        <v>268</v>
      </c>
      <c r="P56" s="22" t="s">
        <v>268</v>
      </c>
      <c r="Q56" s="22" t="s">
        <v>268</v>
      </c>
      <c r="R56" s="22" t="s">
        <v>268</v>
      </c>
      <c r="S56" s="22" t="s">
        <v>268</v>
      </c>
      <c r="T56" s="22" t="s">
        <v>268</v>
      </c>
      <c r="U56" s="22" t="s">
        <v>268</v>
      </c>
      <c r="V56" s="22" t="s">
        <v>268</v>
      </c>
      <c r="W56" s="22" t="s">
        <v>268</v>
      </c>
      <c r="X56" s="22" t="s">
        <v>268</v>
      </c>
      <c r="Y56" s="22" t="s">
        <v>268</v>
      </c>
      <c r="Z56" s="22" t="s">
        <v>268</v>
      </c>
      <c r="AA56" s="22" t="s">
        <v>268</v>
      </c>
      <c r="AB56" s="22" t="s">
        <v>268</v>
      </c>
      <c r="AC56" s="22" t="s">
        <v>268</v>
      </c>
      <c r="AD56" s="22" t="s">
        <v>268</v>
      </c>
    </row>
    <row r="57" spans="1:30">
      <c r="A57" s="21" t="s">
        <v>232</v>
      </c>
      <c r="B57" s="21" t="s">
        <v>233</v>
      </c>
      <c r="C57" s="21" t="s">
        <v>262</v>
      </c>
      <c r="D57" s="21" t="s">
        <v>215</v>
      </c>
      <c r="E57" s="21" t="s">
        <v>630</v>
      </c>
      <c r="F57" s="21" t="s">
        <v>386</v>
      </c>
      <c r="G57" s="22" t="s">
        <v>268</v>
      </c>
      <c r="H57" s="22" t="s">
        <v>268</v>
      </c>
      <c r="I57" s="22" t="s">
        <v>268</v>
      </c>
      <c r="J57" s="22" t="s">
        <v>268</v>
      </c>
      <c r="K57" s="22" t="s">
        <v>268</v>
      </c>
      <c r="L57" s="22" t="s">
        <v>268</v>
      </c>
      <c r="M57" s="22" t="s">
        <v>268</v>
      </c>
      <c r="N57" s="22" t="s">
        <v>268</v>
      </c>
      <c r="O57" s="22" t="s">
        <v>268</v>
      </c>
      <c r="P57" s="22" t="s">
        <v>268</v>
      </c>
      <c r="Q57" s="22" t="s">
        <v>268</v>
      </c>
      <c r="R57" s="22" t="s">
        <v>268</v>
      </c>
      <c r="S57" s="22" t="s">
        <v>268</v>
      </c>
      <c r="T57" s="22" t="s">
        <v>268</v>
      </c>
      <c r="U57" s="22" t="s">
        <v>268</v>
      </c>
      <c r="V57" s="22" t="s">
        <v>268</v>
      </c>
      <c r="W57" s="22" t="s">
        <v>268</v>
      </c>
      <c r="X57" s="22" t="s">
        <v>268</v>
      </c>
      <c r="Y57" s="22" t="s">
        <v>268</v>
      </c>
      <c r="Z57" s="22" t="s">
        <v>268</v>
      </c>
      <c r="AA57" s="22" t="s">
        <v>268</v>
      </c>
      <c r="AB57" s="22" t="s">
        <v>268</v>
      </c>
      <c r="AC57" s="22" t="s">
        <v>268</v>
      </c>
      <c r="AD57" s="22" t="s">
        <v>268</v>
      </c>
    </row>
    <row r="58" spans="1:30">
      <c r="A58" s="21" t="s">
        <v>232</v>
      </c>
      <c r="B58" s="21" t="s">
        <v>233</v>
      </c>
      <c r="C58" s="21" t="s">
        <v>262</v>
      </c>
      <c r="D58" s="21" t="s">
        <v>215</v>
      </c>
      <c r="E58" s="21" t="s">
        <v>630</v>
      </c>
      <c r="F58" s="21" t="s">
        <v>387</v>
      </c>
      <c r="G58" s="16">
        <v>1487284</v>
      </c>
      <c r="H58" s="16">
        <v>706799</v>
      </c>
      <c r="I58" s="16">
        <v>540708</v>
      </c>
      <c r="J58" s="22" t="s">
        <v>268</v>
      </c>
      <c r="K58" s="16">
        <v>139483</v>
      </c>
      <c r="L58" s="16">
        <v>214757</v>
      </c>
      <c r="M58" s="16">
        <v>186468</v>
      </c>
      <c r="N58" s="16">
        <v>166091</v>
      </c>
      <c r="O58" s="22" t="s">
        <v>268</v>
      </c>
      <c r="P58" s="16">
        <v>1329</v>
      </c>
      <c r="Q58" s="16">
        <v>1118</v>
      </c>
      <c r="R58" s="16">
        <v>13672</v>
      </c>
      <c r="S58" s="16">
        <v>1755</v>
      </c>
      <c r="T58" s="16">
        <v>45705</v>
      </c>
      <c r="U58" s="16">
        <v>3265</v>
      </c>
      <c r="V58" s="16">
        <v>9566</v>
      </c>
      <c r="W58" s="16">
        <v>13474</v>
      </c>
      <c r="X58" s="16">
        <v>76207</v>
      </c>
      <c r="Y58" s="16">
        <v>56295</v>
      </c>
      <c r="Z58" s="16">
        <v>724190</v>
      </c>
      <c r="AA58" s="22" t="s">
        <v>268</v>
      </c>
      <c r="AB58" s="16">
        <v>136666</v>
      </c>
      <c r="AC58" s="22" t="s">
        <v>268</v>
      </c>
      <c r="AD58" s="22" t="s">
        <v>268</v>
      </c>
    </row>
    <row r="59" spans="1:30">
      <c r="A59" s="21" t="s">
        <v>232</v>
      </c>
      <c r="B59" s="21" t="s">
        <v>233</v>
      </c>
      <c r="C59" s="21" t="s">
        <v>262</v>
      </c>
      <c r="D59" s="21" t="s">
        <v>215</v>
      </c>
      <c r="E59" s="21" t="s">
        <v>630</v>
      </c>
      <c r="F59" s="21" t="s">
        <v>388</v>
      </c>
      <c r="G59" s="16">
        <v>1891166</v>
      </c>
      <c r="H59" s="16">
        <v>709889</v>
      </c>
      <c r="I59" s="16">
        <v>404107</v>
      </c>
      <c r="J59" s="22" t="s">
        <v>268</v>
      </c>
      <c r="K59" s="16">
        <v>1766</v>
      </c>
      <c r="L59" s="16">
        <v>370647</v>
      </c>
      <c r="M59" s="16">
        <v>31694</v>
      </c>
      <c r="N59" s="16">
        <v>305782</v>
      </c>
      <c r="O59" s="22" t="s">
        <v>268</v>
      </c>
      <c r="P59" s="16">
        <v>66761</v>
      </c>
      <c r="Q59" s="22" t="s">
        <v>268</v>
      </c>
      <c r="R59" s="16">
        <v>120993</v>
      </c>
      <c r="S59" s="16">
        <v>2435</v>
      </c>
      <c r="T59" s="16">
        <v>1929</v>
      </c>
      <c r="U59" s="16">
        <v>8191</v>
      </c>
      <c r="V59" s="16">
        <v>15065</v>
      </c>
      <c r="W59" s="16">
        <v>21331</v>
      </c>
      <c r="X59" s="16">
        <v>69077</v>
      </c>
      <c r="Y59" s="16">
        <v>36648</v>
      </c>
      <c r="Z59" s="16">
        <v>1144629</v>
      </c>
      <c r="AA59" s="22" t="s">
        <v>268</v>
      </c>
      <c r="AB59" s="16">
        <v>196104</v>
      </c>
      <c r="AC59" s="22" t="s">
        <v>268</v>
      </c>
      <c r="AD59" s="16">
        <v>1144629</v>
      </c>
    </row>
    <row r="60" spans="1:30">
      <c r="A60" s="21" t="s">
        <v>232</v>
      </c>
      <c r="B60" s="21" t="s">
        <v>233</v>
      </c>
      <c r="C60" s="21" t="s">
        <v>262</v>
      </c>
      <c r="D60" s="21" t="s">
        <v>215</v>
      </c>
      <c r="E60" s="21" t="s">
        <v>630</v>
      </c>
      <c r="F60" s="21" t="s">
        <v>389</v>
      </c>
      <c r="G60" s="16">
        <v>1088123</v>
      </c>
      <c r="H60" s="16">
        <v>462322</v>
      </c>
      <c r="I60" s="16">
        <v>238882</v>
      </c>
      <c r="J60" s="22" t="s">
        <v>268</v>
      </c>
      <c r="K60" s="16">
        <v>7</v>
      </c>
      <c r="L60" s="16">
        <v>237621</v>
      </c>
      <c r="M60" s="16">
        <v>1254</v>
      </c>
      <c r="N60" s="16">
        <v>223440</v>
      </c>
      <c r="O60" s="22" t="s">
        <v>268</v>
      </c>
      <c r="P60" s="16">
        <v>61626</v>
      </c>
      <c r="Q60" s="22" t="s">
        <v>268</v>
      </c>
      <c r="R60" s="16">
        <v>94433</v>
      </c>
      <c r="S60" s="16">
        <v>1279</v>
      </c>
      <c r="T60" s="16">
        <v>781</v>
      </c>
      <c r="U60" s="16">
        <v>6806</v>
      </c>
      <c r="V60" s="16">
        <v>10699</v>
      </c>
      <c r="W60" s="16">
        <v>7127</v>
      </c>
      <c r="X60" s="16">
        <v>40689</v>
      </c>
      <c r="Y60" s="16">
        <v>13928</v>
      </c>
      <c r="Z60" s="16">
        <v>611873</v>
      </c>
      <c r="AA60" s="22" t="s">
        <v>268</v>
      </c>
      <c r="AB60" s="16">
        <v>142049</v>
      </c>
      <c r="AC60" s="22" t="s">
        <v>268</v>
      </c>
      <c r="AD60" s="16">
        <v>611873</v>
      </c>
    </row>
    <row r="61" spans="1:30">
      <c r="A61" s="21" t="s">
        <v>232</v>
      </c>
      <c r="B61" s="21" t="s">
        <v>233</v>
      </c>
      <c r="C61" s="21" t="s">
        <v>262</v>
      </c>
      <c r="D61" s="21" t="s">
        <v>215</v>
      </c>
      <c r="E61" s="21" t="s">
        <v>630</v>
      </c>
      <c r="F61" s="21" t="s">
        <v>390</v>
      </c>
      <c r="G61" s="16">
        <v>427494</v>
      </c>
      <c r="H61" s="16">
        <v>218354</v>
      </c>
      <c r="I61" s="16">
        <v>94346</v>
      </c>
      <c r="J61" s="22" t="s">
        <v>268</v>
      </c>
      <c r="K61" s="22" t="s">
        <v>268</v>
      </c>
      <c r="L61" s="16">
        <v>94323</v>
      </c>
      <c r="M61" s="16">
        <v>23</v>
      </c>
      <c r="N61" s="16">
        <v>124008</v>
      </c>
      <c r="O61" s="22" t="s">
        <v>268</v>
      </c>
      <c r="P61" s="16">
        <v>45174</v>
      </c>
      <c r="Q61" s="22" t="s">
        <v>268</v>
      </c>
      <c r="R61" s="16">
        <v>47380</v>
      </c>
      <c r="S61" s="16">
        <v>546</v>
      </c>
      <c r="T61" s="16">
        <v>427</v>
      </c>
      <c r="U61" s="16">
        <v>4814</v>
      </c>
      <c r="V61" s="16">
        <v>7006</v>
      </c>
      <c r="W61" s="16">
        <v>1339</v>
      </c>
      <c r="X61" s="16">
        <v>17322</v>
      </c>
      <c r="Y61" s="16">
        <v>2976</v>
      </c>
      <c r="Z61" s="16">
        <v>206164</v>
      </c>
      <c r="AA61" s="22" t="s">
        <v>268</v>
      </c>
      <c r="AB61" s="16">
        <v>72241</v>
      </c>
      <c r="AC61" s="22" t="s">
        <v>268</v>
      </c>
      <c r="AD61" s="16">
        <v>206164</v>
      </c>
    </row>
    <row r="62" spans="1:30">
      <c r="A62" s="21" t="s">
        <v>232</v>
      </c>
      <c r="B62" s="21" t="s">
        <v>233</v>
      </c>
      <c r="C62" s="21" t="s">
        <v>262</v>
      </c>
      <c r="D62" s="21" t="s">
        <v>215</v>
      </c>
      <c r="E62" s="21" t="s">
        <v>630</v>
      </c>
      <c r="F62" s="21" t="s">
        <v>391</v>
      </c>
      <c r="G62" s="16">
        <v>1852577</v>
      </c>
      <c r="H62" s="16">
        <v>823041</v>
      </c>
      <c r="I62" s="16">
        <v>621028</v>
      </c>
      <c r="J62" s="22" t="s">
        <v>268</v>
      </c>
      <c r="K62" s="16">
        <v>140937</v>
      </c>
      <c r="L62" s="16">
        <v>272243</v>
      </c>
      <c r="M62" s="16">
        <v>207848</v>
      </c>
      <c r="N62" s="16">
        <v>202013</v>
      </c>
      <c r="O62" s="22" t="s">
        <v>268</v>
      </c>
      <c r="P62" s="16">
        <v>3018</v>
      </c>
      <c r="Q62" s="16">
        <v>1117</v>
      </c>
      <c r="R62" s="16">
        <v>22621</v>
      </c>
      <c r="S62" s="16">
        <v>2334</v>
      </c>
      <c r="T62" s="16">
        <v>46499</v>
      </c>
      <c r="U62" s="16">
        <v>3988</v>
      </c>
      <c r="V62" s="16">
        <v>11736</v>
      </c>
      <c r="W62" s="16">
        <v>20515</v>
      </c>
      <c r="X62" s="16">
        <v>90185</v>
      </c>
      <c r="Y62" s="16">
        <v>67455</v>
      </c>
      <c r="Z62" s="16">
        <v>962081</v>
      </c>
      <c r="AA62" s="22" t="s">
        <v>268</v>
      </c>
      <c r="AB62" s="16">
        <v>159795</v>
      </c>
      <c r="AC62" s="22" t="s">
        <v>268</v>
      </c>
      <c r="AD62" s="16">
        <v>238068</v>
      </c>
    </row>
    <row r="63" spans="1:30">
      <c r="A63" s="21" t="s">
        <v>232</v>
      </c>
      <c r="B63" s="21" t="s">
        <v>233</v>
      </c>
      <c r="C63" s="21" t="s">
        <v>262</v>
      </c>
      <c r="D63" s="21" t="s">
        <v>216</v>
      </c>
      <c r="E63" s="21" t="s">
        <v>630</v>
      </c>
      <c r="F63" s="21" t="s">
        <v>401</v>
      </c>
      <c r="G63" s="16">
        <v>9956065</v>
      </c>
      <c r="H63" s="16">
        <v>5636365</v>
      </c>
      <c r="I63" s="16">
        <v>3415800</v>
      </c>
      <c r="J63" s="22" t="s">
        <v>268</v>
      </c>
      <c r="K63" s="16">
        <v>90584</v>
      </c>
      <c r="L63" s="16">
        <v>27077</v>
      </c>
      <c r="M63" s="16">
        <v>3298139</v>
      </c>
      <c r="N63" s="16">
        <v>2220565</v>
      </c>
      <c r="O63" s="22" t="s">
        <v>268</v>
      </c>
      <c r="P63" s="16">
        <v>493420</v>
      </c>
      <c r="Q63" s="16">
        <v>385</v>
      </c>
      <c r="R63" s="16">
        <v>712472</v>
      </c>
      <c r="S63" s="16">
        <v>10607</v>
      </c>
      <c r="T63" s="16">
        <v>172415</v>
      </c>
      <c r="U63" s="16">
        <v>41062</v>
      </c>
      <c r="V63" s="16">
        <v>132805</v>
      </c>
      <c r="W63" s="16">
        <v>58739</v>
      </c>
      <c r="X63" s="16">
        <v>598660</v>
      </c>
      <c r="Y63" s="16">
        <v>118358</v>
      </c>
      <c r="Z63" s="16">
        <v>4201342</v>
      </c>
      <c r="AA63" s="22" t="s">
        <v>268</v>
      </c>
      <c r="AB63" s="16">
        <v>1539187</v>
      </c>
      <c r="AC63" s="22" t="s">
        <v>268</v>
      </c>
      <c r="AD63" s="16">
        <v>3402600</v>
      </c>
    </row>
    <row r="64" spans="1:30">
      <c r="A64" s="21" t="s">
        <v>232</v>
      </c>
      <c r="B64" s="21" t="s">
        <v>233</v>
      </c>
      <c r="C64" s="21" t="s">
        <v>262</v>
      </c>
      <c r="D64" s="21" t="s">
        <v>216</v>
      </c>
      <c r="E64" s="21" t="s">
        <v>630</v>
      </c>
      <c r="F64" s="21" t="s">
        <v>405</v>
      </c>
      <c r="G64" s="16">
        <v>977</v>
      </c>
      <c r="H64" s="16">
        <v>802</v>
      </c>
      <c r="I64" s="16">
        <v>436</v>
      </c>
      <c r="J64" s="22" t="s">
        <v>268</v>
      </c>
      <c r="K64" s="16">
        <v>67</v>
      </c>
      <c r="L64" s="16">
        <v>64</v>
      </c>
      <c r="M64" s="16">
        <v>305</v>
      </c>
      <c r="N64" s="16">
        <v>366</v>
      </c>
      <c r="O64" s="22" t="s">
        <v>268</v>
      </c>
      <c r="P64" s="22" t="s">
        <v>268</v>
      </c>
      <c r="Q64" s="16">
        <v>4</v>
      </c>
      <c r="R64" s="16">
        <v>11</v>
      </c>
      <c r="S64" s="16">
        <v>13</v>
      </c>
      <c r="T64" s="16">
        <v>118</v>
      </c>
      <c r="U64" s="16">
        <v>2</v>
      </c>
      <c r="V64" s="16">
        <v>21</v>
      </c>
      <c r="W64" s="16">
        <v>2</v>
      </c>
      <c r="X64" s="16">
        <v>195</v>
      </c>
      <c r="Y64" s="16">
        <v>20</v>
      </c>
      <c r="Z64" s="16">
        <v>155</v>
      </c>
      <c r="AA64" s="22" t="s">
        <v>268</v>
      </c>
      <c r="AB64" s="16">
        <v>307</v>
      </c>
      <c r="AC64" s="22" t="s">
        <v>268</v>
      </c>
      <c r="AD64" s="22" t="s">
        <v>268</v>
      </c>
    </row>
    <row r="65" spans="1:30">
      <c r="A65" s="21" t="s">
        <v>232</v>
      </c>
      <c r="B65" s="21" t="s">
        <v>233</v>
      </c>
      <c r="C65" s="21" t="s">
        <v>262</v>
      </c>
      <c r="D65" s="21" t="s">
        <v>216</v>
      </c>
      <c r="E65" s="21" t="s">
        <v>630</v>
      </c>
      <c r="F65" s="21" t="s">
        <v>406</v>
      </c>
      <c r="G65" s="16">
        <v>14931</v>
      </c>
      <c r="H65" s="16">
        <v>13287</v>
      </c>
      <c r="I65" s="16">
        <v>7014</v>
      </c>
      <c r="J65" s="22" t="s">
        <v>268</v>
      </c>
      <c r="K65" s="16">
        <v>514</v>
      </c>
      <c r="L65" s="16">
        <v>232</v>
      </c>
      <c r="M65" s="16">
        <v>6268</v>
      </c>
      <c r="N65" s="16">
        <v>6273</v>
      </c>
      <c r="O65" s="22" t="s">
        <v>268</v>
      </c>
      <c r="P65" s="22" t="s">
        <v>268</v>
      </c>
      <c r="Q65" s="16">
        <v>26</v>
      </c>
      <c r="R65" s="16">
        <v>57</v>
      </c>
      <c r="S65" s="16">
        <v>148</v>
      </c>
      <c r="T65" s="16">
        <v>2580</v>
      </c>
      <c r="U65" s="16">
        <v>27</v>
      </c>
      <c r="V65" s="16">
        <v>662</v>
      </c>
      <c r="W65" s="16">
        <v>41</v>
      </c>
      <c r="X65" s="16">
        <v>2732</v>
      </c>
      <c r="Y65" s="16">
        <v>392</v>
      </c>
      <c r="Z65" s="16">
        <v>1252</v>
      </c>
      <c r="AA65" s="22" t="s">
        <v>268</v>
      </c>
      <c r="AB65" s="16">
        <v>5781</v>
      </c>
      <c r="AC65" s="22" t="s">
        <v>268</v>
      </c>
      <c r="AD65" s="22" t="s">
        <v>268</v>
      </c>
    </row>
    <row r="66" spans="1:30">
      <c r="A66" s="21" t="s">
        <v>232</v>
      </c>
      <c r="B66" s="21" t="s">
        <v>233</v>
      </c>
      <c r="C66" s="21" t="s">
        <v>262</v>
      </c>
      <c r="D66" s="21" t="s">
        <v>216</v>
      </c>
      <c r="E66" s="21" t="s">
        <v>630</v>
      </c>
      <c r="F66" s="21" t="s">
        <v>407</v>
      </c>
      <c r="G66" s="16">
        <v>56887</v>
      </c>
      <c r="H66" s="16">
        <v>49418</v>
      </c>
      <c r="I66" s="16">
        <v>30283</v>
      </c>
      <c r="J66" s="22" t="s">
        <v>268</v>
      </c>
      <c r="K66" s="16">
        <v>2022</v>
      </c>
      <c r="L66" s="16">
        <v>372</v>
      </c>
      <c r="M66" s="16">
        <v>27889</v>
      </c>
      <c r="N66" s="16">
        <v>19135</v>
      </c>
      <c r="O66" s="22" t="s">
        <v>268</v>
      </c>
      <c r="P66" s="22" t="s">
        <v>268</v>
      </c>
      <c r="Q66" s="16">
        <v>99</v>
      </c>
      <c r="R66" s="16">
        <v>353</v>
      </c>
      <c r="S66" s="16">
        <v>282</v>
      </c>
      <c r="T66" s="16">
        <v>8162</v>
      </c>
      <c r="U66" s="16">
        <v>48</v>
      </c>
      <c r="V66" s="16">
        <v>2521</v>
      </c>
      <c r="W66" s="16">
        <v>104</v>
      </c>
      <c r="X66" s="16">
        <v>7566</v>
      </c>
      <c r="Y66" s="16">
        <v>1487</v>
      </c>
      <c r="Z66" s="16">
        <v>5982</v>
      </c>
      <c r="AA66" s="22" t="s">
        <v>268</v>
      </c>
      <c r="AB66" s="16">
        <v>17979</v>
      </c>
      <c r="AC66" s="22" t="s">
        <v>268</v>
      </c>
      <c r="AD66" s="22" t="s">
        <v>268</v>
      </c>
    </row>
    <row r="67" spans="1:30">
      <c r="A67" s="21" t="s">
        <v>232</v>
      </c>
      <c r="B67" s="21" t="s">
        <v>233</v>
      </c>
      <c r="C67" s="21" t="s">
        <v>262</v>
      </c>
      <c r="D67" s="21" t="s">
        <v>216</v>
      </c>
      <c r="E67" s="21" t="s">
        <v>630</v>
      </c>
      <c r="F67" s="21" t="s">
        <v>408</v>
      </c>
      <c r="G67" s="16">
        <v>123269</v>
      </c>
      <c r="H67" s="16">
        <v>106232</v>
      </c>
      <c r="I67" s="16">
        <v>70007</v>
      </c>
      <c r="J67" s="22" t="s">
        <v>268</v>
      </c>
      <c r="K67" s="16">
        <v>4704</v>
      </c>
      <c r="L67" s="16">
        <v>596</v>
      </c>
      <c r="M67" s="16">
        <v>64707</v>
      </c>
      <c r="N67" s="16">
        <v>36225</v>
      </c>
      <c r="O67" s="22" t="s">
        <v>268</v>
      </c>
      <c r="P67" s="22" t="s">
        <v>268</v>
      </c>
      <c r="Q67" s="16">
        <v>134</v>
      </c>
      <c r="R67" s="16">
        <v>779</v>
      </c>
      <c r="S67" s="16">
        <v>222</v>
      </c>
      <c r="T67" s="16">
        <v>17577</v>
      </c>
      <c r="U67" s="16">
        <v>85</v>
      </c>
      <c r="V67" s="16">
        <v>4221</v>
      </c>
      <c r="W67" s="16">
        <v>262</v>
      </c>
      <c r="X67" s="16">
        <v>12945</v>
      </c>
      <c r="Y67" s="16">
        <v>2975</v>
      </c>
      <c r="Z67" s="16">
        <v>14062</v>
      </c>
      <c r="AA67" s="22" t="s">
        <v>268</v>
      </c>
      <c r="AB67" s="16">
        <v>34606</v>
      </c>
      <c r="AC67" s="22" t="s">
        <v>268</v>
      </c>
      <c r="AD67" s="22" t="s">
        <v>268</v>
      </c>
    </row>
    <row r="68" spans="1:30">
      <c r="A68" s="21" t="s">
        <v>232</v>
      </c>
      <c r="B68" s="21" t="s">
        <v>233</v>
      </c>
      <c r="C68" s="21" t="s">
        <v>262</v>
      </c>
      <c r="D68" s="21" t="s">
        <v>216</v>
      </c>
      <c r="E68" s="21" t="s">
        <v>630</v>
      </c>
      <c r="F68" s="21" t="s">
        <v>409</v>
      </c>
      <c r="G68" s="16">
        <v>210094</v>
      </c>
      <c r="H68" s="16">
        <v>184592</v>
      </c>
      <c r="I68" s="16">
        <v>129161</v>
      </c>
      <c r="J68" s="22" t="s">
        <v>268</v>
      </c>
      <c r="K68" s="16">
        <v>7216</v>
      </c>
      <c r="L68" s="16">
        <v>955</v>
      </c>
      <c r="M68" s="16">
        <v>120990</v>
      </c>
      <c r="N68" s="16">
        <v>55431</v>
      </c>
      <c r="O68" s="22" t="s">
        <v>268</v>
      </c>
      <c r="P68" s="16">
        <v>2</v>
      </c>
      <c r="Q68" s="16">
        <v>86</v>
      </c>
      <c r="R68" s="16">
        <v>756</v>
      </c>
      <c r="S68" s="16">
        <v>178</v>
      </c>
      <c r="T68" s="16">
        <v>28831</v>
      </c>
      <c r="U68" s="16">
        <v>130</v>
      </c>
      <c r="V68" s="16">
        <v>4637</v>
      </c>
      <c r="W68" s="16">
        <v>344</v>
      </c>
      <c r="X68" s="16">
        <v>20467</v>
      </c>
      <c r="Y68" s="16">
        <v>4505</v>
      </c>
      <c r="Z68" s="16">
        <v>20997</v>
      </c>
      <c r="AA68" s="22" t="s">
        <v>268</v>
      </c>
      <c r="AB68" s="16">
        <v>53334</v>
      </c>
      <c r="AC68" s="22" t="s">
        <v>268</v>
      </c>
      <c r="AD68" s="22" t="s">
        <v>268</v>
      </c>
    </row>
    <row r="69" spans="1:30">
      <c r="A69" s="21" t="s">
        <v>232</v>
      </c>
      <c r="B69" s="21" t="s">
        <v>233</v>
      </c>
      <c r="C69" s="21" t="s">
        <v>262</v>
      </c>
      <c r="D69" s="21" t="s">
        <v>216</v>
      </c>
      <c r="E69" s="21" t="s">
        <v>630</v>
      </c>
      <c r="F69" s="21" t="s">
        <v>410</v>
      </c>
      <c r="G69" s="16">
        <v>316922</v>
      </c>
      <c r="H69" s="16">
        <v>270676</v>
      </c>
      <c r="I69" s="16">
        <v>198771</v>
      </c>
      <c r="J69" s="22" t="s">
        <v>268</v>
      </c>
      <c r="K69" s="16">
        <v>12475</v>
      </c>
      <c r="L69" s="16">
        <v>1784</v>
      </c>
      <c r="M69" s="16">
        <v>184512</v>
      </c>
      <c r="N69" s="16">
        <v>71905</v>
      </c>
      <c r="O69" s="22" t="s">
        <v>268</v>
      </c>
      <c r="P69" s="16">
        <v>37</v>
      </c>
      <c r="Q69" s="16">
        <v>24</v>
      </c>
      <c r="R69" s="16">
        <v>738</v>
      </c>
      <c r="S69" s="16">
        <v>195</v>
      </c>
      <c r="T69" s="16">
        <v>36662</v>
      </c>
      <c r="U69" s="16">
        <v>280</v>
      </c>
      <c r="V69" s="16">
        <v>3414</v>
      </c>
      <c r="W69" s="16">
        <v>691</v>
      </c>
      <c r="X69" s="16">
        <v>29864</v>
      </c>
      <c r="Y69" s="16">
        <v>6952</v>
      </c>
      <c r="Z69" s="16">
        <v>39294</v>
      </c>
      <c r="AA69" s="22" t="s">
        <v>268</v>
      </c>
      <c r="AB69" s="16">
        <v>68574</v>
      </c>
      <c r="AC69" s="22" t="s">
        <v>268</v>
      </c>
      <c r="AD69" s="22" t="s">
        <v>268</v>
      </c>
    </row>
    <row r="70" spans="1:30">
      <c r="A70" s="21" t="s">
        <v>232</v>
      </c>
      <c r="B70" s="21" t="s">
        <v>233</v>
      </c>
      <c r="C70" s="21" t="s">
        <v>262</v>
      </c>
      <c r="D70" s="21" t="s">
        <v>216</v>
      </c>
      <c r="E70" s="21" t="s">
        <v>630</v>
      </c>
      <c r="F70" s="21" t="s">
        <v>411</v>
      </c>
      <c r="G70" s="16">
        <v>484490</v>
      </c>
      <c r="H70" s="16">
        <v>378968</v>
      </c>
      <c r="I70" s="16">
        <v>290614</v>
      </c>
      <c r="J70" s="22" t="s">
        <v>268</v>
      </c>
      <c r="K70" s="16">
        <v>21502</v>
      </c>
      <c r="L70" s="16">
        <v>3885</v>
      </c>
      <c r="M70" s="16">
        <v>265227</v>
      </c>
      <c r="N70" s="16">
        <v>88354</v>
      </c>
      <c r="O70" s="22" t="s">
        <v>268</v>
      </c>
      <c r="P70" s="16">
        <v>263</v>
      </c>
      <c r="Q70" s="16">
        <v>10</v>
      </c>
      <c r="R70" s="16">
        <v>1195</v>
      </c>
      <c r="S70" s="16">
        <v>268</v>
      </c>
      <c r="T70" s="16">
        <v>36930</v>
      </c>
      <c r="U70" s="16">
        <v>810</v>
      </c>
      <c r="V70" s="16">
        <v>2660</v>
      </c>
      <c r="W70" s="16">
        <v>1570</v>
      </c>
      <c r="X70" s="16">
        <v>44648</v>
      </c>
      <c r="Y70" s="16">
        <v>12288</v>
      </c>
      <c r="Z70" s="16">
        <v>93234</v>
      </c>
      <c r="AA70" s="22" t="s">
        <v>268</v>
      </c>
      <c r="AB70" s="16">
        <v>82193</v>
      </c>
      <c r="AC70" s="22" t="s">
        <v>268</v>
      </c>
      <c r="AD70" s="22" t="s">
        <v>268</v>
      </c>
    </row>
    <row r="71" spans="1:30">
      <c r="A71" s="21" t="s">
        <v>232</v>
      </c>
      <c r="B71" s="21" t="s">
        <v>233</v>
      </c>
      <c r="C71" s="21" t="s">
        <v>262</v>
      </c>
      <c r="D71" s="21" t="s">
        <v>216</v>
      </c>
      <c r="E71" s="21" t="s">
        <v>630</v>
      </c>
      <c r="F71" s="21" t="s">
        <v>412</v>
      </c>
      <c r="G71" s="16">
        <v>522322</v>
      </c>
      <c r="H71" s="16">
        <v>360314</v>
      </c>
      <c r="I71" s="16">
        <v>282343</v>
      </c>
      <c r="J71" s="22" t="s">
        <v>268</v>
      </c>
      <c r="K71" s="16">
        <v>20567</v>
      </c>
      <c r="L71" s="16">
        <v>5335</v>
      </c>
      <c r="M71" s="16">
        <v>256441</v>
      </c>
      <c r="N71" s="16">
        <v>77971</v>
      </c>
      <c r="O71" s="22" t="s">
        <v>268</v>
      </c>
      <c r="P71" s="16">
        <v>823</v>
      </c>
      <c r="Q71" s="16">
        <v>2</v>
      </c>
      <c r="R71" s="16">
        <v>2695</v>
      </c>
      <c r="S71" s="16">
        <v>352</v>
      </c>
      <c r="T71" s="16">
        <v>21085</v>
      </c>
      <c r="U71" s="16">
        <v>1418</v>
      </c>
      <c r="V71" s="16">
        <v>2312</v>
      </c>
      <c r="W71" s="16">
        <v>2648</v>
      </c>
      <c r="X71" s="16">
        <v>46636</v>
      </c>
      <c r="Y71" s="16">
        <v>14626</v>
      </c>
      <c r="Z71" s="16">
        <v>147382</v>
      </c>
      <c r="AA71" s="22" t="s">
        <v>268</v>
      </c>
      <c r="AB71" s="16">
        <v>69134</v>
      </c>
      <c r="AC71" s="22" t="s">
        <v>268</v>
      </c>
      <c r="AD71" s="22" t="s">
        <v>268</v>
      </c>
    </row>
    <row r="72" spans="1:30">
      <c r="A72" s="21" t="s">
        <v>232</v>
      </c>
      <c r="B72" s="21" t="s">
        <v>233</v>
      </c>
      <c r="C72" s="21" t="s">
        <v>262</v>
      </c>
      <c r="D72" s="21" t="s">
        <v>216</v>
      </c>
      <c r="E72" s="21" t="s">
        <v>630</v>
      </c>
      <c r="F72" s="21" t="s">
        <v>413</v>
      </c>
      <c r="G72" s="16">
        <v>550616</v>
      </c>
      <c r="H72" s="16">
        <v>328701</v>
      </c>
      <c r="I72" s="16">
        <v>253213</v>
      </c>
      <c r="J72" s="22" t="s">
        <v>268</v>
      </c>
      <c r="K72" s="16">
        <v>13708</v>
      </c>
      <c r="L72" s="16">
        <v>5825</v>
      </c>
      <c r="M72" s="16">
        <v>233680</v>
      </c>
      <c r="N72" s="16">
        <v>75488</v>
      </c>
      <c r="O72" s="22" t="s">
        <v>268</v>
      </c>
      <c r="P72" s="16">
        <v>1994</v>
      </c>
      <c r="Q72" s="22" t="s">
        <v>268</v>
      </c>
      <c r="R72" s="16">
        <v>7918</v>
      </c>
      <c r="S72" s="16">
        <v>462</v>
      </c>
      <c r="T72" s="16">
        <v>9635</v>
      </c>
      <c r="U72" s="16">
        <v>2049</v>
      </c>
      <c r="V72" s="16">
        <v>3250</v>
      </c>
      <c r="W72" s="16">
        <v>4212</v>
      </c>
      <c r="X72" s="16">
        <v>45968</v>
      </c>
      <c r="Y72" s="16">
        <v>14205</v>
      </c>
      <c r="Z72" s="16">
        <v>207710</v>
      </c>
      <c r="AA72" s="22" t="s">
        <v>268</v>
      </c>
      <c r="AB72" s="16">
        <v>62917</v>
      </c>
      <c r="AC72" s="22" t="s">
        <v>268</v>
      </c>
      <c r="AD72" s="22" t="s">
        <v>268</v>
      </c>
    </row>
    <row r="73" spans="1:30">
      <c r="A73" s="21" t="s">
        <v>232</v>
      </c>
      <c r="B73" s="21" t="s">
        <v>233</v>
      </c>
      <c r="C73" s="21" t="s">
        <v>262</v>
      </c>
      <c r="D73" s="21" t="s">
        <v>216</v>
      </c>
      <c r="E73" s="21" t="s">
        <v>630</v>
      </c>
      <c r="F73" s="21" t="s">
        <v>414</v>
      </c>
      <c r="G73" s="16">
        <v>595597</v>
      </c>
      <c r="H73" s="16">
        <v>314869</v>
      </c>
      <c r="I73" s="16">
        <v>228880</v>
      </c>
      <c r="J73" s="22" t="s">
        <v>268</v>
      </c>
      <c r="K73" s="16">
        <v>5938</v>
      </c>
      <c r="L73" s="16">
        <v>4462</v>
      </c>
      <c r="M73" s="16">
        <v>218480</v>
      </c>
      <c r="N73" s="16">
        <v>85989</v>
      </c>
      <c r="O73" s="22" t="s">
        <v>268</v>
      </c>
      <c r="P73" s="16">
        <v>4013</v>
      </c>
      <c r="Q73" s="22" t="s">
        <v>268</v>
      </c>
      <c r="R73" s="16">
        <v>20420</v>
      </c>
      <c r="S73" s="16">
        <v>729</v>
      </c>
      <c r="T73" s="16">
        <v>3428</v>
      </c>
      <c r="U73" s="16">
        <v>2375</v>
      </c>
      <c r="V73" s="16">
        <v>5232</v>
      </c>
      <c r="W73" s="16">
        <v>6525</v>
      </c>
      <c r="X73" s="16">
        <v>43267</v>
      </c>
      <c r="Y73" s="16">
        <v>12054</v>
      </c>
      <c r="Z73" s="16">
        <v>268674</v>
      </c>
      <c r="AA73" s="22" t="s">
        <v>268</v>
      </c>
      <c r="AB73" s="16">
        <v>67694</v>
      </c>
      <c r="AC73" s="22" t="s">
        <v>268</v>
      </c>
      <c r="AD73" s="22" t="s">
        <v>268</v>
      </c>
    </row>
    <row r="74" spans="1:30">
      <c r="A74" s="21" t="s">
        <v>232</v>
      </c>
      <c r="B74" s="21" t="s">
        <v>233</v>
      </c>
      <c r="C74" s="21" t="s">
        <v>262</v>
      </c>
      <c r="D74" s="21" t="s">
        <v>216</v>
      </c>
      <c r="E74" s="21" t="s">
        <v>630</v>
      </c>
      <c r="F74" s="21" t="s">
        <v>415</v>
      </c>
      <c r="G74" s="16">
        <v>826771</v>
      </c>
      <c r="H74" s="16">
        <v>392531</v>
      </c>
      <c r="I74" s="16">
        <v>265662</v>
      </c>
      <c r="J74" s="22" t="s">
        <v>268</v>
      </c>
      <c r="K74" s="16">
        <v>1587</v>
      </c>
      <c r="L74" s="16">
        <v>2501</v>
      </c>
      <c r="M74" s="16">
        <v>261574</v>
      </c>
      <c r="N74" s="16">
        <v>126869</v>
      </c>
      <c r="O74" s="22" t="s">
        <v>268</v>
      </c>
      <c r="P74" s="16">
        <v>8634</v>
      </c>
      <c r="Q74" s="22" t="s">
        <v>268</v>
      </c>
      <c r="R74" s="16">
        <v>48173</v>
      </c>
      <c r="S74" s="16">
        <v>1020</v>
      </c>
      <c r="T74" s="16">
        <v>1274</v>
      </c>
      <c r="U74" s="16">
        <v>2349</v>
      </c>
      <c r="V74" s="16">
        <v>6870</v>
      </c>
      <c r="W74" s="16">
        <v>9633</v>
      </c>
      <c r="X74" s="16">
        <v>48916</v>
      </c>
      <c r="Y74" s="16">
        <v>12325</v>
      </c>
      <c r="Z74" s="16">
        <v>421915</v>
      </c>
      <c r="AA74" s="22" t="s">
        <v>268</v>
      </c>
      <c r="AB74" s="16">
        <v>97094</v>
      </c>
      <c r="AC74" s="22" t="s">
        <v>268</v>
      </c>
      <c r="AD74" s="16">
        <v>421915</v>
      </c>
    </row>
    <row r="75" spans="1:30">
      <c r="A75" s="21" t="s">
        <v>232</v>
      </c>
      <c r="B75" s="21" t="s">
        <v>233</v>
      </c>
      <c r="C75" s="21" t="s">
        <v>262</v>
      </c>
      <c r="D75" s="21" t="s">
        <v>216</v>
      </c>
      <c r="E75" s="21" t="s">
        <v>630</v>
      </c>
      <c r="F75" s="21" t="s">
        <v>416</v>
      </c>
      <c r="G75" s="16">
        <v>1231739</v>
      </c>
      <c r="H75" s="16">
        <v>558559</v>
      </c>
      <c r="I75" s="16">
        <v>360080</v>
      </c>
      <c r="J75" s="22" t="s">
        <v>268</v>
      </c>
      <c r="K75" s="16">
        <v>269</v>
      </c>
      <c r="L75" s="16">
        <v>959</v>
      </c>
      <c r="M75" s="16">
        <v>358852</v>
      </c>
      <c r="N75" s="16">
        <v>198479</v>
      </c>
      <c r="O75" s="22" t="s">
        <v>268</v>
      </c>
      <c r="P75" s="16">
        <v>19522</v>
      </c>
      <c r="Q75" s="22" t="s">
        <v>268</v>
      </c>
      <c r="R75" s="16">
        <v>90812</v>
      </c>
      <c r="S75" s="16">
        <v>1370</v>
      </c>
      <c r="T75" s="16">
        <v>780</v>
      </c>
      <c r="U75" s="16">
        <v>2711</v>
      </c>
      <c r="V75" s="16">
        <v>8057</v>
      </c>
      <c r="W75" s="16">
        <v>12054</v>
      </c>
      <c r="X75" s="16">
        <v>63173</v>
      </c>
      <c r="Y75" s="16">
        <v>12678</v>
      </c>
      <c r="Z75" s="16">
        <v>660502</v>
      </c>
      <c r="AA75" s="22" t="s">
        <v>268</v>
      </c>
      <c r="AB75" s="16">
        <v>149911</v>
      </c>
      <c r="AC75" s="22" t="s">
        <v>268</v>
      </c>
      <c r="AD75" s="16">
        <v>660502</v>
      </c>
    </row>
    <row r="76" spans="1:30">
      <c r="A76" s="21" t="s">
        <v>232</v>
      </c>
      <c r="B76" s="21" t="s">
        <v>233</v>
      </c>
      <c r="C76" s="21" t="s">
        <v>262</v>
      </c>
      <c r="D76" s="21" t="s">
        <v>216</v>
      </c>
      <c r="E76" s="21" t="s">
        <v>630</v>
      </c>
      <c r="F76" s="21" t="s">
        <v>417</v>
      </c>
      <c r="G76" s="16">
        <v>1355830</v>
      </c>
      <c r="H76" s="16">
        <v>628933</v>
      </c>
      <c r="I76" s="16">
        <v>382827</v>
      </c>
      <c r="J76" s="22" t="s">
        <v>268</v>
      </c>
      <c r="K76" s="16">
        <v>13</v>
      </c>
      <c r="L76" s="16">
        <v>86</v>
      </c>
      <c r="M76" s="16">
        <v>382728</v>
      </c>
      <c r="N76" s="16">
        <v>246106</v>
      </c>
      <c r="O76" s="22" t="s">
        <v>268</v>
      </c>
      <c r="P76" s="16">
        <v>40887</v>
      </c>
      <c r="Q76" s="22" t="s">
        <v>268</v>
      </c>
      <c r="R76" s="16">
        <v>117327</v>
      </c>
      <c r="S76" s="16">
        <v>1143</v>
      </c>
      <c r="T76" s="16">
        <v>711</v>
      </c>
      <c r="U76" s="16">
        <v>3711</v>
      </c>
      <c r="V76" s="16">
        <v>9223</v>
      </c>
      <c r="W76" s="16">
        <v>8578</v>
      </c>
      <c r="X76" s="16">
        <v>64526</v>
      </c>
      <c r="Y76" s="16">
        <v>8829</v>
      </c>
      <c r="Z76" s="16">
        <v>718068</v>
      </c>
      <c r="AA76" s="22" t="s">
        <v>268</v>
      </c>
      <c r="AB76" s="16">
        <v>178383</v>
      </c>
      <c r="AC76" s="22" t="s">
        <v>268</v>
      </c>
      <c r="AD76" s="16">
        <v>718068</v>
      </c>
    </row>
    <row r="77" spans="1:30">
      <c r="A77" s="21" t="s">
        <v>232</v>
      </c>
      <c r="B77" s="21" t="s">
        <v>233</v>
      </c>
      <c r="C77" s="21" t="s">
        <v>262</v>
      </c>
      <c r="D77" s="21" t="s">
        <v>216</v>
      </c>
      <c r="E77" s="21" t="s">
        <v>630</v>
      </c>
      <c r="F77" s="21" t="s">
        <v>418</v>
      </c>
      <c r="G77" s="16">
        <v>1449528</v>
      </c>
      <c r="H77" s="16">
        <v>719465</v>
      </c>
      <c r="I77" s="16">
        <v>383196</v>
      </c>
      <c r="J77" s="22" t="s">
        <v>268</v>
      </c>
      <c r="K77" s="16">
        <v>2</v>
      </c>
      <c r="L77" s="16">
        <v>20</v>
      </c>
      <c r="M77" s="16">
        <v>383174</v>
      </c>
      <c r="N77" s="16">
        <v>336269</v>
      </c>
      <c r="O77" s="22" t="s">
        <v>268</v>
      </c>
      <c r="P77" s="16">
        <v>89571</v>
      </c>
      <c r="Q77" s="22" t="s">
        <v>268</v>
      </c>
      <c r="R77" s="16">
        <v>150280</v>
      </c>
      <c r="S77" s="16">
        <v>1328</v>
      </c>
      <c r="T77" s="16">
        <v>1053</v>
      </c>
      <c r="U77" s="16">
        <v>6240</v>
      </c>
      <c r="V77" s="16">
        <v>16085</v>
      </c>
      <c r="W77" s="16">
        <v>6107</v>
      </c>
      <c r="X77" s="16">
        <v>65605</v>
      </c>
      <c r="Y77" s="16">
        <v>6644</v>
      </c>
      <c r="Z77" s="16">
        <v>723419</v>
      </c>
      <c r="AA77" s="22" t="s">
        <v>268</v>
      </c>
      <c r="AB77" s="16">
        <v>221094</v>
      </c>
      <c r="AC77" s="22" t="s">
        <v>268</v>
      </c>
      <c r="AD77" s="16">
        <v>723419</v>
      </c>
    </row>
    <row r="78" spans="1:30">
      <c r="A78" s="21" t="s">
        <v>232</v>
      </c>
      <c r="B78" s="21" t="s">
        <v>233</v>
      </c>
      <c r="C78" s="21" t="s">
        <v>262</v>
      </c>
      <c r="D78" s="21" t="s">
        <v>216</v>
      </c>
      <c r="E78" s="21" t="s">
        <v>630</v>
      </c>
      <c r="F78" s="21" t="s">
        <v>419</v>
      </c>
      <c r="G78" s="16">
        <v>1302311</v>
      </c>
      <c r="H78" s="16">
        <v>722653</v>
      </c>
      <c r="I78" s="16">
        <v>317528</v>
      </c>
      <c r="J78" s="22" t="s">
        <v>268</v>
      </c>
      <c r="K78" s="22" t="s">
        <v>268</v>
      </c>
      <c r="L78" s="16">
        <v>1</v>
      </c>
      <c r="M78" s="16">
        <v>317527</v>
      </c>
      <c r="N78" s="16">
        <v>405125</v>
      </c>
      <c r="O78" s="22" t="s">
        <v>268</v>
      </c>
      <c r="P78" s="16">
        <v>150595</v>
      </c>
      <c r="Q78" s="22" t="s">
        <v>268</v>
      </c>
      <c r="R78" s="16">
        <v>154736</v>
      </c>
      <c r="S78" s="16">
        <v>1466</v>
      </c>
      <c r="T78" s="16">
        <v>1614</v>
      </c>
      <c r="U78" s="16">
        <v>8728</v>
      </c>
      <c r="V78" s="16">
        <v>26833</v>
      </c>
      <c r="W78" s="16">
        <v>3942</v>
      </c>
      <c r="X78" s="16">
        <v>57211</v>
      </c>
      <c r="Y78" s="16">
        <v>4925</v>
      </c>
      <c r="Z78" s="16">
        <v>574733</v>
      </c>
      <c r="AA78" s="22" t="s">
        <v>268</v>
      </c>
      <c r="AB78" s="16">
        <v>232852</v>
      </c>
      <c r="AC78" s="22" t="s">
        <v>268</v>
      </c>
      <c r="AD78" s="16">
        <v>574733</v>
      </c>
    </row>
    <row r="79" spans="1:30">
      <c r="A79" s="21" t="s">
        <v>232</v>
      </c>
      <c r="B79" s="21" t="s">
        <v>233</v>
      </c>
      <c r="C79" s="21" t="s">
        <v>262</v>
      </c>
      <c r="D79" s="21" t="s">
        <v>216</v>
      </c>
      <c r="E79" s="21" t="s">
        <v>630</v>
      </c>
      <c r="F79" s="21" t="s">
        <v>420</v>
      </c>
      <c r="G79" s="16">
        <v>702219</v>
      </c>
      <c r="H79" s="16">
        <v>450824</v>
      </c>
      <c r="I79" s="16">
        <v>163753</v>
      </c>
      <c r="J79" s="22" t="s">
        <v>268</v>
      </c>
      <c r="K79" s="22" t="s">
        <v>268</v>
      </c>
      <c r="L79" s="22" t="s">
        <v>268</v>
      </c>
      <c r="M79" s="16">
        <v>163753</v>
      </c>
      <c r="N79" s="16">
        <v>287071</v>
      </c>
      <c r="O79" s="22" t="s">
        <v>268</v>
      </c>
      <c r="P79" s="16">
        <v>127553</v>
      </c>
      <c r="Q79" s="22" t="s">
        <v>268</v>
      </c>
      <c r="R79" s="16">
        <v>89159</v>
      </c>
      <c r="S79" s="16">
        <v>1058</v>
      </c>
      <c r="T79" s="16">
        <v>1424</v>
      </c>
      <c r="U79" s="16">
        <v>7067</v>
      </c>
      <c r="V79" s="16">
        <v>26138</v>
      </c>
      <c r="W79" s="16">
        <v>1661</v>
      </c>
      <c r="X79" s="16">
        <v>33011</v>
      </c>
      <c r="Y79" s="16">
        <v>2630</v>
      </c>
      <c r="Z79" s="16">
        <v>248765</v>
      </c>
      <c r="AA79" s="22" t="s">
        <v>268</v>
      </c>
      <c r="AB79" s="16">
        <v>147307</v>
      </c>
      <c r="AC79" s="22" t="s">
        <v>268</v>
      </c>
      <c r="AD79" s="16">
        <v>248765</v>
      </c>
    </row>
    <row r="80" spans="1:30">
      <c r="A80" s="21" t="s">
        <v>232</v>
      </c>
      <c r="B80" s="21" t="s">
        <v>233</v>
      </c>
      <c r="C80" s="21" t="s">
        <v>262</v>
      </c>
      <c r="D80" s="21" t="s">
        <v>216</v>
      </c>
      <c r="E80" s="21" t="s">
        <v>630</v>
      </c>
      <c r="F80" s="21" t="s">
        <v>421</v>
      </c>
      <c r="G80" s="16">
        <v>186297</v>
      </c>
      <c r="H80" s="16">
        <v>135560</v>
      </c>
      <c r="I80" s="16">
        <v>45509</v>
      </c>
      <c r="J80" s="22" t="s">
        <v>268</v>
      </c>
      <c r="K80" s="22" t="s">
        <v>268</v>
      </c>
      <c r="L80" s="22" t="s">
        <v>268</v>
      </c>
      <c r="M80" s="16">
        <v>45509</v>
      </c>
      <c r="N80" s="16">
        <v>90051</v>
      </c>
      <c r="O80" s="22" t="s">
        <v>268</v>
      </c>
      <c r="P80" s="16">
        <v>43029</v>
      </c>
      <c r="Q80" s="22" t="s">
        <v>268</v>
      </c>
      <c r="R80" s="16">
        <v>23900</v>
      </c>
      <c r="S80" s="16">
        <v>307</v>
      </c>
      <c r="T80" s="16">
        <v>458</v>
      </c>
      <c r="U80" s="16">
        <v>2531</v>
      </c>
      <c r="V80" s="16">
        <v>9206</v>
      </c>
      <c r="W80" s="16">
        <v>341</v>
      </c>
      <c r="X80" s="16">
        <v>10279</v>
      </c>
      <c r="Y80" s="16">
        <v>706</v>
      </c>
      <c r="Z80" s="16">
        <v>50031</v>
      </c>
      <c r="AA80" s="22" t="s">
        <v>268</v>
      </c>
      <c r="AB80" s="16">
        <v>43592</v>
      </c>
      <c r="AC80" s="22" t="s">
        <v>268</v>
      </c>
      <c r="AD80" s="16">
        <v>50031</v>
      </c>
    </row>
    <row r="81" spans="1:30">
      <c r="A81" s="21" t="s">
        <v>232</v>
      </c>
      <c r="B81" s="21" t="s">
        <v>233</v>
      </c>
      <c r="C81" s="21" t="s">
        <v>262</v>
      </c>
      <c r="D81" s="21" t="s">
        <v>216</v>
      </c>
      <c r="E81" s="21" t="s">
        <v>630</v>
      </c>
      <c r="F81" s="21" t="s">
        <v>422</v>
      </c>
      <c r="G81" s="16">
        <v>25265</v>
      </c>
      <c r="H81" s="16">
        <v>19981</v>
      </c>
      <c r="I81" s="16">
        <v>6523</v>
      </c>
      <c r="J81" s="22" t="s">
        <v>268</v>
      </c>
      <c r="K81" s="22" t="s">
        <v>268</v>
      </c>
      <c r="L81" s="22" t="s">
        <v>268</v>
      </c>
      <c r="M81" s="16">
        <v>6523</v>
      </c>
      <c r="N81" s="16">
        <v>13458</v>
      </c>
      <c r="O81" s="22" t="s">
        <v>268</v>
      </c>
      <c r="P81" s="16">
        <v>6497</v>
      </c>
      <c r="Q81" s="22" t="s">
        <v>268</v>
      </c>
      <c r="R81" s="16">
        <v>3163</v>
      </c>
      <c r="S81" s="16">
        <v>66</v>
      </c>
      <c r="T81" s="16">
        <v>93</v>
      </c>
      <c r="U81" s="16">
        <v>501</v>
      </c>
      <c r="V81" s="16">
        <v>1463</v>
      </c>
      <c r="W81" s="16">
        <v>24</v>
      </c>
      <c r="X81" s="16">
        <v>1651</v>
      </c>
      <c r="Y81" s="16">
        <v>117</v>
      </c>
      <c r="Z81" s="16">
        <v>5167</v>
      </c>
      <c r="AA81" s="22" t="s">
        <v>268</v>
      </c>
      <c r="AB81" s="16">
        <v>6435</v>
      </c>
      <c r="AC81" s="22" t="s">
        <v>268</v>
      </c>
      <c r="AD81" s="16">
        <v>5167</v>
      </c>
    </row>
    <row r="82" spans="1:30">
      <c r="A82" s="21" t="s">
        <v>232</v>
      </c>
      <c r="B82" s="21" t="s">
        <v>233</v>
      </c>
      <c r="C82" s="21" t="s">
        <v>262</v>
      </c>
      <c r="D82" s="21" t="s">
        <v>216</v>
      </c>
      <c r="E82" s="21" t="s">
        <v>630</v>
      </c>
      <c r="F82" s="21" t="s">
        <v>423</v>
      </c>
      <c r="G82" s="22" t="s">
        <v>268</v>
      </c>
      <c r="H82" s="22" t="s">
        <v>268</v>
      </c>
      <c r="I82" s="22" t="s">
        <v>268</v>
      </c>
      <c r="J82" s="22" t="s">
        <v>268</v>
      </c>
      <c r="K82" s="22" t="s">
        <v>268</v>
      </c>
      <c r="L82" s="22" t="s">
        <v>268</v>
      </c>
      <c r="M82" s="22" t="s">
        <v>268</v>
      </c>
      <c r="N82" s="22" t="s">
        <v>268</v>
      </c>
      <c r="O82" s="22" t="s">
        <v>268</v>
      </c>
      <c r="P82" s="22" t="s">
        <v>268</v>
      </c>
      <c r="Q82" s="22" t="s">
        <v>268</v>
      </c>
      <c r="R82" s="22" t="s">
        <v>268</v>
      </c>
      <c r="S82" s="22" t="s">
        <v>268</v>
      </c>
      <c r="T82" s="22" t="s">
        <v>268</v>
      </c>
      <c r="U82" s="22" t="s">
        <v>268</v>
      </c>
      <c r="V82" s="22" t="s">
        <v>268</v>
      </c>
      <c r="W82" s="22" t="s">
        <v>268</v>
      </c>
      <c r="X82" s="22" t="s">
        <v>268</v>
      </c>
      <c r="Y82" s="22" t="s">
        <v>268</v>
      </c>
      <c r="Z82" s="22" t="s">
        <v>268</v>
      </c>
      <c r="AA82" s="22" t="s">
        <v>268</v>
      </c>
      <c r="AB82" s="22" t="s">
        <v>268</v>
      </c>
      <c r="AC82" s="22" t="s">
        <v>268</v>
      </c>
      <c r="AD82" s="22" t="s">
        <v>268</v>
      </c>
    </row>
    <row r="83" spans="1:30">
      <c r="A83" s="21" t="s">
        <v>232</v>
      </c>
      <c r="B83" s="21" t="s">
        <v>233</v>
      </c>
      <c r="C83" s="21" t="s">
        <v>262</v>
      </c>
      <c r="D83" s="21" t="s">
        <v>216</v>
      </c>
      <c r="E83" s="21" t="s">
        <v>630</v>
      </c>
      <c r="F83" s="21" t="s">
        <v>386</v>
      </c>
      <c r="G83" s="22" t="s">
        <v>268</v>
      </c>
      <c r="H83" s="22" t="s">
        <v>268</v>
      </c>
      <c r="I83" s="22" t="s">
        <v>268</v>
      </c>
      <c r="J83" s="22" t="s">
        <v>268</v>
      </c>
      <c r="K83" s="22" t="s">
        <v>268</v>
      </c>
      <c r="L83" s="22" t="s">
        <v>268</v>
      </c>
      <c r="M83" s="22" t="s">
        <v>268</v>
      </c>
      <c r="N83" s="22" t="s">
        <v>268</v>
      </c>
      <c r="O83" s="22" t="s">
        <v>268</v>
      </c>
      <c r="P83" s="22" t="s">
        <v>268</v>
      </c>
      <c r="Q83" s="22" t="s">
        <v>268</v>
      </c>
      <c r="R83" s="22" t="s">
        <v>268</v>
      </c>
      <c r="S83" s="22" t="s">
        <v>268</v>
      </c>
      <c r="T83" s="22" t="s">
        <v>268</v>
      </c>
      <c r="U83" s="22" t="s">
        <v>268</v>
      </c>
      <c r="V83" s="22" t="s">
        <v>268</v>
      </c>
      <c r="W83" s="22" t="s">
        <v>268</v>
      </c>
      <c r="X83" s="22" t="s">
        <v>268</v>
      </c>
      <c r="Y83" s="22" t="s">
        <v>268</v>
      </c>
      <c r="Z83" s="22" t="s">
        <v>268</v>
      </c>
      <c r="AA83" s="22" t="s">
        <v>268</v>
      </c>
      <c r="AB83" s="22" t="s">
        <v>268</v>
      </c>
      <c r="AC83" s="22" t="s">
        <v>268</v>
      </c>
      <c r="AD83" s="22" t="s">
        <v>268</v>
      </c>
    </row>
    <row r="84" spans="1:30">
      <c r="A84" s="21" t="s">
        <v>232</v>
      </c>
      <c r="B84" s="21" t="s">
        <v>233</v>
      </c>
      <c r="C84" s="21" t="s">
        <v>262</v>
      </c>
      <c r="D84" s="21" t="s">
        <v>216</v>
      </c>
      <c r="E84" s="21" t="s">
        <v>630</v>
      </c>
      <c r="F84" s="21" t="s">
        <v>387</v>
      </c>
      <c r="G84" s="16">
        <v>2876105</v>
      </c>
      <c r="H84" s="16">
        <v>2007859</v>
      </c>
      <c r="I84" s="16">
        <v>1490722</v>
      </c>
      <c r="J84" s="22" t="s">
        <v>268</v>
      </c>
      <c r="K84" s="16">
        <v>88713</v>
      </c>
      <c r="L84" s="16">
        <v>23510</v>
      </c>
      <c r="M84" s="16">
        <v>1378499</v>
      </c>
      <c r="N84" s="16">
        <v>517137</v>
      </c>
      <c r="O84" s="22" t="s">
        <v>268</v>
      </c>
      <c r="P84" s="16">
        <v>7132</v>
      </c>
      <c r="Q84" s="16">
        <v>385</v>
      </c>
      <c r="R84" s="16">
        <v>34922</v>
      </c>
      <c r="S84" s="16">
        <v>2849</v>
      </c>
      <c r="T84" s="16">
        <v>165008</v>
      </c>
      <c r="U84" s="16">
        <v>7224</v>
      </c>
      <c r="V84" s="16">
        <v>28930</v>
      </c>
      <c r="W84" s="16">
        <v>16399</v>
      </c>
      <c r="X84" s="16">
        <v>254288</v>
      </c>
      <c r="Y84" s="16">
        <v>69504</v>
      </c>
      <c r="Z84" s="16">
        <v>798742</v>
      </c>
      <c r="AA84" s="22" t="s">
        <v>268</v>
      </c>
      <c r="AB84" s="16">
        <v>462519</v>
      </c>
      <c r="AC84" s="22" t="s">
        <v>268</v>
      </c>
      <c r="AD84" s="22" t="s">
        <v>268</v>
      </c>
    </row>
    <row r="85" spans="1:30">
      <c r="A85" s="21" t="s">
        <v>232</v>
      </c>
      <c r="B85" s="21" t="s">
        <v>233</v>
      </c>
      <c r="C85" s="21" t="s">
        <v>262</v>
      </c>
      <c r="D85" s="21" t="s">
        <v>216</v>
      </c>
      <c r="E85" s="21" t="s">
        <v>630</v>
      </c>
      <c r="F85" s="21" t="s">
        <v>388</v>
      </c>
      <c r="G85" s="16">
        <v>7079960</v>
      </c>
      <c r="H85" s="16">
        <v>3628506</v>
      </c>
      <c r="I85" s="16">
        <v>1925078</v>
      </c>
      <c r="J85" s="22" t="s">
        <v>268</v>
      </c>
      <c r="K85" s="16">
        <v>1871</v>
      </c>
      <c r="L85" s="16">
        <v>3567</v>
      </c>
      <c r="M85" s="16">
        <v>1919640</v>
      </c>
      <c r="N85" s="16">
        <v>1703428</v>
      </c>
      <c r="O85" s="22" t="s">
        <v>268</v>
      </c>
      <c r="P85" s="16">
        <v>486288</v>
      </c>
      <c r="Q85" s="22" t="s">
        <v>268</v>
      </c>
      <c r="R85" s="16">
        <v>677550</v>
      </c>
      <c r="S85" s="16">
        <v>7758</v>
      </c>
      <c r="T85" s="16">
        <v>7407</v>
      </c>
      <c r="U85" s="16">
        <v>33838</v>
      </c>
      <c r="V85" s="16">
        <v>103875</v>
      </c>
      <c r="W85" s="16">
        <v>42340</v>
      </c>
      <c r="X85" s="16">
        <v>344372</v>
      </c>
      <c r="Y85" s="16">
        <v>48854</v>
      </c>
      <c r="Z85" s="16">
        <v>3402600</v>
      </c>
      <c r="AA85" s="22" t="s">
        <v>268</v>
      </c>
      <c r="AB85" s="16">
        <v>1076668</v>
      </c>
      <c r="AC85" s="22" t="s">
        <v>268</v>
      </c>
      <c r="AD85" s="16">
        <v>3402600</v>
      </c>
    </row>
    <row r="86" spans="1:30">
      <c r="A86" s="21" t="s">
        <v>232</v>
      </c>
      <c r="B86" s="21" t="s">
        <v>233</v>
      </c>
      <c r="C86" s="21" t="s">
        <v>262</v>
      </c>
      <c r="D86" s="21" t="s">
        <v>216</v>
      </c>
      <c r="E86" s="21" t="s">
        <v>630</v>
      </c>
      <c r="F86" s="21" t="s">
        <v>389</v>
      </c>
      <c r="G86" s="16">
        <v>5021450</v>
      </c>
      <c r="H86" s="16">
        <v>2677416</v>
      </c>
      <c r="I86" s="16">
        <v>1299336</v>
      </c>
      <c r="J86" s="22" t="s">
        <v>268</v>
      </c>
      <c r="K86" s="16">
        <v>15</v>
      </c>
      <c r="L86" s="16">
        <v>107</v>
      </c>
      <c r="M86" s="16">
        <v>1299214</v>
      </c>
      <c r="N86" s="16">
        <v>1378080</v>
      </c>
      <c r="O86" s="22" t="s">
        <v>268</v>
      </c>
      <c r="P86" s="16">
        <v>458132</v>
      </c>
      <c r="Q86" s="22" t="s">
        <v>268</v>
      </c>
      <c r="R86" s="16">
        <v>538565</v>
      </c>
      <c r="S86" s="16">
        <v>5368</v>
      </c>
      <c r="T86" s="16">
        <v>5353</v>
      </c>
      <c r="U86" s="16">
        <v>28778</v>
      </c>
      <c r="V86" s="16">
        <v>88948</v>
      </c>
      <c r="W86" s="16">
        <v>20653</v>
      </c>
      <c r="X86" s="16">
        <v>232283</v>
      </c>
      <c r="Y86" s="16">
        <v>23851</v>
      </c>
      <c r="Z86" s="16">
        <v>2320183</v>
      </c>
      <c r="AA86" s="22" t="s">
        <v>268</v>
      </c>
      <c r="AB86" s="16">
        <v>829663</v>
      </c>
      <c r="AC86" s="22" t="s">
        <v>268</v>
      </c>
      <c r="AD86" s="16">
        <v>2320183</v>
      </c>
    </row>
    <row r="87" spans="1:30">
      <c r="A87" s="21" t="s">
        <v>232</v>
      </c>
      <c r="B87" s="21" t="s">
        <v>233</v>
      </c>
      <c r="C87" s="21" t="s">
        <v>262</v>
      </c>
      <c r="D87" s="21" t="s">
        <v>216</v>
      </c>
      <c r="E87" s="21" t="s">
        <v>630</v>
      </c>
      <c r="F87" s="21" t="s">
        <v>390</v>
      </c>
      <c r="G87" s="16">
        <v>2216092</v>
      </c>
      <c r="H87" s="16">
        <v>1329018</v>
      </c>
      <c r="I87" s="16">
        <v>533313</v>
      </c>
      <c r="J87" s="22" t="s">
        <v>268</v>
      </c>
      <c r="K87" s="22" t="s">
        <v>268</v>
      </c>
      <c r="L87" s="16">
        <v>1</v>
      </c>
      <c r="M87" s="16">
        <v>533312</v>
      </c>
      <c r="N87" s="16">
        <v>795705</v>
      </c>
      <c r="O87" s="22" t="s">
        <v>268</v>
      </c>
      <c r="P87" s="16">
        <v>327674</v>
      </c>
      <c r="Q87" s="22" t="s">
        <v>268</v>
      </c>
      <c r="R87" s="16">
        <v>270958</v>
      </c>
      <c r="S87" s="16">
        <v>2897</v>
      </c>
      <c r="T87" s="16">
        <v>3589</v>
      </c>
      <c r="U87" s="16">
        <v>18827</v>
      </c>
      <c r="V87" s="16">
        <v>63640</v>
      </c>
      <c r="W87" s="16">
        <v>5968</v>
      </c>
      <c r="X87" s="16">
        <v>102152</v>
      </c>
      <c r="Y87" s="16">
        <v>8378</v>
      </c>
      <c r="Z87" s="16">
        <v>878696</v>
      </c>
      <c r="AA87" s="22" t="s">
        <v>268</v>
      </c>
      <c r="AB87" s="16">
        <v>430186</v>
      </c>
      <c r="AC87" s="22" t="s">
        <v>268</v>
      </c>
      <c r="AD87" s="16">
        <v>878696</v>
      </c>
    </row>
    <row r="88" spans="1:30">
      <c r="A88" s="21" t="s">
        <v>232</v>
      </c>
      <c r="B88" s="21" t="s">
        <v>233</v>
      </c>
      <c r="C88" s="21" t="s">
        <v>262</v>
      </c>
      <c r="D88" s="21" t="s">
        <v>216</v>
      </c>
      <c r="E88" s="21" t="s">
        <v>630</v>
      </c>
      <c r="F88" s="21" t="s">
        <v>391</v>
      </c>
      <c r="G88" s="16">
        <v>3701899</v>
      </c>
      <c r="H88" s="16">
        <v>2399588</v>
      </c>
      <c r="I88" s="16">
        <v>1755948</v>
      </c>
      <c r="J88" s="22" t="s">
        <v>268</v>
      </c>
      <c r="K88" s="16">
        <v>90233</v>
      </c>
      <c r="L88" s="16">
        <v>25947</v>
      </c>
      <c r="M88" s="16">
        <v>1639768</v>
      </c>
      <c r="N88" s="16">
        <v>643640</v>
      </c>
      <c r="O88" s="22" t="s">
        <v>268</v>
      </c>
      <c r="P88" s="16">
        <v>15766</v>
      </c>
      <c r="Q88" s="16">
        <v>381</v>
      </c>
      <c r="R88" s="16">
        <v>83084</v>
      </c>
      <c r="S88" s="16">
        <v>3856</v>
      </c>
      <c r="T88" s="16">
        <v>166164</v>
      </c>
      <c r="U88" s="16">
        <v>9571</v>
      </c>
      <c r="V88" s="16">
        <v>35779</v>
      </c>
      <c r="W88" s="16">
        <v>26030</v>
      </c>
      <c r="X88" s="16">
        <v>303009</v>
      </c>
      <c r="Y88" s="16">
        <v>81809</v>
      </c>
      <c r="Z88" s="16">
        <v>1220502</v>
      </c>
      <c r="AA88" s="22" t="s">
        <v>268</v>
      </c>
      <c r="AB88" s="16">
        <v>559306</v>
      </c>
      <c r="AC88" s="22" t="s">
        <v>268</v>
      </c>
      <c r="AD88" s="16">
        <v>421915</v>
      </c>
    </row>
    <row r="89" spans="1:30">
      <c r="A89" s="21" t="s">
        <v>232</v>
      </c>
      <c r="B89" s="21" t="s">
        <v>237</v>
      </c>
      <c r="C89" s="21" t="s">
        <v>264</v>
      </c>
      <c r="D89" s="21" t="s">
        <v>214</v>
      </c>
      <c r="E89" s="21" t="s">
        <v>630</v>
      </c>
      <c r="F89" s="21" t="s">
        <v>401</v>
      </c>
      <c r="G89" s="16">
        <v>214135</v>
      </c>
      <c r="H89" s="16">
        <v>121334</v>
      </c>
      <c r="I89" s="16">
        <v>69430</v>
      </c>
      <c r="J89" s="22" t="s">
        <v>268</v>
      </c>
      <c r="K89" s="16">
        <v>4981</v>
      </c>
      <c r="L89" s="16">
        <v>8960</v>
      </c>
      <c r="M89" s="16">
        <v>55489</v>
      </c>
      <c r="N89" s="16">
        <v>51904</v>
      </c>
      <c r="O89" s="22" t="s">
        <v>268</v>
      </c>
      <c r="P89" s="16">
        <v>11068</v>
      </c>
      <c r="Q89" s="16">
        <v>51</v>
      </c>
      <c r="R89" s="16">
        <v>14024</v>
      </c>
      <c r="S89" s="16">
        <v>397</v>
      </c>
      <c r="T89" s="16">
        <v>4745</v>
      </c>
      <c r="U89" s="16">
        <v>1355</v>
      </c>
      <c r="V89" s="16">
        <v>3819</v>
      </c>
      <c r="W89" s="16">
        <v>2140</v>
      </c>
      <c r="X89" s="16">
        <v>14305</v>
      </c>
      <c r="Y89" s="16">
        <v>3312</v>
      </c>
      <c r="Z89" s="16">
        <v>89489</v>
      </c>
      <c r="AA89" s="22" t="s">
        <v>268</v>
      </c>
      <c r="AB89" s="16">
        <v>35146</v>
      </c>
      <c r="AC89" s="22" t="s">
        <v>268</v>
      </c>
      <c r="AD89" s="16">
        <v>66640</v>
      </c>
    </row>
    <row r="90" spans="1:30">
      <c r="A90" s="21" t="s">
        <v>232</v>
      </c>
      <c r="B90" s="21" t="s">
        <v>237</v>
      </c>
      <c r="C90" s="21" t="s">
        <v>264</v>
      </c>
      <c r="D90" s="21" t="s">
        <v>214</v>
      </c>
      <c r="E90" s="21" t="s">
        <v>630</v>
      </c>
      <c r="F90" s="21" t="s">
        <v>405</v>
      </c>
      <c r="G90" s="16">
        <v>30</v>
      </c>
      <c r="H90" s="16">
        <v>23</v>
      </c>
      <c r="I90" s="16">
        <v>14</v>
      </c>
      <c r="J90" s="22" t="s">
        <v>268</v>
      </c>
      <c r="K90" s="16">
        <v>4</v>
      </c>
      <c r="L90" s="16">
        <v>1</v>
      </c>
      <c r="M90" s="16">
        <v>9</v>
      </c>
      <c r="N90" s="16">
        <v>9</v>
      </c>
      <c r="O90" s="22" t="s">
        <v>268</v>
      </c>
      <c r="P90" s="22" t="s">
        <v>268</v>
      </c>
      <c r="Q90" s="22" t="s">
        <v>268</v>
      </c>
      <c r="R90" s="22" t="s">
        <v>268</v>
      </c>
      <c r="S90" s="16">
        <v>1</v>
      </c>
      <c r="T90" s="22" t="s">
        <v>268</v>
      </c>
      <c r="U90" s="22" t="s">
        <v>268</v>
      </c>
      <c r="V90" s="16">
        <v>2</v>
      </c>
      <c r="W90" s="22" t="s">
        <v>268</v>
      </c>
      <c r="X90" s="16">
        <v>6</v>
      </c>
      <c r="Y90" s="16">
        <v>2</v>
      </c>
      <c r="Z90" s="16">
        <v>5</v>
      </c>
      <c r="AA90" s="22" t="s">
        <v>268</v>
      </c>
      <c r="AB90" s="16">
        <v>7</v>
      </c>
      <c r="AC90" s="22" t="s">
        <v>268</v>
      </c>
      <c r="AD90" s="22" t="s">
        <v>268</v>
      </c>
    </row>
    <row r="91" spans="1:30">
      <c r="A91" s="21" t="s">
        <v>232</v>
      </c>
      <c r="B91" s="21" t="s">
        <v>237</v>
      </c>
      <c r="C91" s="21" t="s">
        <v>264</v>
      </c>
      <c r="D91" s="21" t="s">
        <v>214</v>
      </c>
      <c r="E91" s="21" t="s">
        <v>630</v>
      </c>
      <c r="F91" s="21" t="s">
        <v>406</v>
      </c>
      <c r="G91" s="16">
        <v>422</v>
      </c>
      <c r="H91" s="16">
        <v>362</v>
      </c>
      <c r="I91" s="16">
        <v>179</v>
      </c>
      <c r="J91" s="22" t="s">
        <v>268</v>
      </c>
      <c r="K91" s="16">
        <v>28</v>
      </c>
      <c r="L91" s="16">
        <v>7</v>
      </c>
      <c r="M91" s="16">
        <v>144</v>
      </c>
      <c r="N91" s="16">
        <v>183</v>
      </c>
      <c r="O91" s="22" t="s">
        <v>268</v>
      </c>
      <c r="P91" s="22" t="s">
        <v>268</v>
      </c>
      <c r="Q91" s="16">
        <v>2</v>
      </c>
      <c r="R91" s="16">
        <v>2</v>
      </c>
      <c r="S91" s="16">
        <v>6</v>
      </c>
      <c r="T91" s="16">
        <v>66</v>
      </c>
      <c r="U91" s="16">
        <v>3</v>
      </c>
      <c r="V91" s="16">
        <v>28</v>
      </c>
      <c r="W91" s="16">
        <v>4</v>
      </c>
      <c r="X91" s="16">
        <v>72</v>
      </c>
      <c r="Y91" s="16">
        <v>11</v>
      </c>
      <c r="Z91" s="16">
        <v>49</v>
      </c>
      <c r="AA91" s="22" t="s">
        <v>268</v>
      </c>
      <c r="AB91" s="16">
        <v>161</v>
      </c>
      <c r="AC91" s="22" t="s">
        <v>268</v>
      </c>
      <c r="AD91" s="22" t="s">
        <v>268</v>
      </c>
    </row>
    <row r="92" spans="1:30">
      <c r="A92" s="21" t="s">
        <v>232</v>
      </c>
      <c r="B92" s="21" t="s">
        <v>237</v>
      </c>
      <c r="C92" s="21" t="s">
        <v>264</v>
      </c>
      <c r="D92" s="21" t="s">
        <v>214</v>
      </c>
      <c r="E92" s="21" t="s">
        <v>630</v>
      </c>
      <c r="F92" s="21" t="s">
        <v>407</v>
      </c>
      <c r="G92" s="16">
        <v>1612</v>
      </c>
      <c r="H92" s="16">
        <v>1315</v>
      </c>
      <c r="I92" s="16">
        <v>744</v>
      </c>
      <c r="J92" s="22" t="s">
        <v>268</v>
      </c>
      <c r="K92" s="16">
        <v>114</v>
      </c>
      <c r="L92" s="16">
        <v>30</v>
      </c>
      <c r="M92" s="16">
        <v>600</v>
      </c>
      <c r="N92" s="16">
        <v>571</v>
      </c>
      <c r="O92" s="22" t="s">
        <v>268</v>
      </c>
      <c r="P92" s="22" t="s">
        <v>268</v>
      </c>
      <c r="Q92" s="16">
        <v>10</v>
      </c>
      <c r="R92" s="16">
        <v>30</v>
      </c>
      <c r="S92" s="16">
        <v>11</v>
      </c>
      <c r="T92" s="16">
        <v>223</v>
      </c>
      <c r="U92" s="16">
        <v>4</v>
      </c>
      <c r="V92" s="16">
        <v>79</v>
      </c>
      <c r="W92" s="16">
        <v>4</v>
      </c>
      <c r="X92" s="16">
        <v>210</v>
      </c>
      <c r="Y92" s="16">
        <v>46</v>
      </c>
      <c r="Z92" s="16">
        <v>251</v>
      </c>
      <c r="AA92" s="22" t="s">
        <v>268</v>
      </c>
      <c r="AB92" s="16">
        <v>531</v>
      </c>
      <c r="AC92" s="22" t="s">
        <v>268</v>
      </c>
      <c r="AD92" s="22" t="s">
        <v>268</v>
      </c>
    </row>
    <row r="93" spans="1:30">
      <c r="A93" s="21" t="s">
        <v>232</v>
      </c>
      <c r="B93" s="21" t="s">
        <v>237</v>
      </c>
      <c r="C93" s="21" t="s">
        <v>264</v>
      </c>
      <c r="D93" s="21" t="s">
        <v>214</v>
      </c>
      <c r="E93" s="21" t="s">
        <v>630</v>
      </c>
      <c r="F93" s="21" t="s">
        <v>408</v>
      </c>
      <c r="G93" s="16">
        <v>3590</v>
      </c>
      <c r="H93" s="16">
        <v>2918</v>
      </c>
      <c r="I93" s="16">
        <v>1806</v>
      </c>
      <c r="J93" s="22" t="s">
        <v>268</v>
      </c>
      <c r="K93" s="16">
        <v>256</v>
      </c>
      <c r="L93" s="16">
        <v>107</v>
      </c>
      <c r="M93" s="16">
        <v>1443</v>
      </c>
      <c r="N93" s="16">
        <v>1112</v>
      </c>
      <c r="O93" s="22" t="s">
        <v>268</v>
      </c>
      <c r="P93" s="22" t="s">
        <v>268</v>
      </c>
      <c r="Q93" s="16">
        <v>13</v>
      </c>
      <c r="R93" s="16">
        <v>83</v>
      </c>
      <c r="S93" s="16">
        <v>8</v>
      </c>
      <c r="T93" s="16">
        <v>472</v>
      </c>
      <c r="U93" s="16">
        <v>6</v>
      </c>
      <c r="V93" s="16">
        <v>150</v>
      </c>
      <c r="W93" s="16">
        <v>6</v>
      </c>
      <c r="X93" s="16">
        <v>374</v>
      </c>
      <c r="Y93" s="16">
        <v>95</v>
      </c>
      <c r="Z93" s="16">
        <v>577</v>
      </c>
      <c r="AA93" s="22" t="s">
        <v>268</v>
      </c>
      <c r="AB93" s="16">
        <v>1051</v>
      </c>
      <c r="AC93" s="22" t="s">
        <v>268</v>
      </c>
      <c r="AD93" s="22" t="s">
        <v>268</v>
      </c>
    </row>
    <row r="94" spans="1:30">
      <c r="A94" s="21" t="s">
        <v>232</v>
      </c>
      <c r="B94" s="21" t="s">
        <v>237</v>
      </c>
      <c r="C94" s="21" t="s">
        <v>264</v>
      </c>
      <c r="D94" s="21" t="s">
        <v>214</v>
      </c>
      <c r="E94" s="21" t="s">
        <v>630</v>
      </c>
      <c r="F94" s="21" t="s">
        <v>409</v>
      </c>
      <c r="G94" s="16">
        <v>6018</v>
      </c>
      <c r="H94" s="16">
        <v>4939</v>
      </c>
      <c r="I94" s="16">
        <v>3272</v>
      </c>
      <c r="J94" s="22" t="s">
        <v>268</v>
      </c>
      <c r="K94" s="16">
        <v>475</v>
      </c>
      <c r="L94" s="16">
        <v>243</v>
      </c>
      <c r="M94" s="16">
        <v>2554</v>
      </c>
      <c r="N94" s="16">
        <v>1667</v>
      </c>
      <c r="O94" s="22" t="s">
        <v>268</v>
      </c>
      <c r="P94" s="22" t="s">
        <v>268</v>
      </c>
      <c r="Q94" s="16">
        <v>17</v>
      </c>
      <c r="R94" s="16">
        <v>72</v>
      </c>
      <c r="S94" s="16">
        <v>9</v>
      </c>
      <c r="T94" s="16">
        <v>795</v>
      </c>
      <c r="U94" s="16">
        <v>7</v>
      </c>
      <c r="V94" s="16">
        <v>178</v>
      </c>
      <c r="W94" s="16">
        <v>11</v>
      </c>
      <c r="X94" s="16">
        <v>578</v>
      </c>
      <c r="Y94" s="16">
        <v>139</v>
      </c>
      <c r="Z94" s="16">
        <v>940</v>
      </c>
      <c r="AA94" s="22" t="s">
        <v>268</v>
      </c>
      <c r="AB94" s="16">
        <v>1596</v>
      </c>
      <c r="AC94" s="22" t="s">
        <v>268</v>
      </c>
      <c r="AD94" s="22" t="s">
        <v>268</v>
      </c>
    </row>
    <row r="95" spans="1:30">
      <c r="A95" s="21" t="s">
        <v>232</v>
      </c>
      <c r="B95" s="21" t="s">
        <v>237</v>
      </c>
      <c r="C95" s="21" t="s">
        <v>264</v>
      </c>
      <c r="D95" s="21" t="s">
        <v>214</v>
      </c>
      <c r="E95" s="21" t="s">
        <v>630</v>
      </c>
      <c r="F95" s="21" t="s">
        <v>410</v>
      </c>
      <c r="G95" s="16">
        <v>8558</v>
      </c>
      <c r="H95" s="16">
        <v>6853</v>
      </c>
      <c r="I95" s="16">
        <v>4799</v>
      </c>
      <c r="J95" s="22" t="s">
        <v>268</v>
      </c>
      <c r="K95" s="16">
        <v>780</v>
      </c>
      <c r="L95" s="16">
        <v>414</v>
      </c>
      <c r="M95" s="16">
        <v>3605</v>
      </c>
      <c r="N95" s="16">
        <v>2054</v>
      </c>
      <c r="O95" s="22" t="s">
        <v>268</v>
      </c>
      <c r="P95" s="16">
        <v>1</v>
      </c>
      <c r="Q95" s="16">
        <v>6</v>
      </c>
      <c r="R95" s="16">
        <v>73</v>
      </c>
      <c r="S95" s="16">
        <v>5</v>
      </c>
      <c r="T95" s="16">
        <v>985</v>
      </c>
      <c r="U95" s="16">
        <v>14</v>
      </c>
      <c r="V95" s="16">
        <v>147</v>
      </c>
      <c r="W95" s="16">
        <v>17</v>
      </c>
      <c r="X95" s="16">
        <v>806</v>
      </c>
      <c r="Y95" s="16">
        <v>186</v>
      </c>
      <c r="Z95" s="16">
        <v>1519</v>
      </c>
      <c r="AA95" s="22" t="s">
        <v>268</v>
      </c>
      <c r="AB95" s="16">
        <v>1936</v>
      </c>
      <c r="AC95" s="22" t="s">
        <v>268</v>
      </c>
      <c r="AD95" s="22" t="s">
        <v>268</v>
      </c>
    </row>
    <row r="96" spans="1:30">
      <c r="A96" s="21" t="s">
        <v>232</v>
      </c>
      <c r="B96" s="21" t="s">
        <v>237</v>
      </c>
      <c r="C96" s="21" t="s">
        <v>264</v>
      </c>
      <c r="D96" s="21" t="s">
        <v>214</v>
      </c>
      <c r="E96" s="21" t="s">
        <v>630</v>
      </c>
      <c r="F96" s="21" t="s">
        <v>411</v>
      </c>
      <c r="G96" s="16">
        <v>11188</v>
      </c>
      <c r="H96" s="16">
        <v>8249</v>
      </c>
      <c r="I96" s="16">
        <v>6089</v>
      </c>
      <c r="J96" s="22" t="s">
        <v>268</v>
      </c>
      <c r="K96" s="16">
        <v>1075</v>
      </c>
      <c r="L96" s="16">
        <v>568</v>
      </c>
      <c r="M96" s="16">
        <v>4446</v>
      </c>
      <c r="N96" s="16">
        <v>2160</v>
      </c>
      <c r="O96" s="22" t="s">
        <v>268</v>
      </c>
      <c r="P96" s="16">
        <v>7</v>
      </c>
      <c r="Q96" s="16">
        <v>3</v>
      </c>
      <c r="R96" s="16">
        <v>53</v>
      </c>
      <c r="S96" s="16">
        <v>9</v>
      </c>
      <c r="T96" s="16">
        <v>912</v>
      </c>
      <c r="U96" s="16">
        <v>25</v>
      </c>
      <c r="V96" s="16">
        <v>101</v>
      </c>
      <c r="W96" s="16">
        <v>38</v>
      </c>
      <c r="X96" s="16">
        <v>1012</v>
      </c>
      <c r="Y96" s="16">
        <v>294</v>
      </c>
      <c r="Z96" s="16">
        <v>2645</v>
      </c>
      <c r="AA96" s="22" t="s">
        <v>268</v>
      </c>
      <c r="AB96" s="16">
        <v>1991</v>
      </c>
      <c r="AC96" s="22" t="s">
        <v>268</v>
      </c>
      <c r="AD96" s="22" t="s">
        <v>268</v>
      </c>
    </row>
    <row r="97" spans="1:30">
      <c r="A97" s="21" t="s">
        <v>232</v>
      </c>
      <c r="B97" s="21" t="s">
        <v>237</v>
      </c>
      <c r="C97" s="21" t="s">
        <v>264</v>
      </c>
      <c r="D97" s="21" t="s">
        <v>214</v>
      </c>
      <c r="E97" s="21" t="s">
        <v>630</v>
      </c>
      <c r="F97" s="21" t="s">
        <v>412</v>
      </c>
      <c r="G97" s="16">
        <v>11952</v>
      </c>
      <c r="H97" s="16">
        <v>7823</v>
      </c>
      <c r="I97" s="16">
        <v>5910</v>
      </c>
      <c r="J97" s="22" t="s">
        <v>268</v>
      </c>
      <c r="K97" s="16">
        <v>1010</v>
      </c>
      <c r="L97" s="16">
        <v>630</v>
      </c>
      <c r="M97" s="16">
        <v>4270</v>
      </c>
      <c r="N97" s="16">
        <v>1913</v>
      </c>
      <c r="O97" s="22" t="s">
        <v>268</v>
      </c>
      <c r="P97" s="16">
        <v>17</v>
      </c>
      <c r="Q97" s="22" t="s">
        <v>268</v>
      </c>
      <c r="R97" s="16">
        <v>72</v>
      </c>
      <c r="S97" s="16">
        <v>14</v>
      </c>
      <c r="T97" s="16">
        <v>588</v>
      </c>
      <c r="U97" s="16">
        <v>52</v>
      </c>
      <c r="V97" s="16">
        <v>86</v>
      </c>
      <c r="W97" s="16">
        <v>78</v>
      </c>
      <c r="X97" s="16">
        <v>1006</v>
      </c>
      <c r="Y97" s="16">
        <v>317</v>
      </c>
      <c r="Z97" s="16">
        <v>3812</v>
      </c>
      <c r="AA97" s="22" t="s">
        <v>268</v>
      </c>
      <c r="AB97" s="16">
        <v>1668</v>
      </c>
      <c r="AC97" s="22" t="s">
        <v>268</v>
      </c>
      <c r="AD97" s="22" t="s">
        <v>268</v>
      </c>
    </row>
    <row r="98" spans="1:30">
      <c r="A98" s="21" t="s">
        <v>232</v>
      </c>
      <c r="B98" s="21" t="s">
        <v>237</v>
      </c>
      <c r="C98" s="21" t="s">
        <v>264</v>
      </c>
      <c r="D98" s="21" t="s">
        <v>214</v>
      </c>
      <c r="E98" s="21" t="s">
        <v>630</v>
      </c>
      <c r="F98" s="21" t="s">
        <v>413</v>
      </c>
      <c r="G98" s="16">
        <v>13546</v>
      </c>
      <c r="H98" s="16">
        <v>7795</v>
      </c>
      <c r="I98" s="16">
        <v>5665</v>
      </c>
      <c r="J98" s="22" t="s">
        <v>268</v>
      </c>
      <c r="K98" s="16">
        <v>786</v>
      </c>
      <c r="L98" s="16">
        <v>664</v>
      </c>
      <c r="M98" s="16">
        <v>4215</v>
      </c>
      <c r="N98" s="16">
        <v>2130</v>
      </c>
      <c r="O98" s="22" t="s">
        <v>268</v>
      </c>
      <c r="P98" s="16">
        <v>30</v>
      </c>
      <c r="Q98" s="22" t="s">
        <v>268</v>
      </c>
      <c r="R98" s="16">
        <v>216</v>
      </c>
      <c r="S98" s="16">
        <v>12</v>
      </c>
      <c r="T98" s="16">
        <v>342</v>
      </c>
      <c r="U98" s="16">
        <v>81</v>
      </c>
      <c r="V98" s="16">
        <v>106</v>
      </c>
      <c r="W98" s="16">
        <v>145</v>
      </c>
      <c r="X98" s="16">
        <v>1198</v>
      </c>
      <c r="Y98" s="16">
        <v>355</v>
      </c>
      <c r="Z98" s="16">
        <v>5396</v>
      </c>
      <c r="AA98" s="22" t="s">
        <v>268</v>
      </c>
      <c r="AB98" s="16">
        <v>1774</v>
      </c>
      <c r="AC98" s="22" t="s">
        <v>268</v>
      </c>
      <c r="AD98" s="22" t="s">
        <v>268</v>
      </c>
    </row>
    <row r="99" spans="1:30">
      <c r="A99" s="21" t="s">
        <v>232</v>
      </c>
      <c r="B99" s="21" t="s">
        <v>237</v>
      </c>
      <c r="C99" s="21" t="s">
        <v>264</v>
      </c>
      <c r="D99" s="21" t="s">
        <v>214</v>
      </c>
      <c r="E99" s="21" t="s">
        <v>630</v>
      </c>
      <c r="F99" s="21" t="s">
        <v>414</v>
      </c>
      <c r="G99" s="16">
        <v>16207</v>
      </c>
      <c r="H99" s="16">
        <v>8140</v>
      </c>
      <c r="I99" s="16">
        <v>5592</v>
      </c>
      <c r="J99" s="22" t="s">
        <v>268</v>
      </c>
      <c r="K99" s="16">
        <v>338</v>
      </c>
      <c r="L99" s="16">
        <v>831</v>
      </c>
      <c r="M99" s="16">
        <v>4423</v>
      </c>
      <c r="N99" s="16">
        <v>2548</v>
      </c>
      <c r="O99" s="22" t="s">
        <v>268</v>
      </c>
      <c r="P99" s="16">
        <v>85</v>
      </c>
      <c r="Q99" s="22" t="s">
        <v>268</v>
      </c>
      <c r="R99" s="16">
        <v>515</v>
      </c>
      <c r="S99" s="16">
        <v>29</v>
      </c>
      <c r="T99" s="16">
        <v>145</v>
      </c>
      <c r="U99" s="16">
        <v>71</v>
      </c>
      <c r="V99" s="16">
        <v>179</v>
      </c>
      <c r="W99" s="16">
        <v>281</v>
      </c>
      <c r="X99" s="16">
        <v>1243</v>
      </c>
      <c r="Y99" s="16">
        <v>412</v>
      </c>
      <c r="Z99" s="16">
        <v>7655</v>
      </c>
      <c r="AA99" s="22" t="s">
        <v>268</v>
      </c>
      <c r="AB99" s="16">
        <v>1923</v>
      </c>
      <c r="AC99" s="22" t="s">
        <v>268</v>
      </c>
      <c r="AD99" s="22" t="s">
        <v>268</v>
      </c>
    </row>
    <row r="100" spans="1:30">
      <c r="A100" s="21" t="s">
        <v>232</v>
      </c>
      <c r="B100" s="21" t="s">
        <v>237</v>
      </c>
      <c r="C100" s="21" t="s">
        <v>264</v>
      </c>
      <c r="D100" s="21" t="s">
        <v>214</v>
      </c>
      <c r="E100" s="21" t="s">
        <v>630</v>
      </c>
      <c r="F100" s="21" t="s">
        <v>415</v>
      </c>
      <c r="G100" s="16">
        <v>20395</v>
      </c>
      <c r="H100" s="16">
        <v>8869</v>
      </c>
      <c r="I100" s="16">
        <v>5481</v>
      </c>
      <c r="J100" s="22" t="s">
        <v>268</v>
      </c>
      <c r="K100" s="16">
        <v>101</v>
      </c>
      <c r="L100" s="16">
        <v>969</v>
      </c>
      <c r="M100" s="16">
        <v>4411</v>
      </c>
      <c r="N100" s="16">
        <v>3388</v>
      </c>
      <c r="O100" s="22" t="s">
        <v>268</v>
      </c>
      <c r="P100" s="16">
        <v>176</v>
      </c>
      <c r="Q100" s="22" t="s">
        <v>268</v>
      </c>
      <c r="R100" s="16">
        <v>1083</v>
      </c>
      <c r="S100" s="16">
        <v>49</v>
      </c>
      <c r="T100" s="16">
        <v>45</v>
      </c>
      <c r="U100" s="16">
        <v>77</v>
      </c>
      <c r="V100" s="16">
        <v>198</v>
      </c>
      <c r="W100" s="16">
        <v>407</v>
      </c>
      <c r="X100" s="16">
        <v>1353</v>
      </c>
      <c r="Y100" s="16">
        <v>422</v>
      </c>
      <c r="Z100" s="16">
        <v>11104</v>
      </c>
      <c r="AA100" s="22" t="s">
        <v>268</v>
      </c>
      <c r="AB100" s="16">
        <v>2449</v>
      </c>
      <c r="AC100" s="22" t="s">
        <v>268</v>
      </c>
      <c r="AD100" s="16">
        <v>11104</v>
      </c>
    </row>
    <row r="101" spans="1:30">
      <c r="A101" s="21" t="s">
        <v>232</v>
      </c>
      <c r="B101" s="21" t="s">
        <v>237</v>
      </c>
      <c r="C101" s="21" t="s">
        <v>264</v>
      </c>
      <c r="D101" s="21" t="s">
        <v>214</v>
      </c>
      <c r="E101" s="21" t="s">
        <v>630</v>
      </c>
      <c r="F101" s="21" t="s">
        <v>416</v>
      </c>
      <c r="G101" s="16">
        <v>24296</v>
      </c>
      <c r="H101" s="16">
        <v>10390</v>
      </c>
      <c r="I101" s="16">
        <v>6120</v>
      </c>
      <c r="J101" s="22" t="s">
        <v>268</v>
      </c>
      <c r="K101" s="16">
        <v>14</v>
      </c>
      <c r="L101" s="16">
        <v>1047</v>
      </c>
      <c r="M101" s="16">
        <v>5059</v>
      </c>
      <c r="N101" s="16">
        <v>4270</v>
      </c>
      <c r="O101" s="22" t="s">
        <v>268</v>
      </c>
      <c r="P101" s="16">
        <v>322</v>
      </c>
      <c r="Q101" s="22" t="s">
        <v>268</v>
      </c>
      <c r="R101" s="16">
        <v>1662</v>
      </c>
      <c r="S101" s="16">
        <v>48</v>
      </c>
      <c r="T101" s="16">
        <v>25</v>
      </c>
      <c r="U101" s="16">
        <v>85</v>
      </c>
      <c r="V101" s="16">
        <v>201</v>
      </c>
      <c r="W101" s="16">
        <v>470</v>
      </c>
      <c r="X101" s="16">
        <v>1457</v>
      </c>
      <c r="Y101" s="16">
        <v>396</v>
      </c>
      <c r="Z101" s="16">
        <v>13510</v>
      </c>
      <c r="AA101" s="22" t="s">
        <v>268</v>
      </c>
      <c r="AB101" s="16">
        <v>3053</v>
      </c>
      <c r="AC101" s="22" t="s">
        <v>268</v>
      </c>
      <c r="AD101" s="16">
        <v>13510</v>
      </c>
    </row>
    <row r="102" spans="1:30">
      <c r="A102" s="21" t="s">
        <v>232</v>
      </c>
      <c r="B102" s="21" t="s">
        <v>237</v>
      </c>
      <c r="C102" s="21" t="s">
        <v>264</v>
      </c>
      <c r="D102" s="21" t="s">
        <v>214</v>
      </c>
      <c r="E102" s="21" t="s">
        <v>630</v>
      </c>
      <c r="F102" s="21" t="s">
        <v>417</v>
      </c>
      <c r="G102" s="16">
        <v>22902</v>
      </c>
      <c r="H102" s="16">
        <v>10245</v>
      </c>
      <c r="I102" s="16">
        <v>5564</v>
      </c>
      <c r="J102" s="22" t="s">
        <v>268</v>
      </c>
      <c r="K102" s="22" t="s">
        <v>268</v>
      </c>
      <c r="L102" s="16">
        <v>860</v>
      </c>
      <c r="M102" s="16">
        <v>4704</v>
      </c>
      <c r="N102" s="16">
        <v>4681</v>
      </c>
      <c r="O102" s="22" t="s">
        <v>268</v>
      </c>
      <c r="P102" s="16">
        <v>728</v>
      </c>
      <c r="Q102" s="22" t="s">
        <v>268</v>
      </c>
      <c r="R102" s="16">
        <v>2050</v>
      </c>
      <c r="S102" s="16">
        <v>50</v>
      </c>
      <c r="T102" s="16">
        <v>16</v>
      </c>
      <c r="U102" s="16">
        <v>85</v>
      </c>
      <c r="V102" s="16">
        <v>221</v>
      </c>
      <c r="W102" s="16">
        <v>299</v>
      </c>
      <c r="X102" s="16">
        <v>1232</v>
      </c>
      <c r="Y102" s="16">
        <v>243</v>
      </c>
      <c r="Z102" s="16">
        <v>12414</v>
      </c>
      <c r="AA102" s="22" t="s">
        <v>268</v>
      </c>
      <c r="AB102" s="16">
        <v>3257</v>
      </c>
      <c r="AC102" s="22" t="s">
        <v>268</v>
      </c>
      <c r="AD102" s="16">
        <v>12414</v>
      </c>
    </row>
    <row r="103" spans="1:30">
      <c r="A103" s="21" t="s">
        <v>232</v>
      </c>
      <c r="B103" s="21" t="s">
        <v>237</v>
      </c>
      <c r="C103" s="21" t="s">
        <v>264</v>
      </c>
      <c r="D103" s="21" t="s">
        <v>214</v>
      </c>
      <c r="E103" s="21" t="s">
        <v>630</v>
      </c>
      <c r="F103" s="21" t="s">
        <v>418</v>
      </c>
      <c r="G103" s="16">
        <v>26845</v>
      </c>
      <c r="H103" s="16">
        <v>13741</v>
      </c>
      <c r="I103" s="16">
        <v>6609</v>
      </c>
      <c r="J103" s="22" t="s">
        <v>268</v>
      </c>
      <c r="K103" s="22" t="s">
        <v>268</v>
      </c>
      <c r="L103" s="16">
        <v>951</v>
      </c>
      <c r="M103" s="16">
        <v>5658</v>
      </c>
      <c r="N103" s="16">
        <v>7132</v>
      </c>
      <c r="O103" s="22" t="s">
        <v>268</v>
      </c>
      <c r="P103" s="16">
        <v>2074</v>
      </c>
      <c r="Q103" s="22" t="s">
        <v>268</v>
      </c>
      <c r="R103" s="16">
        <v>2764</v>
      </c>
      <c r="S103" s="16">
        <v>49</v>
      </c>
      <c r="T103" s="16">
        <v>33</v>
      </c>
      <c r="U103" s="16">
        <v>201</v>
      </c>
      <c r="V103" s="16">
        <v>437</v>
      </c>
      <c r="W103" s="16">
        <v>199</v>
      </c>
      <c r="X103" s="16">
        <v>1375</v>
      </c>
      <c r="Y103" s="16">
        <v>185</v>
      </c>
      <c r="Z103" s="16">
        <v>12919</v>
      </c>
      <c r="AA103" s="22" t="s">
        <v>268</v>
      </c>
      <c r="AB103" s="16">
        <v>4380</v>
      </c>
      <c r="AC103" s="22" t="s">
        <v>268</v>
      </c>
      <c r="AD103" s="16">
        <v>12919</v>
      </c>
    </row>
    <row r="104" spans="1:30">
      <c r="A104" s="21" t="s">
        <v>232</v>
      </c>
      <c r="B104" s="21" t="s">
        <v>237</v>
      </c>
      <c r="C104" s="21" t="s">
        <v>264</v>
      </c>
      <c r="D104" s="21" t="s">
        <v>214</v>
      </c>
      <c r="E104" s="21" t="s">
        <v>630</v>
      </c>
      <c r="F104" s="21" t="s">
        <v>419</v>
      </c>
      <c r="G104" s="16">
        <v>26498</v>
      </c>
      <c r="H104" s="16">
        <v>15665</v>
      </c>
      <c r="I104" s="16">
        <v>6631</v>
      </c>
      <c r="J104" s="22" t="s">
        <v>268</v>
      </c>
      <c r="K104" s="22" t="s">
        <v>268</v>
      </c>
      <c r="L104" s="16">
        <v>945</v>
      </c>
      <c r="M104" s="16">
        <v>5686</v>
      </c>
      <c r="N104" s="16">
        <v>9034</v>
      </c>
      <c r="O104" s="22" t="s">
        <v>268</v>
      </c>
      <c r="P104" s="16">
        <v>3472</v>
      </c>
      <c r="Q104" s="22" t="s">
        <v>268</v>
      </c>
      <c r="R104" s="16">
        <v>3013</v>
      </c>
      <c r="S104" s="16">
        <v>45</v>
      </c>
      <c r="T104" s="16">
        <v>38</v>
      </c>
      <c r="U104" s="16">
        <v>301</v>
      </c>
      <c r="V104" s="16">
        <v>724</v>
      </c>
      <c r="W104" s="16">
        <v>121</v>
      </c>
      <c r="X104" s="16">
        <v>1320</v>
      </c>
      <c r="Y104" s="16">
        <v>137</v>
      </c>
      <c r="Z104" s="16">
        <v>10696</v>
      </c>
      <c r="AA104" s="22" t="s">
        <v>268</v>
      </c>
      <c r="AB104" s="16">
        <v>4955</v>
      </c>
      <c r="AC104" s="22" t="s">
        <v>268</v>
      </c>
      <c r="AD104" s="16">
        <v>10696</v>
      </c>
    </row>
    <row r="105" spans="1:30">
      <c r="A105" s="21" t="s">
        <v>232</v>
      </c>
      <c r="B105" s="21" t="s">
        <v>237</v>
      </c>
      <c r="C105" s="21" t="s">
        <v>264</v>
      </c>
      <c r="D105" s="21" t="s">
        <v>214</v>
      </c>
      <c r="E105" s="21" t="s">
        <v>630</v>
      </c>
      <c r="F105" s="21" t="s">
        <v>420</v>
      </c>
      <c r="G105" s="16">
        <v>15351</v>
      </c>
      <c r="H105" s="16">
        <v>10375</v>
      </c>
      <c r="I105" s="16">
        <v>3736</v>
      </c>
      <c r="J105" s="22" t="s">
        <v>268</v>
      </c>
      <c r="K105" s="22" t="s">
        <v>268</v>
      </c>
      <c r="L105" s="16">
        <v>532</v>
      </c>
      <c r="M105" s="16">
        <v>3204</v>
      </c>
      <c r="N105" s="16">
        <v>6639</v>
      </c>
      <c r="O105" s="22" t="s">
        <v>268</v>
      </c>
      <c r="P105" s="16">
        <v>3007</v>
      </c>
      <c r="Q105" s="22" t="s">
        <v>268</v>
      </c>
      <c r="R105" s="16">
        <v>1772</v>
      </c>
      <c r="S105" s="16">
        <v>36</v>
      </c>
      <c r="T105" s="16">
        <v>44</v>
      </c>
      <c r="U105" s="16">
        <v>241</v>
      </c>
      <c r="V105" s="16">
        <v>719</v>
      </c>
      <c r="W105" s="16">
        <v>50</v>
      </c>
      <c r="X105" s="16">
        <v>770</v>
      </c>
      <c r="Y105" s="16">
        <v>59</v>
      </c>
      <c r="Z105" s="16">
        <v>4917</v>
      </c>
      <c r="AA105" s="22" t="s">
        <v>268</v>
      </c>
      <c r="AB105" s="16">
        <v>3282</v>
      </c>
      <c r="AC105" s="22" t="s">
        <v>268</v>
      </c>
      <c r="AD105" s="16">
        <v>4917</v>
      </c>
    </row>
    <row r="106" spans="1:30">
      <c r="A106" s="21" t="s">
        <v>232</v>
      </c>
      <c r="B106" s="21" t="s">
        <v>237</v>
      </c>
      <c r="C106" s="21" t="s">
        <v>264</v>
      </c>
      <c r="D106" s="21" t="s">
        <v>214</v>
      </c>
      <c r="E106" s="21" t="s">
        <v>630</v>
      </c>
      <c r="F106" s="21" t="s">
        <v>421</v>
      </c>
      <c r="G106" s="16">
        <v>4190</v>
      </c>
      <c r="H106" s="16">
        <v>3184</v>
      </c>
      <c r="I106" s="16">
        <v>1074</v>
      </c>
      <c r="J106" s="22" t="s">
        <v>268</v>
      </c>
      <c r="K106" s="22" t="s">
        <v>268</v>
      </c>
      <c r="L106" s="16">
        <v>148</v>
      </c>
      <c r="M106" s="16">
        <v>926</v>
      </c>
      <c r="N106" s="16">
        <v>2110</v>
      </c>
      <c r="O106" s="22" t="s">
        <v>268</v>
      </c>
      <c r="P106" s="16">
        <v>994</v>
      </c>
      <c r="Q106" s="22" t="s">
        <v>268</v>
      </c>
      <c r="R106" s="16">
        <v>510</v>
      </c>
      <c r="S106" s="16">
        <v>12</v>
      </c>
      <c r="T106" s="16">
        <v>14</v>
      </c>
      <c r="U106" s="16">
        <v>82</v>
      </c>
      <c r="V106" s="16">
        <v>232</v>
      </c>
      <c r="W106" s="16">
        <v>10</v>
      </c>
      <c r="X106" s="16">
        <v>256</v>
      </c>
      <c r="Y106" s="16">
        <v>12</v>
      </c>
      <c r="Z106" s="16">
        <v>994</v>
      </c>
      <c r="AA106" s="22" t="s">
        <v>268</v>
      </c>
      <c r="AB106" s="16">
        <v>997</v>
      </c>
      <c r="AC106" s="22" t="s">
        <v>268</v>
      </c>
      <c r="AD106" s="16">
        <v>994</v>
      </c>
    </row>
    <row r="107" spans="1:30">
      <c r="A107" s="21" t="s">
        <v>232</v>
      </c>
      <c r="B107" s="21" t="s">
        <v>237</v>
      </c>
      <c r="C107" s="21" t="s">
        <v>264</v>
      </c>
      <c r="D107" s="21" t="s">
        <v>214</v>
      </c>
      <c r="E107" s="21" t="s">
        <v>630</v>
      </c>
      <c r="F107" s="21" t="s">
        <v>422</v>
      </c>
      <c r="G107" s="16">
        <v>535</v>
      </c>
      <c r="H107" s="16">
        <v>448</v>
      </c>
      <c r="I107" s="16">
        <v>145</v>
      </c>
      <c r="J107" s="22" t="s">
        <v>268</v>
      </c>
      <c r="K107" s="22" t="s">
        <v>268</v>
      </c>
      <c r="L107" s="16">
        <v>13</v>
      </c>
      <c r="M107" s="16">
        <v>132</v>
      </c>
      <c r="N107" s="16">
        <v>303</v>
      </c>
      <c r="O107" s="22" t="s">
        <v>268</v>
      </c>
      <c r="P107" s="16">
        <v>155</v>
      </c>
      <c r="Q107" s="22" t="s">
        <v>268</v>
      </c>
      <c r="R107" s="16">
        <v>54</v>
      </c>
      <c r="S107" s="16">
        <v>4</v>
      </c>
      <c r="T107" s="16">
        <v>2</v>
      </c>
      <c r="U107" s="16">
        <v>20</v>
      </c>
      <c r="V107" s="16">
        <v>31</v>
      </c>
      <c r="W107" s="22" t="s">
        <v>268</v>
      </c>
      <c r="X107" s="16">
        <v>37</v>
      </c>
      <c r="Y107" s="16">
        <v>1</v>
      </c>
      <c r="Z107" s="16">
        <v>86</v>
      </c>
      <c r="AA107" s="22" t="s">
        <v>268</v>
      </c>
      <c r="AB107" s="16">
        <v>135</v>
      </c>
      <c r="AC107" s="22" t="s">
        <v>268</v>
      </c>
      <c r="AD107" s="16">
        <v>86</v>
      </c>
    </row>
    <row r="108" spans="1:30">
      <c r="A108" s="21" t="s">
        <v>232</v>
      </c>
      <c r="B108" s="21" t="s">
        <v>237</v>
      </c>
      <c r="C108" s="21" t="s">
        <v>264</v>
      </c>
      <c r="D108" s="21" t="s">
        <v>214</v>
      </c>
      <c r="E108" s="21" t="s">
        <v>630</v>
      </c>
      <c r="F108" s="21" t="s">
        <v>423</v>
      </c>
      <c r="G108" s="22" t="s">
        <v>268</v>
      </c>
      <c r="H108" s="22" t="s">
        <v>268</v>
      </c>
      <c r="I108" s="22" t="s">
        <v>268</v>
      </c>
      <c r="J108" s="22" t="s">
        <v>268</v>
      </c>
      <c r="K108" s="22" t="s">
        <v>268</v>
      </c>
      <c r="L108" s="22" t="s">
        <v>268</v>
      </c>
      <c r="M108" s="22" t="s">
        <v>268</v>
      </c>
      <c r="N108" s="22" t="s">
        <v>268</v>
      </c>
      <c r="O108" s="22" t="s">
        <v>268</v>
      </c>
      <c r="P108" s="22" t="s">
        <v>268</v>
      </c>
      <c r="Q108" s="22" t="s">
        <v>268</v>
      </c>
      <c r="R108" s="22" t="s">
        <v>268</v>
      </c>
      <c r="S108" s="22" t="s">
        <v>268</v>
      </c>
      <c r="T108" s="22" t="s">
        <v>268</v>
      </c>
      <c r="U108" s="22" t="s">
        <v>268</v>
      </c>
      <c r="V108" s="22" t="s">
        <v>268</v>
      </c>
      <c r="W108" s="22" t="s">
        <v>268</v>
      </c>
      <c r="X108" s="22" t="s">
        <v>268</v>
      </c>
      <c r="Y108" s="22" t="s">
        <v>268</v>
      </c>
      <c r="Z108" s="22" t="s">
        <v>268</v>
      </c>
      <c r="AA108" s="22" t="s">
        <v>268</v>
      </c>
      <c r="AB108" s="22" t="s">
        <v>268</v>
      </c>
      <c r="AC108" s="22" t="s">
        <v>268</v>
      </c>
      <c r="AD108" s="22" t="s">
        <v>268</v>
      </c>
    </row>
    <row r="109" spans="1:30">
      <c r="A109" s="21" t="s">
        <v>232</v>
      </c>
      <c r="B109" s="21" t="s">
        <v>237</v>
      </c>
      <c r="C109" s="21" t="s">
        <v>264</v>
      </c>
      <c r="D109" s="21" t="s">
        <v>214</v>
      </c>
      <c r="E109" s="21" t="s">
        <v>630</v>
      </c>
      <c r="F109" s="21" t="s">
        <v>386</v>
      </c>
      <c r="G109" s="22" t="s">
        <v>268</v>
      </c>
      <c r="H109" s="22" t="s">
        <v>268</v>
      </c>
      <c r="I109" s="22" t="s">
        <v>268</v>
      </c>
      <c r="J109" s="22" t="s">
        <v>268</v>
      </c>
      <c r="K109" s="22" t="s">
        <v>268</v>
      </c>
      <c r="L109" s="22" t="s">
        <v>268</v>
      </c>
      <c r="M109" s="22" t="s">
        <v>268</v>
      </c>
      <c r="N109" s="22" t="s">
        <v>268</v>
      </c>
      <c r="O109" s="22" t="s">
        <v>268</v>
      </c>
      <c r="P109" s="22" t="s">
        <v>268</v>
      </c>
      <c r="Q109" s="22" t="s">
        <v>268</v>
      </c>
      <c r="R109" s="22" t="s">
        <v>268</v>
      </c>
      <c r="S109" s="22" t="s">
        <v>268</v>
      </c>
      <c r="T109" s="22" t="s">
        <v>268</v>
      </c>
      <c r="U109" s="22" t="s">
        <v>268</v>
      </c>
      <c r="V109" s="22" t="s">
        <v>268</v>
      </c>
      <c r="W109" s="22" t="s">
        <v>268</v>
      </c>
      <c r="X109" s="22" t="s">
        <v>268</v>
      </c>
      <c r="Y109" s="22" t="s">
        <v>268</v>
      </c>
      <c r="Z109" s="22" t="s">
        <v>268</v>
      </c>
      <c r="AA109" s="22" t="s">
        <v>268</v>
      </c>
      <c r="AB109" s="22" t="s">
        <v>268</v>
      </c>
      <c r="AC109" s="22" t="s">
        <v>268</v>
      </c>
      <c r="AD109" s="22" t="s">
        <v>268</v>
      </c>
    </row>
    <row r="110" spans="1:30">
      <c r="A110" s="21" t="s">
        <v>232</v>
      </c>
      <c r="B110" s="21" t="s">
        <v>237</v>
      </c>
      <c r="C110" s="21" t="s">
        <v>264</v>
      </c>
      <c r="D110" s="21" t="s">
        <v>214</v>
      </c>
      <c r="E110" s="21" t="s">
        <v>630</v>
      </c>
      <c r="F110" s="21" t="s">
        <v>387</v>
      </c>
      <c r="G110" s="16">
        <v>73123</v>
      </c>
      <c r="H110" s="16">
        <v>48417</v>
      </c>
      <c r="I110" s="16">
        <v>34070</v>
      </c>
      <c r="J110" s="22" t="s">
        <v>268</v>
      </c>
      <c r="K110" s="16">
        <v>4866</v>
      </c>
      <c r="L110" s="16">
        <v>3495</v>
      </c>
      <c r="M110" s="16">
        <v>25709</v>
      </c>
      <c r="N110" s="16">
        <v>14347</v>
      </c>
      <c r="O110" s="22" t="s">
        <v>268</v>
      </c>
      <c r="P110" s="16">
        <v>140</v>
      </c>
      <c r="Q110" s="16">
        <v>51</v>
      </c>
      <c r="R110" s="16">
        <v>1116</v>
      </c>
      <c r="S110" s="16">
        <v>104</v>
      </c>
      <c r="T110" s="16">
        <v>4528</v>
      </c>
      <c r="U110" s="16">
        <v>263</v>
      </c>
      <c r="V110" s="16">
        <v>1056</v>
      </c>
      <c r="W110" s="16">
        <v>584</v>
      </c>
      <c r="X110" s="16">
        <v>6505</v>
      </c>
      <c r="Y110" s="16">
        <v>1857</v>
      </c>
      <c r="Z110" s="16">
        <v>22849</v>
      </c>
      <c r="AA110" s="22" t="s">
        <v>268</v>
      </c>
      <c r="AB110" s="16">
        <v>12638</v>
      </c>
      <c r="AC110" s="22" t="s">
        <v>268</v>
      </c>
      <c r="AD110" s="22" t="s">
        <v>268</v>
      </c>
    </row>
    <row r="111" spans="1:30">
      <c r="A111" s="21" t="s">
        <v>232</v>
      </c>
      <c r="B111" s="21" t="s">
        <v>237</v>
      </c>
      <c r="C111" s="21" t="s">
        <v>264</v>
      </c>
      <c r="D111" s="21" t="s">
        <v>214</v>
      </c>
      <c r="E111" s="21" t="s">
        <v>630</v>
      </c>
      <c r="F111" s="21" t="s">
        <v>388</v>
      </c>
      <c r="G111" s="16">
        <v>141012</v>
      </c>
      <c r="H111" s="16">
        <v>72917</v>
      </c>
      <c r="I111" s="16">
        <v>35360</v>
      </c>
      <c r="J111" s="22" t="s">
        <v>268</v>
      </c>
      <c r="K111" s="16">
        <v>115</v>
      </c>
      <c r="L111" s="16">
        <v>5465</v>
      </c>
      <c r="M111" s="16">
        <v>29780</v>
      </c>
      <c r="N111" s="16">
        <v>37557</v>
      </c>
      <c r="O111" s="22" t="s">
        <v>268</v>
      </c>
      <c r="P111" s="16">
        <v>10928</v>
      </c>
      <c r="Q111" s="22" t="s">
        <v>268</v>
      </c>
      <c r="R111" s="16">
        <v>12908</v>
      </c>
      <c r="S111" s="16">
        <v>293</v>
      </c>
      <c r="T111" s="16">
        <v>217</v>
      </c>
      <c r="U111" s="16">
        <v>1092</v>
      </c>
      <c r="V111" s="16">
        <v>2763</v>
      </c>
      <c r="W111" s="16">
        <v>1556</v>
      </c>
      <c r="X111" s="16">
        <v>7800</v>
      </c>
      <c r="Y111" s="16">
        <v>1455</v>
      </c>
      <c r="Z111" s="16">
        <v>66640</v>
      </c>
      <c r="AA111" s="22" t="s">
        <v>268</v>
      </c>
      <c r="AB111" s="16">
        <v>22508</v>
      </c>
      <c r="AC111" s="22" t="s">
        <v>268</v>
      </c>
      <c r="AD111" s="16">
        <v>66640</v>
      </c>
    </row>
    <row r="112" spans="1:30">
      <c r="A112" s="21" t="s">
        <v>232</v>
      </c>
      <c r="B112" s="21" t="s">
        <v>237</v>
      </c>
      <c r="C112" s="21" t="s">
        <v>264</v>
      </c>
      <c r="D112" s="21" t="s">
        <v>214</v>
      </c>
      <c r="E112" s="21" t="s">
        <v>630</v>
      </c>
      <c r="F112" s="21" t="s">
        <v>389</v>
      </c>
      <c r="G112" s="16">
        <v>96321</v>
      </c>
      <c r="H112" s="16">
        <v>53658</v>
      </c>
      <c r="I112" s="16">
        <v>23759</v>
      </c>
      <c r="J112" s="22" t="s">
        <v>268</v>
      </c>
      <c r="K112" s="22" t="s">
        <v>268</v>
      </c>
      <c r="L112" s="16">
        <v>3449</v>
      </c>
      <c r="M112" s="16">
        <v>20310</v>
      </c>
      <c r="N112" s="16">
        <v>29899</v>
      </c>
      <c r="O112" s="22" t="s">
        <v>268</v>
      </c>
      <c r="P112" s="16">
        <v>10430</v>
      </c>
      <c r="Q112" s="22" t="s">
        <v>268</v>
      </c>
      <c r="R112" s="16">
        <v>10163</v>
      </c>
      <c r="S112" s="16">
        <v>196</v>
      </c>
      <c r="T112" s="16">
        <v>147</v>
      </c>
      <c r="U112" s="16">
        <v>930</v>
      </c>
      <c r="V112" s="16">
        <v>2364</v>
      </c>
      <c r="W112" s="16">
        <v>679</v>
      </c>
      <c r="X112" s="16">
        <v>4990</v>
      </c>
      <c r="Y112" s="16">
        <v>637</v>
      </c>
      <c r="Z112" s="16">
        <v>42026</v>
      </c>
      <c r="AA112" s="22" t="s">
        <v>268</v>
      </c>
      <c r="AB112" s="16">
        <v>17006</v>
      </c>
      <c r="AC112" s="22" t="s">
        <v>268</v>
      </c>
      <c r="AD112" s="16">
        <v>42026</v>
      </c>
    </row>
    <row r="113" spans="1:30">
      <c r="A113" s="21" t="s">
        <v>232</v>
      </c>
      <c r="B113" s="21" t="s">
        <v>237</v>
      </c>
      <c r="C113" s="21" t="s">
        <v>264</v>
      </c>
      <c r="D113" s="21" t="s">
        <v>214</v>
      </c>
      <c r="E113" s="21" t="s">
        <v>630</v>
      </c>
      <c r="F113" s="21" t="s">
        <v>390</v>
      </c>
      <c r="G113" s="16">
        <v>46574</v>
      </c>
      <c r="H113" s="16">
        <v>29672</v>
      </c>
      <c r="I113" s="16">
        <v>11586</v>
      </c>
      <c r="J113" s="22" t="s">
        <v>268</v>
      </c>
      <c r="K113" s="22" t="s">
        <v>268</v>
      </c>
      <c r="L113" s="16">
        <v>1638</v>
      </c>
      <c r="M113" s="16">
        <v>9948</v>
      </c>
      <c r="N113" s="16">
        <v>18086</v>
      </c>
      <c r="O113" s="22" t="s">
        <v>268</v>
      </c>
      <c r="P113" s="16">
        <v>7628</v>
      </c>
      <c r="Q113" s="22" t="s">
        <v>268</v>
      </c>
      <c r="R113" s="16">
        <v>5349</v>
      </c>
      <c r="S113" s="16">
        <v>97</v>
      </c>
      <c r="T113" s="16">
        <v>98</v>
      </c>
      <c r="U113" s="16">
        <v>644</v>
      </c>
      <c r="V113" s="16">
        <v>1706</v>
      </c>
      <c r="W113" s="16">
        <v>181</v>
      </c>
      <c r="X113" s="16">
        <v>2383</v>
      </c>
      <c r="Y113" s="16">
        <v>209</v>
      </c>
      <c r="Z113" s="16">
        <v>16693</v>
      </c>
      <c r="AA113" s="22" t="s">
        <v>268</v>
      </c>
      <c r="AB113" s="16">
        <v>9369</v>
      </c>
      <c r="AC113" s="22" t="s">
        <v>268</v>
      </c>
      <c r="AD113" s="16">
        <v>16693</v>
      </c>
    </row>
    <row r="114" spans="1:30">
      <c r="A114" s="21" t="s">
        <v>232</v>
      </c>
      <c r="B114" s="21" t="s">
        <v>237</v>
      </c>
      <c r="C114" s="21" t="s">
        <v>264</v>
      </c>
      <c r="D114" s="21" t="s">
        <v>214</v>
      </c>
      <c r="E114" s="21" t="s">
        <v>630</v>
      </c>
      <c r="F114" s="21" t="s">
        <v>391</v>
      </c>
      <c r="G114" s="16">
        <v>93488</v>
      </c>
      <c r="H114" s="16">
        <v>57263</v>
      </c>
      <c r="I114" s="16">
        <v>39537</v>
      </c>
      <c r="J114" s="22" t="s">
        <v>268</v>
      </c>
      <c r="K114" s="16">
        <v>4963</v>
      </c>
      <c r="L114" s="16">
        <v>4463</v>
      </c>
      <c r="M114" s="16">
        <v>30111</v>
      </c>
      <c r="N114" s="16">
        <v>17726</v>
      </c>
      <c r="O114" s="22" t="s">
        <v>268</v>
      </c>
      <c r="P114" s="16">
        <v>316</v>
      </c>
      <c r="Q114" s="16">
        <v>51</v>
      </c>
      <c r="R114" s="16">
        <v>2199</v>
      </c>
      <c r="S114" s="16">
        <v>152</v>
      </c>
      <c r="T114" s="16">
        <v>4573</v>
      </c>
      <c r="U114" s="16">
        <v>340</v>
      </c>
      <c r="V114" s="16">
        <v>1252</v>
      </c>
      <c r="W114" s="16">
        <v>991</v>
      </c>
      <c r="X114" s="16">
        <v>7852</v>
      </c>
      <c r="Y114" s="16">
        <v>2277</v>
      </c>
      <c r="Z114" s="16">
        <v>33948</v>
      </c>
      <c r="AA114" s="22" t="s">
        <v>268</v>
      </c>
      <c r="AB114" s="16">
        <v>15080</v>
      </c>
      <c r="AC114" s="22" t="s">
        <v>268</v>
      </c>
      <c r="AD114" s="16">
        <v>11104</v>
      </c>
    </row>
    <row r="115" spans="1:30">
      <c r="A115" s="21" t="s">
        <v>232</v>
      </c>
      <c r="B115" s="21" t="s">
        <v>237</v>
      </c>
      <c r="C115" s="21" t="s">
        <v>264</v>
      </c>
      <c r="D115" s="21" t="s">
        <v>215</v>
      </c>
      <c r="E115" s="21" t="s">
        <v>630</v>
      </c>
      <c r="F115" s="21" t="s">
        <v>401</v>
      </c>
      <c r="G115" s="16">
        <v>54398</v>
      </c>
      <c r="H115" s="16">
        <v>25793</v>
      </c>
      <c r="I115" s="16">
        <v>16122</v>
      </c>
      <c r="J115" s="22" t="s">
        <v>268</v>
      </c>
      <c r="K115" s="16">
        <v>3245</v>
      </c>
      <c r="L115" s="16">
        <v>8426</v>
      </c>
      <c r="M115" s="16">
        <v>4451</v>
      </c>
      <c r="N115" s="16">
        <v>9671</v>
      </c>
      <c r="O115" s="22" t="s">
        <v>268</v>
      </c>
      <c r="P115" s="16">
        <v>1415</v>
      </c>
      <c r="Q115" s="16">
        <v>41</v>
      </c>
      <c r="R115" s="16">
        <v>2338</v>
      </c>
      <c r="S115" s="16">
        <v>108</v>
      </c>
      <c r="T115" s="16">
        <v>1173</v>
      </c>
      <c r="U115" s="16">
        <v>265</v>
      </c>
      <c r="V115" s="16">
        <v>690</v>
      </c>
      <c r="W115" s="16">
        <v>806</v>
      </c>
      <c r="X115" s="16">
        <v>2835</v>
      </c>
      <c r="Y115" s="16">
        <v>1456</v>
      </c>
      <c r="Z115" s="16">
        <v>27149</v>
      </c>
      <c r="AA115" s="22" t="s">
        <v>268</v>
      </c>
      <c r="AB115" s="16">
        <v>6646</v>
      </c>
      <c r="AC115" s="22" t="s">
        <v>268</v>
      </c>
      <c r="AD115" s="16">
        <v>16980</v>
      </c>
    </row>
    <row r="116" spans="1:30">
      <c r="A116" s="21" t="s">
        <v>232</v>
      </c>
      <c r="B116" s="21" t="s">
        <v>237</v>
      </c>
      <c r="C116" s="21" t="s">
        <v>264</v>
      </c>
      <c r="D116" s="21" t="s">
        <v>215</v>
      </c>
      <c r="E116" s="21" t="s">
        <v>630</v>
      </c>
      <c r="F116" s="21" t="s">
        <v>405</v>
      </c>
      <c r="G116" s="16">
        <v>9</v>
      </c>
      <c r="H116" s="16">
        <v>7</v>
      </c>
      <c r="I116" s="16">
        <v>6</v>
      </c>
      <c r="J116" s="22" t="s">
        <v>268</v>
      </c>
      <c r="K116" s="16">
        <v>3</v>
      </c>
      <c r="L116" s="16">
        <v>1</v>
      </c>
      <c r="M116" s="16">
        <v>2</v>
      </c>
      <c r="N116" s="16">
        <v>1</v>
      </c>
      <c r="O116" s="22" t="s">
        <v>268</v>
      </c>
      <c r="P116" s="22" t="s">
        <v>268</v>
      </c>
      <c r="Q116" s="22" t="s">
        <v>268</v>
      </c>
      <c r="R116" s="22" t="s">
        <v>268</v>
      </c>
      <c r="S116" s="22" t="s">
        <v>268</v>
      </c>
      <c r="T116" s="22" t="s">
        <v>268</v>
      </c>
      <c r="U116" s="22" t="s">
        <v>268</v>
      </c>
      <c r="V116" s="22" t="s">
        <v>268</v>
      </c>
      <c r="W116" s="22" t="s">
        <v>268</v>
      </c>
      <c r="X116" s="16">
        <v>1</v>
      </c>
      <c r="Y116" s="22" t="s">
        <v>268</v>
      </c>
      <c r="Z116" s="16">
        <v>2</v>
      </c>
      <c r="AA116" s="22" t="s">
        <v>268</v>
      </c>
      <c r="AB116" s="22" t="s">
        <v>268</v>
      </c>
      <c r="AC116" s="22" t="s">
        <v>268</v>
      </c>
      <c r="AD116" s="22" t="s">
        <v>268</v>
      </c>
    </row>
    <row r="117" spans="1:30">
      <c r="A117" s="21" t="s">
        <v>232</v>
      </c>
      <c r="B117" s="21" t="s">
        <v>237</v>
      </c>
      <c r="C117" s="21" t="s">
        <v>264</v>
      </c>
      <c r="D117" s="21" t="s">
        <v>215</v>
      </c>
      <c r="E117" s="21" t="s">
        <v>630</v>
      </c>
      <c r="F117" s="21" t="s">
        <v>406</v>
      </c>
      <c r="G117" s="16">
        <v>100</v>
      </c>
      <c r="H117" s="16">
        <v>76</v>
      </c>
      <c r="I117" s="16">
        <v>40</v>
      </c>
      <c r="J117" s="22" t="s">
        <v>268</v>
      </c>
      <c r="K117" s="16">
        <v>20</v>
      </c>
      <c r="L117" s="16">
        <v>4</v>
      </c>
      <c r="M117" s="16">
        <v>16</v>
      </c>
      <c r="N117" s="16">
        <v>36</v>
      </c>
      <c r="O117" s="22" t="s">
        <v>268</v>
      </c>
      <c r="P117" s="22" t="s">
        <v>268</v>
      </c>
      <c r="Q117" s="16">
        <v>2</v>
      </c>
      <c r="R117" s="16">
        <v>2</v>
      </c>
      <c r="S117" s="16">
        <v>3</v>
      </c>
      <c r="T117" s="16">
        <v>6</v>
      </c>
      <c r="U117" s="16">
        <v>1</v>
      </c>
      <c r="V117" s="16">
        <v>4</v>
      </c>
      <c r="W117" s="16">
        <v>2</v>
      </c>
      <c r="X117" s="16">
        <v>16</v>
      </c>
      <c r="Y117" s="16">
        <v>4</v>
      </c>
      <c r="Z117" s="16">
        <v>20</v>
      </c>
      <c r="AA117" s="22" t="s">
        <v>268</v>
      </c>
      <c r="AB117" s="16">
        <v>28</v>
      </c>
      <c r="AC117" s="22" t="s">
        <v>268</v>
      </c>
      <c r="AD117" s="22" t="s">
        <v>268</v>
      </c>
    </row>
    <row r="118" spans="1:30">
      <c r="A118" s="21" t="s">
        <v>232</v>
      </c>
      <c r="B118" s="21" t="s">
        <v>237</v>
      </c>
      <c r="C118" s="21" t="s">
        <v>264</v>
      </c>
      <c r="D118" s="21" t="s">
        <v>215</v>
      </c>
      <c r="E118" s="21" t="s">
        <v>630</v>
      </c>
      <c r="F118" s="21" t="s">
        <v>407</v>
      </c>
      <c r="G118" s="16">
        <v>426</v>
      </c>
      <c r="H118" s="16">
        <v>284</v>
      </c>
      <c r="I118" s="16">
        <v>172</v>
      </c>
      <c r="J118" s="22" t="s">
        <v>268</v>
      </c>
      <c r="K118" s="16">
        <v>90</v>
      </c>
      <c r="L118" s="16">
        <v>27</v>
      </c>
      <c r="M118" s="16">
        <v>55</v>
      </c>
      <c r="N118" s="16">
        <v>112</v>
      </c>
      <c r="O118" s="22" t="s">
        <v>268</v>
      </c>
      <c r="P118" s="22" t="s">
        <v>268</v>
      </c>
      <c r="Q118" s="16">
        <v>10</v>
      </c>
      <c r="R118" s="16">
        <v>25</v>
      </c>
      <c r="S118" s="16">
        <v>4</v>
      </c>
      <c r="T118" s="16">
        <v>28</v>
      </c>
      <c r="U118" s="16">
        <v>1</v>
      </c>
      <c r="V118" s="16">
        <v>9</v>
      </c>
      <c r="W118" s="16">
        <v>4</v>
      </c>
      <c r="X118" s="16">
        <v>31</v>
      </c>
      <c r="Y118" s="16">
        <v>22</v>
      </c>
      <c r="Z118" s="16">
        <v>120</v>
      </c>
      <c r="AA118" s="22" t="s">
        <v>268</v>
      </c>
      <c r="AB118" s="16">
        <v>96</v>
      </c>
      <c r="AC118" s="22" t="s">
        <v>268</v>
      </c>
      <c r="AD118" s="22" t="s">
        <v>268</v>
      </c>
    </row>
    <row r="119" spans="1:30">
      <c r="A119" s="21" t="s">
        <v>232</v>
      </c>
      <c r="B119" s="21" t="s">
        <v>237</v>
      </c>
      <c r="C119" s="21" t="s">
        <v>264</v>
      </c>
      <c r="D119" s="21" t="s">
        <v>215</v>
      </c>
      <c r="E119" s="21" t="s">
        <v>630</v>
      </c>
      <c r="F119" s="21" t="s">
        <v>408</v>
      </c>
      <c r="G119" s="16">
        <v>1086</v>
      </c>
      <c r="H119" s="16">
        <v>686</v>
      </c>
      <c r="I119" s="16">
        <v>393</v>
      </c>
      <c r="J119" s="22" t="s">
        <v>268</v>
      </c>
      <c r="K119" s="16">
        <v>191</v>
      </c>
      <c r="L119" s="16">
        <v>95</v>
      </c>
      <c r="M119" s="16">
        <v>107</v>
      </c>
      <c r="N119" s="16">
        <v>293</v>
      </c>
      <c r="O119" s="22" t="s">
        <v>268</v>
      </c>
      <c r="P119" s="22" t="s">
        <v>268</v>
      </c>
      <c r="Q119" s="16">
        <v>10</v>
      </c>
      <c r="R119" s="16">
        <v>74</v>
      </c>
      <c r="S119" s="16">
        <v>5</v>
      </c>
      <c r="T119" s="16">
        <v>71</v>
      </c>
      <c r="U119" s="16">
        <v>2</v>
      </c>
      <c r="V119" s="16">
        <v>45</v>
      </c>
      <c r="W119" s="16">
        <v>3</v>
      </c>
      <c r="X119" s="16">
        <v>83</v>
      </c>
      <c r="Y119" s="16">
        <v>37</v>
      </c>
      <c r="Z119" s="16">
        <v>363</v>
      </c>
      <c r="AA119" s="22" t="s">
        <v>268</v>
      </c>
      <c r="AB119" s="16">
        <v>259</v>
      </c>
      <c r="AC119" s="22" t="s">
        <v>268</v>
      </c>
      <c r="AD119" s="22" t="s">
        <v>268</v>
      </c>
    </row>
    <row r="120" spans="1:30">
      <c r="A120" s="21" t="s">
        <v>232</v>
      </c>
      <c r="B120" s="21" t="s">
        <v>237</v>
      </c>
      <c r="C120" s="21" t="s">
        <v>264</v>
      </c>
      <c r="D120" s="21" t="s">
        <v>215</v>
      </c>
      <c r="E120" s="21" t="s">
        <v>630</v>
      </c>
      <c r="F120" s="21" t="s">
        <v>409</v>
      </c>
      <c r="G120" s="16">
        <v>1912</v>
      </c>
      <c r="H120" s="16">
        <v>1201</v>
      </c>
      <c r="I120" s="16">
        <v>798</v>
      </c>
      <c r="J120" s="22" t="s">
        <v>268</v>
      </c>
      <c r="K120" s="16">
        <v>368</v>
      </c>
      <c r="L120" s="16">
        <v>229</v>
      </c>
      <c r="M120" s="16">
        <v>201</v>
      </c>
      <c r="N120" s="16">
        <v>403</v>
      </c>
      <c r="O120" s="22" t="s">
        <v>268</v>
      </c>
      <c r="P120" s="22" t="s">
        <v>268</v>
      </c>
      <c r="Q120" s="16">
        <v>13</v>
      </c>
      <c r="R120" s="16">
        <v>64</v>
      </c>
      <c r="S120" s="16">
        <v>4</v>
      </c>
      <c r="T120" s="16">
        <v>155</v>
      </c>
      <c r="U120" s="16">
        <v>3</v>
      </c>
      <c r="V120" s="16">
        <v>38</v>
      </c>
      <c r="W120" s="16">
        <v>7</v>
      </c>
      <c r="X120" s="16">
        <v>119</v>
      </c>
      <c r="Y120" s="16">
        <v>64</v>
      </c>
      <c r="Z120" s="16">
        <v>647</v>
      </c>
      <c r="AA120" s="22" t="s">
        <v>268</v>
      </c>
      <c r="AB120" s="16">
        <v>372</v>
      </c>
      <c r="AC120" s="22" t="s">
        <v>268</v>
      </c>
      <c r="AD120" s="22" t="s">
        <v>268</v>
      </c>
    </row>
    <row r="121" spans="1:30">
      <c r="A121" s="21" t="s">
        <v>232</v>
      </c>
      <c r="B121" s="21" t="s">
        <v>237</v>
      </c>
      <c r="C121" s="21" t="s">
        <v>264</v>
      </c>
      <c r="D121" s="21" t="s">
        <v>215</v>
      </c>
      <c r="E121" s="21" t="s">
        <v>630</v>
      </c>
      <c r="F121" s="21" t="s">
        <v>410</v>
      </c>
      <c r="G121" s="16">
        <v>2847</v>
      </c>
      <c r="H121" s="16">
        <v>1833</v>
      </c>
      <c r="I121" s="16">
        <v>1256</v>
      </c>
      <c r="J121" s="22" t="s">
        <v>268</v>
      </c>
      <c r="K121" s="16">
        <v>568</v>
      </c>
      <c r="L121" s="16">
        <v>384</v>
      </c>
      <c r="M121" s="16">
        <v>304</v>
      </c>
      <c r="N121" s="16">
        <v>577</v>
      </c>
      <c r="O121" s="22" t="s">
        <v>268</v>
      </c>
      <c r="P121" s="22" t="s">
        <v>268</v>
      </c>
      <c r="Q121" s="16">
        <v>4</v>
      </c>
      <c r="R121" s="16">
        <v>52</v>
      </c>
      <c r="S121" s="16">
        <v>3</v>
      </c>
      <c r="T121" s="16">
        <v>240</v>
      </c>
      <c r="U121" s="16">
        <v>6</v>
      </c>
      <c r="V121" s="16">
        <v>55</v>
      </c>
      <c r="W121" s="16">
        <v>7</v>
      </c>
      <c r="X121" s="16">
        <v>210</v>
      </c>
      <c r="Y121" s="16">
        <v>90</v>
      </c>
      <c r="Z121" s="16">
        <v>924</v>
      </c>
      <c r="AA121" s="22" t="s">
        <v>268</v>
      </c>
      <c r="AB121" s="16">
        <v>522</v>
      </c>
      <c r="AC121" s="22" t="s">
        <v>268</v>
      </c>
      <c r="AD121" s="22" t="s">
        <v>268</v>
      </c>
    </row>
    <row r="122" spans="1:30">
      <c r="A122" s="21" t="s">
        <v>232</v>
      </c>
      <c r="B122" s="21" t="s">
        <v>237</v>
      </c>
      <c r="C122" s="21" t="s">
        <v>264</v>
      </c>
      <c r="D122" s="21" t="s">
        <v>215</v>
      </c>
      <c r="E122" s="21" t="s">
        <v>630</v>
      </c>
      <c r="F122" s="21" t="s">
        <v>411</v>
      </c>
      <c r="G122" s="16">
        <v>3705</v>
      </c>
      <c r="H122" s="16">
        <v>2228</v>
      </c>
      <c r="I122" s="16">
        <v>1692</v>
      </c>
      <c r="J122" s="22" t="s">
        <v>268</v>
      </c>
      <c r="K122" s="16">
        <v>674</v>
      </c>
      <c r="L122" s="16">
        <v>498</v>
      </c>
      <c r="M122" s="16">
        <v>520</v>
      </c>
      <c r="N122" s="16">
        <v>536</v>
      </c>
      <c r="O122" s="22" t="s">
        <v>268</v>
      </c>
      <c r="P122" s="16">
        <v>1</v>
      </c>
      <c r="Q122" s="16">
        <v>2</v>
      </c>
      <c r="R122" s="16">
        <v>28</v>
      </c>
      <c r="S122" s="16">
        <v>2</v>
      </c>
      <c r="T122" s="16">
        <v>242</v>
      </c>
      <c r="U122" s="16">
        <v>9</v>
      </c>
      <c r="V122" s="16">
        <v>40</v>
      </c>
      <c r="W122" s="16">
        <v>17</v>
      </c>
      <c r="X122" s="16">
        <v>195</v>
      </c>
      <c r="Y122" s="16">
        <v>129</v>
      </c>
      <c r="Z122" s="16">
        <v>1348</v>
      </c>
      <c r="AA122" s="22" t="s">
        <v>268</v>
      </c>
      <c r="AB122" s="16">
        <v>479</v>
      </c>
      <c r="AC122" s="22" t="s">
        <v>268</v>
      </c>
      <c r="AD122" s="22" t="s">
        <v>268</v>
      </c>
    </row>
    <row r="123" spans="1:30">
      <c r="A123" s="21" t="s">
        <v>232</v>
      </c>
      <c r="B123" s="21" t="s">
        <v>237</v>
      </c>
      <c r="C123" s="21" t="s">
        <v>264</v>
      </c>
      <c r="D123" s="21" t="s">
        <v>215</v>
      </c>
      <c r="E123" s="21" t="s">
        <v>630</v>
      </c>
      <c r="F123" s="21" t="s">
        <v>412</v>
      </c>
      <c r="G123" s="16">
        <v>4207</v>
      </c>
      <c r="H123" s="16">
        <v>2460</v>
      </c>
      <c r="I123" s="16">
        <v>1884</v>
      </c>
      <c r="J123" s="22" t="s">
        <v>268</v>
      </c>
      <c r="K123" s="16">
        <v>616</v>
      </c>
      <c r="L123" s="16">
        <v>535</v>
      </c>
      <c r="M123" s="16">
        <v>733</v>
      </c>
      <c r="N123" s="16">
        <v>576</v>
      </c>
      <c r="O123" s="22" t="s">
        <v>268</v>
      </c>
      <c r="P123" s="16">
        <v>1</v>
      </c>
      <c r="Q123" s="22" t="s">
        <v>268</v>
      </c>
      <c r="R123" s="16">
        <v>15</v>
      </c>
      <c r="S123" s="16">
        <v>4</v>
      </c>
      <c r="T123" s="16">
        <v>191</v>
      </c>
      <c r="U123" s="16">
        <v>19</v>
      </c>
      <c r="V123" s="16">
        <v>30</v>
      </c>
      <c r="W123" s="16">
        <v>37</v>
      </c>
      <c r="X123" s="16">
        <v>279</v>
      </c>
      <c r="Y123" s="16">
        <v>129</v>
      </c>
      <c r="Z123" s="16">
        <v>1618</v>
      </c>
      <c r="AA123" s="22" t="s">
        <v>268</v>
      </c>
      <c r="AB123" s="16">
        <v>486</v>
      </c>
      <c r="AC123" s="22" t="s">
        <v>268</v>
      </c>
      <c r="AD123" s="22" t="s">
        <v>268</v>
      </c>
    </row>
    <row r="124" spans="1:30">
      <c r="A124" s="21" t="s">
        <v>232</v>
      </c>
      <c r="B124" s="21" t="s">
        <v>237</v>
      </c>
      <c r="C124" s="21" t="s">
        <v>264</v>
      </c>
      <c r="D124" s="21" t="s">
        <v>215</v>
      </c>
      <c r="E124" s="21" t="s">
        <v>630</v>
      </c>
      <c r="F124" s="21" t="s">
        <v>413</v>
      </c>
      <c r="G124" s="16">
        <v>4828</v>
      </c>
      <c r="H124" s="16">
        <v>2515</v>
      </c>
      <c r="I124" s="16">
        <v>1907</v>
      </c>
      <c r="J124" s="22" t="s">
        <v>268</v>
      </c>
      <c r="K124" s="16">
        <v>452</v>
      </c>
      <c r="L124" s="16">
        <v>547</v>
      </c>
      <c r="M124" s="16">
        <v>908</v>
      </c>
      <c r="N124" s="16">
        <v>608</v>
      </c>
      <c r="O124" s="22" t="s">
        <v>268</v>
      </c>
      <c r="P124" s="16">
        <v>4</v>
      </c>
      <c r="Q124" s="22" t="s">
        <v>268</v>
      </c>
      <c r="R124" s="16">
        <v>32</v>
      </c>
      <c r="S124" s="16">
        <v>7</v>
      </c>
      <c r="T124" s="16">
        <v>128</v>
      </c>
      <c r="U124" s="16">
        <v>28</v>
      </c>
      <c r="V124" s="16">
        <v>34</v>
      </c>
      <c r="W124" s="16">
        <v>67</v>
      </c>
      <c r="X124" s="16">
        <v>308</v>
      </c>
      <c r="Y124" s="16">
        <v>139</v>
      </c>
      <c r="Z124" s="16">
        <v>2174</v>
      </c>
      <c r="AA124" s="22" t="s">
        <v>268</v>
      </c>
      <c r="AB124" s="16">
        <v>472</v>
      </c>
      <c r="AC124" s="22" t="s">
        <v>268</v>
      </c>
      <c r="AD124" s="22" t="s">
        <v>268</v>
      </c>
    </row>
    <row r="125" spans="1:30">
      <c r="A125" s="21" t="s">
        <v>232</v>
      </c>
      <c r="B125" s="21" t="s">
        <v>237</v>
      </c>
      <c r="C125" s="21" t="s">
        <v>264</v>
      </c>
      <c r="D125" s="21" t="s">
        <v>215</v>
      </c>
      <c r="E125" s="21" t="s">
        <v>630</v>
      </c>
      <c r="F125" s="21" t="s">
        <v>414</v>
      </c>
      <c r="G125" s="16">
        <v>5618</v>
      </c>
      <c r="H125" s="16">
        <v>2469</v>
      </c>
      <c r="I125" s="16">
        <v>1774</v>
      </c>
      <c r="J125" s="22" t="s">
        <v>268</v>
      </c>
      <c r="K125" s="16">
        <v>196</v>
      </c>
      <c r="L125" s="16">
        <v>728</v>
      </c>
      <c r="M125" s="16">
        <v>850</v>
      </c>
      <c r="N125" s="16">
        <v>695</v>
      </c>
      <c r="O125" s="22" t="s">
        <v>268</v>
      </c>
      <c r="P125" s="16">
        <v>9</v>
      </c>
      <c r="Q125" s="22" t="s">
        <v>268</v>
      </c>
      <c r="R125" s="16">
        <v>76</v>
      </c>
      <c r="S125" s="16">
        <v>14</v>
      </c>
      <c r="T125" s="16">
        <v>68</v>
      </c>
      <c r="U125" s="16">
        <v>19</v>
      </c>
      <c r="V125" s="16">
        <v>57</v>
      </c>
      <c r="W125" s="16">
        <v>138</v>
      </c>
      <c r="X125" s="16">
        <v>314</v>
      </c>
      <c r="Y125" s="16">
        <v>196</v>
      </c>
      <c r="Z125" s="16">
        <v>2953</v>
      </c>
      <c r="AA125" s="22" t="s">
        <v>268</v>
      </c>
      <c r="AB125" s="16">
        <v>471</v>
      </c>
      <c r="AC125" s="22" t="s">
        <v>268</v>
      </c>
      <c r="AD125" s="22" t="s">
        <v>268</v>
      </c>
    </row>
    <row r="126" spans="1:30">
      <c r="A126" s="21" t="s">
        <v>232</v>
      </c>
      <c r="B126" s="21" t="s">
        <v>237</v>
      </c>
      <c r="C126" s="21" t="s">
        <v>264</v>
      </c>
      <c r="D126" s="21" t="s">
        <v>215</v>
      </c>
      <c r="E126" s="21" t="s">
        <v>630</v>
      </c>
      <c r="F126" s="21" t="s">
        <v>415</v>
      </c>
      <c r="G126" s="16">
        <v>6712</v>
      </c>
      <c r="H126" s="16">
        <v>2307</v>
      </c>
      <c r="I126" s="16">
        <v>1489</v>
      </c>
      <c r="J126" s="22" t="s">
        <v>268</v>
      </c>
      <c r="K126" s="16">
        <v>60</v>
      </c>
      <c r="L126" s="16">
        <v>906</v>
      </c>
      <c r="M126" s="16">
        <v>523</v>
      </c>
      <c r="N126" s="16">
        <v>818</v>
      </c>
      <c r="O126" s="22" t="s">
        <v>268</v>
      </c>
      <c r="P126" s="16">
        <v>29</v>
      </c>
      <c r="Q126" s="22" t="s">
        <v>268</v>
      </c>
      <c r="R126" s="16">
        <v>191</v>
      </c>
      <c r="S126" s="16">
        <v>15</v>
      </c>
      <c r="T126" s="16">
        <v>22</v>
      </c>
      <c r="U126" s="16">
        <v>14</v>
      </c>
      <c r="V126" s="16">
        <v>48</v>
      </c>
      <c r="W126" s="16">
        <v>184</v>
      </c>
      <c r="X126" s="16">
        <v>315</v>
      </c>
      <c r="Y126" s="16">
        <v>208</v>
      </c>
      <c r="Z126" s="16">
        <v>4197</v>
      </c>
      <c r="AA126" s="22" t="s">
        <v>268</v>
      </c>
      <c r="AB126" s="16">
        <v>509</v>
      </c>
      <c r="AC126" s="22" t="s">
        <v>268</v>
      </c>
      <c r="AD126" s="16">
        <v>4197</v>
      </c>
    </row>
    <row r="127" spans="1:30">
      <c r="A127" s="21" t="s">
        <v>232</v>
      </c>
      <c r="B127" s="21" t="s">
        <v>237</v>
      </c>
      <c r="C127" s="21" t="s">
        <v>264</v>
      </c>
      <c r="D127" s="21" t="s">
        <v>215</v>
      </c>
      <c r="E127" s="21" t="s">
        <v>630</v>
      </c>
      <c r="F127" s="21" t="s">
        <v>416</v>
      </c>
      <c r="G127" s="16">
        <v>6623</v>
      </c>
      <c r="H127" s="16">
        <v>2132</v>
      </c>
      <c r="I127" s="16">
        <v>1245</v>
      </c>
      <c r="J127" s="22" t="s">
        <v>268</v>
      </c>
      <c r="K127" s="16">
        <v>7</v>
      </c>
      <c r="L127" s="16">
        <v>1027</v>
      </c>
      <c r="M127" s="16">
        <v>211</v>
      </c>
      <c r="N127" s="16">
        <v>887</v>
      </c>
      <c r="O127" s="22" t="s">
        <v>268</v>
      </c>
      <c r="P127" s="16">
        <v>53</v>
      </c>
      <c r="Q127" s="22" t="s">
        <v>268</v>
      </c>
      <c r="R127" s="16">
        <v>295</v>
      </c>
      <c r="S127" s="16">
        <v>13</v>
      </c>
      <c r="T127" s="16">
        <v>4</v>
      </c>
      <c r="U127" s="16">
        <v>20</v>
      </c>
      <c r="V127" s="16">
        <v>41</v>
      </c>
      <c r="W127" s="16">
        <v>177</v>
      </c>
      <c r="X127" s="16">
        <v>284</v>
      </c>
      <c r="Y127" s="16">
        <v>194</v>
      </c>
      <c r="Z127" s="16">
        <v>4297</v>
      </c>
      <c r="AA127" s="22" t="s">
        <v>268</v>
      </c>
      <c r="AB127" s="16">
        <v>555</v>
      </c>
      <c r="AC127" s="22" t="s">
        <v>268</v>
      </c>
      <c r="AD127" s="16">
        <v>4297</v>
      </c>
    </row>
    <row r="128" spans="1:30">
      <c r="A128" s="21" t="s">
        <v>232</v>
      </c>
      <c r="B128" s="21" t="s">
        <v>237</v>
      </c>
      <c r="C128" s="21" t="s">
        <v>264</v>
      </c>
      <c r="D128" s="21" t="s">
        <v>215</v>
      </c>
      <c r="E128" s="21" t="s">
        <v>630</v>
      </c>
      <c r="F128" s="21" t="s">
        <v>417</v>
      </c>
      <c r="G128" s="16">
        <v>4656</v>
      </c>
      <c r="H128" s="16">
        <v>1588</v>
      </c>
      <c r="I128" s="16">
        <v>875</v>
      </c>
      <c r="J128" s="22" t="s">
        <v>268</v>
      </c>
      <c r="K128" s="22" t="s">
        <v>268</v>
      </c>
      <c r="L128" s="16">
        <v>857</v>
      </c>
      <c r="M128" s="16">
        <v>18</v>
      </c>
      <c r="N128" s="16">
        <v>713</v>
      </c>
      <c r="O128" s="22" t="s">
        <v>268</v>
      </c>
      <c r="P128" s="16">
        <v>75</v>
      </c>
      <c r="Q128" s="22" t="s">
        <v>268</v>
      </c>
      <c r="R128" s="16">
        <v>305</v>
      </c>
      <c r="S128" s="16">
        <v>9</v>
      </c>
      <c r="T128" s="16">
        <v>1</v>
      </c>
      <c r="U128" s="16">
        <v>12</v>
      </c>
      <c r="V128" s="16">
        <v>39</v>
      </c>
      <c r="W128" s="16">
        <v>96</v>
      </c>
      <c r="X128" s="16">
        <v>176</v>
      </c>
      <c r="Y128" s="16">
        <v>115</v>
      </c>
      <c r="Z128" s="16">
        <v>2953</v>
      </c>
      <c r="AA128" s="22" t="s">
        <v>268</v>
      </c>
      <c r="AB128" s="16">
        <v>480</v>
      </c>
      <c r="AC128" s="22" t="s">
        <v>268</v>
      </c>
      <c r="AD128" s="16">
        <v>2953</v>
      </c>
    </row>
    <row r="129" spans="1:30">
      <c r="A129" s="21" t="s">
        <v>232</v>
      </c>
      <c r="B129" s="21" t="s">
        <v>237</v>
      </c>
      <c r="C129" s="21" t="s">
        <v>264</v>
      </c>
      <c r="D129" s="21" t="s">
        <v>215</v>
      </c>
      <c r="E129" s="21" t="s">
        <v>630</v>
      </c>
      <c r="F129" s="21" t="s">
        <v>418</v>
      </c>
      <c r="G129" s="16">
        <v>4443</v>
      </c>
      <c r="H129" s="16">
        <v>1923</v>
      </c>
      <c r="I129" s="16">
        <v>953</v>
      </c>
      <c r="J129" s="22" t="s">
        <v>268</v>
      </c>
      <c r="K129" s="22" t="s">
        <v>268</v>
      </c>
      <c r="L129" s="16">
        <v>950</v>
      </c>
      <c r="M129" s="16">
        <v>3</v>
      </c>
      <c r="N129" s="16">
        <v>970</v>
      </c>
      <c r="O129" s="22" t="s">
        <v>268</v>
      </c>
      <c r="P129" s="16">
        <v>232</v>
      </c>
      <c r="Q129" s="22" t="s">
        <v>268</v>
      </c>
      <c r="R129" s="16">
        <v>407</v>
      </c>
      <c r="S129" s="16">
        <v>13</v>
      </c>
      <c r="T129" s="16">
        <v>5</v>
      </c>
      <c r="U129" s="16">
        <v>32</v>
      </c>
      <c r="V129" s="16">
        <v>53</v>
      </c>
      <c r="W129" s="16">
        <v>40</v>
      </c>
      <c r="X129" s="16">
        <v>188</v>
      </c>
      <c r="Y129" s="16">
        <v>67</v>
      </c>
      <c r="Z129" s="16">
        <v>2453</v>
      </c>
      <c r="AA129" s="22" t="s">
        <v>268</v>
      </c>
      <c r="AB129" s="16">
        <v>627</v>
      </c>
      <c r="AC129" s="22" t="s">
        <v>268</v>
      </c>
      <c r="AD129" s="16">
        <v>2453</v>
      </c>
    </row>
    <row r="130" spans="1:30">
      <c r="A130" s="21" t="s">
        <v>232</v>
      </c>
      <c r="B130" s="21" t="s">
        <v>237</v>
      </c>
      <c r="C130" s="21" t="s">
        <v>264</v>
      </c>
      <c r="D130" s="21" t="s">
        <v>215</v>
      </c>
      <c r="E130" s="21" t="s">
        <v>630</v>
      </c>
      <c r="F130" s="21" t="s">
        <v>419</v>
      </c>
      <c r="G130" s="16">
        <v>4090</v>
      </c>
      <c r="H130" s="16">
        <v>2138</v>
      </c>
      <c r="I130" s="16">
        <v>945</v>
      </c>
      <c r="J130" s="22" t="s">
        <v>268</v>
      </c>
      <c r="K130" s="22" t="s">
        <v>268</v>
      </c>
      <c r="L130" s="16">
        <v>945</v>
      </c>
      <c r="M130" s="22" t="s">
        <v>268</v>
      </c>
      <c r="N130" s="16">
        <v>1193</v>
      </c>
      <c r="O130" s="22" t="s">
        <v>268</v>
      </c>
      <c r="P130" s="16">
        <v>415</v>
      </c>
      <c r="Q130" s="22" t="s">
        <v>268</v>
      </c>
      <c r="R130" s="16">
        <v>444</v>
      </c>
      <c r="S130" s="16">
        <v>5</v>
      </c>
      <c r="T130" s="16">
        <v>4</v>
      </c>
      <c r="U130" s="16">
        <v>50</v>
      </c>
      <c r="V130" s="16">
        <v>84</v>
      </c>
      <c r="W130" s="16">
        <v>15</v>
      </c>
      <c r="X130" s="16">
        <v>176</v>
      </c>
      <c r="Y130" s="16">
        <v>44</v>
      </c>
      <c r="Z130" s="16">
        <v>1908</v>
      </c>
      <c r="AA130" s="22" t="s">
        <v>268</v>
      </c>
      <c r="AB130" s="16">
        <v>696</v>
      </c>
      <c r="AC130" s="22" t="s">
        <v>268</v>
      </c>
      <c r="AD130" s="16">
        <v>1908</v>
      </c>
    </row>
    <row r="131" spans="1:30">
      <c r="A131" s="21" t="s">
        <v>232</v>
      </c>
      <c r="B131" s="21" t="s">
        <v>237</v>
      </c>
      <c r="C131" s="21" t="s">
        <v>264</v>
      </c>
      <c r="D131" s="21" t="s">
        <v>215</v>
      </c>
      <c r="E131" s="21" t="s">
        <v>630</v>
      </c>
      <c r="F131" s="21" t="s">
        <v>420</v>
      </c>
      <c r="G131" s="16">
        <v>2418</v>
      </c>
      <c r="H131" s="16">
        <v>1443</v>
      </c>
      <c r="I131" s="16">
        <v>532</v>
      </c>
      <c r="J131" s="22" t="s">
        <v>268</v>
      </c>
      <c r="K131" s="22" t="s">
        <v>268</v>
      </c>
      <c r="L131" s="16">
        <v>532</v>
      </c>
      <c r="M131" s="22" t="s">
        <v>268</v>
      </c>
      <c r="N131" s="16">
        <v>911</v>
      </c>
      <c r="O131" s="22" t="s">
        <v>268</v>
      </c>
      <c r="P131" s="16">
        <v>419</v>
      </c>
      <c r="Q131" s="22" t="s">
        <v>268</v>
      </c>
      <c r="R131" s="16">
        <v>256</v>
      </c>
      <c r="S131" s="16">
        <v>5</v>
      </c>
      <c r="T131" s="16">
        <v>6</v>
      </c>
      <c r="U131" s="16">
        <v>32</v>
      </c>
      <c r="V131" s="16">
        <v>83</v>
      </c>
      <c r="W131" s="16">
        <v>10</v>
      </c>
      <c r="X131" s="16">
        <v>100</v>
      </c>
      <c r="Y131" s="16">
        <v>16</v>
      </c>
      <c r="Z131" s="16">
        <v>959</v>
      </c>
      <c r="AA131" s="22" t="s">
        <v>268</v>
      </c>
      <c r="AB131" s="16">
        <v>445</v>
      </c>
      <c r="AC131" s="22" t="s">
        <v>268</v>
      </c>
      <c r="AD131" s="16">
        <v>959</v>
      </c>
    </row>
    <row r="132" spans="1:30">
      <c r="A132" s="21" t="s">
        <v>232</v>
      </c>
      <c r="B132" s="21" t="s">
        <v>237</v>
      </c>
      <c r="C132" s="21" t="s">
        <v>264</v>
      </c>
      <c r="D132" s="21" t="s">
        <v>215</v>
      </c>
      <c r="E132" s="21" t="s">
        <v>630</v>
      </c>
      <c r="F132" s="21" t="s">
        <v>421</v>
      </c>
      <c r="G132" s="16">
        <v>659</v>
      </c>
      <c r="H132" s="16">
        <v>464</v>
      </c>
      <c r="I132" s="16">
        <v>148</v>
      </c>
      <c r="J132" s="22" t="s">
        <v>268</v>
      </c>
      <c r="K132" s="22" t="s">
        <v>268</v>
      </c>
      <c r="L132" s="16">
        <v>148</v>
      </c>
      <c r="M132" s="22" t="s">
        <v>268</v>
      </c>
      <c r="N132" s="16">
        <v>316</v>
      </c>
      <c r="O132" s="22" t="s">
        <v>268</v>
      </c>
      <c r="P132" s="16">
        <v>163</v>
      </c>
      <c r="Q132" s="22" t="s">
        <v>268</v>
      </c>
      <c r="R132" s="16">
        <v>68</v>
      </c>
      <c r="S132" s="16">
        <v>2</v>
      </c>
      <c r="T132" s="16">
        <v>2</v>
      </c>
      <c r="U132" s="16">
        <v>14</v>
      </c>
      <c r="V132" s="16">
        <v>28</v>
      </c>
      <c r="W132" s="16">
        <v>2</v>
      </c>
      <c r="X132" s="16">
        <v>37</v>
      </c>
      <c r="Y132" s="16">
        <v>1</v>
      </c>
      <c r="Z132" s="16">
        <v>194</v>
      </c>
      <c r="AA132" s="22" t="s">
        <v>268</v>
      </c>
      <c r="AB132" s="16">
        <v>137</v>
      </c>
      <c r="AC132" s="22" t="s">
        <v>268</v>
      </c>
      <c r="AD132" s="16">
        <v>194</v>
      </c>
    </row>
    <row r="133" spans="1:30">
      <c r="A133" s="21" t="s">
        <v>232</v>
      </c>
      <c r="B133" s="21" t="s">
        <v>237</v>
      </c>
      <c r="C133" s="21" t="s">
        <v>264</v>
      </c>
      <c r="D133" s="21" t="s">
        <v>215</v>
      </c>
      <c r="E133" s="21" t="s">
        <v>630</v>
      </c>
      <c r="F133" s="21" t="s">
        <v>422</v>
      </c>
      <c r="G133" s="16">
        <v>59</v>
      </c>
      <c r="H133" s="16">
        <v>39</v>
      </c>
      <c r="I133" s="16">
        <v>13</v>
      </c>
      <c r="J133" s="22" t="s">
        <v>268</v>
      </c>
      <c r="K133" s="22" t="s">
        <v>268</v>
      </c>
      <c r="L133" s="16">
        <v>13</v>
      </c>
      <c r="M133" s="22" t="s">
        <v>268</v>
      </c>
      <c r="N133" s="16">
        <v>26</v>
      </c>
      <c r="O133" s="22" t="s">
        <v>268</v>
      </c>
      <c r="P133" s="16">
        <v>14</v>
      </c>
      <c r="Q133" s="22" t="s">
        <v>268</v>
      </c>
      <c r="R133" s="16">
        <v>4</v>
      </c>
      <c r="S133" s="22" t="s">
        <v>268</v>
      </c>
      <c r="T133" s="22" t="s">
        <v>268</v>
      </c>
      <c r="U133" s="16">
        <v>3</v>
      </c>
      <c r="V133" s="16">
        <v>2</v>
      </c>
      <c r="W133" s="22" t="s">
        <v>268</v>
      </c>
      <c r="X133" s="16">
        <v>3</v>
      </c>
      <c r="Y133" s="16">
        <v>1</v>
      </c>
      <c r="Z133" s="16">
        <v>19</v>
      </c>
      <c r="AA133" s="22" t="s">
        <v>268</v>
      </c>
      <c r="AB133" s="16">
        <v>12</v>
      </c>
      <c r="AC133" s="22" t="s">
        <v>268</v>
      </c>
      <c r="AD133" s="16">
        <v>19</v>
      </c>
    </row>
    <row r="134" spans="1:30">
      <c r="A134" s="21" t="s">
        <v>232</v>
      </c>
      <c r="B134" s="21" t="s">
        <v>237</v>
      </c>
      <c r="C134" s="21" t="s">
        <v>264</v>
      </c>
      <c r="D134" s="21" t="s">
        <v>215</v>
      </c>
      <c r="E134" s="21" t="s">
        <v>630</v>
      </c>
      <c r="F134" s="21" t="s">
        <v>423</v>
      </c>
      <c r="G134" s="22" t="s">
        <v>268</v>
      </c>
      <c r="H134" s="22" t="s">
        <v>268</v>
      </c>
      <c r="I134" s="22" t="s">
        <v>268</v>
      </c>
      <c r="J134" s="22" t="s">
        <v>268</v>
      </c>
      <c r="K134" s="22" t="s">
        <v>268</v>
      </c>
      <c r="L134" s="22" t="s">
        <v>268</v>
      </c>
      <c r="M134" s="22" t="s">
        <v>268</v>
      </c>
      <c r="N134" s="22" t="s">
        <v>268</v>
      </c>
      <c r="O134" s="22" t="s">
        <v>268</v>
      </c>
      <c r="P134" s="22" t="s">
        <v>268</v>
      </c>
      <c r="Q134" s="22" t="s">
        <v>268</v>
      </c>
      <c r="R134" s="22" t="s">
        <v>268</v>
      </c>
      <c r="S134" s="22" t="s">
        <v>268</v>
      </c>
      <c r="T134" s="22" t="s">
        <v>268</v>
      </c>
      <c r="U134" s="22" t="s">
        <v>268</v>
      </c>
      <c r="V134" s="22" t="s">
        <v>268</v>
      </c>
      <c r="W134" s="22" t="s">
        <v>268</v>
      </c>
      <c r="X134" s="22" t="s">
        <v>268</v>
      </c>
      <c r="Y134" s="22" t="s">
        <v>268</v>
      </c>
      <c r="Z134" s="22" t="s">
        <v>268</v>
      </c>
      <c r="AA134" s="22" t="s">
        <v>268</v>
      </c>
      <c r="AB134" s="22" t="s">
        <v>268</v>
      </c>
      <c r="AC134" s="22" t="s">
        <v>268</v>
      </c>
      <c r="AD134" s="22" t="s">
        <v>268</v>
      </c>
    </row>
    <row r="135" spans="1:30">
      <c r="A135" s="21" t="s">
        <v>232</v>
      </c>
      <c r="B135" s="21" t="s">
        <v>237</v>
      </c>
      <c r="C135" s="21" t="s">
        <v>264</v>
      </c>
      <c r="D135" s="21" t="s">
        <v>215</v>
      </c>
      <c r="E135" s="21" t="s">
        <v>630</v>
      </c>
      <c r="F135" s="21" t="s">
        <v>386</v>
      </c>
      <c r="G135" s="22" t="s">
        <v>268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22" t="s">
        <v>268</v>
      </c>
      <c r="M135" s="22" t="s">
        <v>268</v>
      </c>
      <c r="N135" s="22" t="s">
        <v>268</v>
      </c>
      <c r="O135" s="22" t="s">
        <v>268</v>
      </c>
      <c r="P135" s="22" t="s">
        <v>268</v>
      </c>
      <c r="Q135" s="22" t="s">
        <v>268</v>
      </c>
      <c r="R135" s="22" t="s">
        <v>268</v>
      </c>
      <c r="S135" s="22" t="s">
        <v>268</v>
      </c>
      <c r="T135" s="22" t="s">
        <v>268</v>
      </c>
      <c r="U135" s="22" t="s">
        <v>268</v>
      </c>
      <c r="V135" s="22" t="s">
        <v>268</v>
      </c>
      <c r="W135" s="22" t="s">
        <v>268</v>
      </c>
      <c r="X135" s="22" t="s">
        <v>268</v>
      </c>
      <c r="Y135" s="22" t="s">
        <v>268</v>
      </c>
      <c r="Z135" s="22" t="s">
        <v>268</v>
      </c>
      <c r="AA135" s="22" t="s">
        <v>268</v>
      </c>
      <c r="AB135" s="22" t="s">
        <v>268</v>
      </c>
      <c r="AC135" s="22" t="s">
        <v>268</v>
      </c>
      <c r="AD135" s="22" t="s">
        <v>268</v>
      </c>
    </row>
    <row r="136" spans="1:30">
      <c r="A136" s="21" t="s">
        <v>232</v>
      </c>
      <c r="B136" s="21" t="s">
        <v>237</v>
      </c>
      <c r="C136" s="21" t="s">
        <v>264</v>
      </c>
      <c r="D136" s="21" t="s">
        <v>215</v>
      </c>
      <c r="E136" s="21" t="s">
        <v>630</v>
      </c>
      <c r="F136" s="21" t="s">
        <v>387</v>
      </c>
      <c r="G136" s="16">
        <v>24738</v>
      </c>
      <c r="H136" s="16">
        <v>13759</v>
      </c>
      <c r="I136" s="16">
        <v>9922</v>
      </c>
      <c r="J136" s="22" t="s">
        <v>268</v>
      </c>
      <c r="K136" s="16">
        <v>3178</v>
      </c>
      <c r="L136" s="16">
        <v>3048</v>
      </c>
      <c r="M136" s="16">
        <v>3696</v>
      </c>
      <c r="N136" s="16">
        <v>3837</v>
      </c>
      <c r="O136" s="22" t="s">
        <v>268</v>
      </c>
      <c r="P136" s="16">
        <v>15</v>
      </c>
      <c r="Q136" s="16">
        <v>41</v>
      </c>
      <c r="R136" s="16">
        <v>368</v>
      </c>
      <c r="S136" s="16">
        <v>46</v>
      </c>
      <c r="T136" s="16">
        <v>1129</v>
      </c>
      <c r="U136" s="16">
        <v>88</v>
      </c>
      <c r="V136" s="16">
        <v>312</v>
      </c>
      <c r="W136" s="16">
        <v>282</v>
      </c>
      <c r="X136" s="16">
        <v>1556</v>
      </c>
      <c r="Y136" s="16">
        <v>810</v>
      </c>
      <c r="Z136" s="16">
        <v>10169</v>
      </c>
      <c r="AA136" s="22" t="s">
        <v>268</v>
      </c>
      <c r="AB136" s="16">
        <v>3185</v>
      </c>
      <c r="AC136" s="22" t="s">
        <v>268</v>
      </c>
      <c r="AD136" s="22" t="s">
        <v>268</v>
      </c>
    </row>
    <row r="137" spans="1:30">
      <c r="A137" s="21" t="s">
        <v>232</v>
      </c>
      <c r="B137" s="21" t="s">
        <v>237</v>
      </c>
      <c r="C137" s="21" t="s">
        <v>264</v>
      </c>
      <c r="D137" s="21" t="s">
        <v>215</v>
      </c>
      <c r="E137" s="21" t="s">
        <v>630</v>
      </c>
      <c r="F137" s="21" t="s">
        <v>388</v>
      </c>
      <c r="G137" s="16">
        <v>29660</v>
      </c>
      <c r="H137" s="16">
        <v>12034</v>
      </c>
      <c r="I137" s="16">
        <v>6200</v>
      </c>
      <c r="J137" s="22" t="s">
        <v>268</v>
      </c>
      <c r="K137" s="16">
        <v>67</v>
      </c>
      <c r="L137" s="16">
        <v>5378</v>
      </c>
      <c r="M137" s="16">
        <v>755</v>
      </c>
      <c r="N137" s="16">
        <v>5834</v>
      </c>
      <c r="O137" s="22" t="s">
        <v>268</v>
      </c>
      <c r="P137" s="16">
        <v>1400</v>
      </c>
      <c r="Q137" s="22" t="s">
        <v>268</v>
      </c>
      <c r="R137" s="16">
        <v>1970</v>
      </c>
      <c r="S137" s="16">
        <v>62</v>
      </c>
      <c r="T137" s="16">
        <v>44</v>
      </c>
      <c r="U137" s="16">
        <v>177</v>
      </c>
      <c r="V137" s="16">
        <v>378</v>
      </c>
      <c r="W137" s="16">
        <v>524</v>
      </c>
      <c r="X137" s="16">
        <v>1279</v>
      </c>
      <c r="Y137" s="16">
        <v>646</v>
      </c>
      <c r="Z137" s="16">
        <v>16980</v>
      </c>
      <c r="AA137" s="22" t="s">
        <v>268</v>
      </c>
      <c r="AB137" s="16">
        <v>3461</v>
      </c>
      <c r="AC137" s="22" t="s">
        <v>268</v>
      </c>
      <c r="AD137" s="16">
        <v>16980</v>
      </c>
    </row>
    <row r="138" spans="1:30">
      <c r="A138" s="21" t="s">
        <v>232</v>
      </c>
      <c r="B138" s="21" t="s">
        <v>237</v>
      </c>
      <c r="C138" s="21" t="s">
        <v>264</v>
      </c>
      <c r="D138" s="21" t="s">
        <v>215</v>
      </c>
      <c r="E138" s="21" t="s">
        <v>630</v>
      </c>
      <c r="F138" s="21" t="s">
        <v>389</v>
      </c>
      <c r="G138" s="16">
        <v>16325</v>
      </c>
      <c r="H138" s="16">
        <v>7595</v>
      </c>
      <c r="I138" s="16">
        <v>3466</v>
      </c>
      <c r="J138" s="22" t="s">
        <v>268</v>
      </c>
      <c r="K138" s="22" t="s">
        <v>268</v>
      </c>
      <c r="L138" s="16">
        <v>3445</v>
      </c>
      <c r="M138" s="16">
        <v>21</v>
      </c>
      <c r="N138" s="16">
        <v>4129</v>
      </c>
      <c r="O138" s="22" t="s">
        <v>268</v>
      </c>
      <c r="P138" s="16">
        <v>1318</v>
      </c>
      <c r="Q138" s="22" t="s">
        <v>268</v>
      </c>
      <c r="R138" s="16">
        <v>1484</v>
      </c>
      <c r="S138" s="16">
        <v>34</v>
      </c>
      <c r="T138" s="16">
        <v>18</v>
      </c>
      <c r="U138" s="16">
        <v>143</v>
      </c>
      <c r="V138" s="16">
        <v>289</v>
      </c>
      <c r="W138" s="16">
        <v>163</v>
      </c>
      <c r="X138" s="16">
        <v>680</v>
      </c>
      <c r="Y138" s="16">
        <v>244</v>
      </c>
      <c r="Z138" s="16">
        <v>8486</v>
      </c>
      <c r="AA138" s="22" t="s">
        <v>268</v>
      </c>
      <c r="AB138" s="16">
        <v>2397</v>
      </c>
      <c r="AC138" s="22" t="s">
        <v>268</v>
      </c>
      <c r="AD138" s="16">
        <v>8486</v>
      </c>
    </row>
    <row r="139" spans="1:30">
      <c r="A139" s="21" t="s">
        <v>232</v>
      </c>
      <c r="B139" s="21" t="s">
        <v>237</v>
      </c>
      <c r="C139" s="21" t="s">
        <v>264</v>
      </c>
      <c r="D139" s="21" t="s">
        <v>215</v>
      </c>
      <c r="E139" s="21" t="s">
        <v>630</v>
      </c>
      <c r="F139" s="21" t="s">
        <v>390</v>
      </c>
      <c r="G139" s="16">
        <v>7226</v>
      </c>
      <c r="H139" s="16">
        <v>4084</v>
      </c>
      <c r="I139" s="16">
        <v>1638</v>
      </c>
      <c r="J139" s="22" t="s">
        <v>268</v>
      </c>
      <c r="K139" s="22" t="s">
        <v>268</v>
      </c>
      <c r="L139" s="16">
        <v>1638</v>
      </c>
      <c r="M139" s="22" t="s">
        <v>268</v>
      </c>
      <c r="N139" s="16">
        <v>2446</v>
      </c>
      <c r="O139" s="22" t="s">
        <v>268</v>
      </c>
      <c r="P139" s="16">
        <v>1011</v>
      </c>
      <c r="Q139" s="22" t="s">
        <v>268</v>
      </c>
      <c r="R139" s="16">
        <v>772</v>
      </c>
      <c r="S139" s="16">
        <v>12</v>
      </c>
      <c r="T139" s="16">
        <v>12</v>
      </c>
      <c r="U139" s="16">
        <v>99</v>
      </c>
      <c r="V139" s="16">
        <v>197</v>
      </c>
      <c r="W139" s="16">
        <v>27</v>
      </c>
      <c r="X139" s="16">
        <v>316</v>
      </c>
      <c r="Y139" s="16">
        <v>62</v>
      </c>
      <c r="Z139" s="16">
        <v>3080</v>
      </c>
      <c r="AA139" s="22" t="s">
        <v>268</v>
      </c>
      <c r="AB139" s="16">
        <v>1290</v>
      </c>
      <c r="AC139" s="22" t="s">
        <v>268</v>
      </c>
      <c r="AD139" s="16">
        <v>3080</v>
      </c>
    </row>
    <row r="140" spans="1:30">
      <c r="A140" s="21" t="s">
        <v>232</v>
      </c>
      <c r="B140" s="21" t="s">
        <v>237</v>
      </c>
      <c r="C140" s="21" t="s">
        <v>264</v>
      </c>
      <c r="D140" s="21" t="s">
        <v>215</v>
      </c>
      <c r="E140" s="21" t="s">
        <v>630</v>
      </c>
      <c r="F140" s="21" t="s">
        <v>391</v>
      </c>
      <c r="G140" s="16">
        <v>31441</v>
      </c>
      <c r="H140" s="16">
        <v>16059</v>
      </c>
      <c r="I140" s="16">
        <v>11405</v>
      </c>
      <c r="J140" s="22" t="s">
        <v>268</v>
      </c>
      <c r="K140" s="16">
        <v>3235</v>
      </c>
      <c r="L140" s="16">
        <v>3953</v>
      </c>
      <c r="M140" s="16">
        <v>4217</v>
      </c>
      <c r="N140" s="16">
        <v>4654</v>
      </c>
      <c r="O140" s="22" t="s">
        <v>268</v>
      </c>
      <c r="P140" s="16">
        <v>44</v>
      </c>
      <c r="Q140" s="16">
        <v>41</v>
      </c>
      <c r="R140" s="16">
        <v>559</v>
      </c>
      <c r="S140" s="16">
        <v>61</v>
      </c>
      <c r="T140" s="16">
        <v>1151</v>
      </c>
      <c r="U140" s="16">
        <v>102</v>
      </c>
      <c r="V140" s="16">
        <v>360</v>
      </c>
      <c r="W140" s="16">
        <v>466</v>
      </c>
      <c r="X140" s="16">
        <v>1870</v>
      </c>
      <c r="Y140" s="16">
        <v>1018</v>
      </c>
      <c r="Z140" s="16">
        <v>14364</v>
      </c>
      <c r="AA140" s="22" t="s">
        <v>268</v>
      </c>
      <c r="AB140" s="16">
        <v>3694</v>
      </c>
      <c r="AC140" s="22" t="s">
        <v>268</v>
      </c>
      <c r="AD140" s="16">
        <v>4197</v>
      </c>
    </row>
    <row r="141" spans="1:30">
      <c r="A141" s="21" t="s">
        <v>232</v>
      </c>
      <c r="B141" s="21" t="s">
        <v>237</v>
      </c>
      <c r="C141" s="21" t="s">
        <v>264</v>
      </c>
      <c r="D141" s="21" t="s">
        <v>216</v>
      </c>
      <c r="E141" s="21" t="s">
        <v>630</v>
      </c>
      <c r="F141" s="21" t="s">
        <v>401</v>
      </c>
      <c r="G141" s="16">
        <v>159737</v>
      </c>
      <c r="H141" s="16">
        <v>95541</v>
      </c>
      <c r="I141" s="16">
        <v>53308</v>
      </c>
      <c r="J141" s="22" t="s">
        <v>268</v>
      </c>
      <c r="K141" s="16">
        <v>1736</v>
      </c>
      <c r="L141" s="16">
        <v>534</v>
      </c>
      <c r="M141" s="16">
        <v>51038</v>
      </c>
      <c r="N141" s="16">
        <v>42233</v>
      </c>
      <c r="O141" s="22" t="s">
        <v>268</v>
      </c>
      <c r="P141" s="16">
        <v>9653</v>
      </c>
      <c r="Q141" s="16">
        <v>10</v>
      </c>
      <c r="R141" s="16">
        <v>11686</v>
      </c>
      <c r="S141" s="16">
        <v>289</v>
      </c>
      <c r="T141" s="16">
        <v>3572</v>
      </c>
      <c r="U141" s="16">
        <v>1090</v>
      </c>
      <c r="V141" s="16">
        <v>3129</v>
      </c>
      <c r="W141" s="16">
        <v>1334</v>
      </c>
      <c r="X141" s="16">
        <v>11470</v>
      </c>
      <c r="Y141" s="16">
        <v>1856</v>
      </c>
      <c r="Z141" s="16">
        <v>62340</v>
      </c>
      <c r="AA141" s="22" t="s">
        <v>268</v>
      </c>
      <c r="AB141" s="16">
        <v>28500</v>
      </c>
      <c r="AC141" s="22" t="s">
        <v>268</v>
      </c>
      <c r="AD141" s="16">
        <v>49660</v>
      </c>
    </row>
    <row r="142" spans="1:30">
      <c r="A142" s="21" t="s">
        <v>232</v>
      </c>
      <c r="B142" s="21" t="s">
        <v>237</v>
      </c>
      <c r="C142" s="21" t="s">
        <v>264</v>
      </c>
      <c r="D142" s="21" t="s">
        <v>216</v>
      </c>
      <c r="E142" s="21" t="s">
        <v>630</v>
      </c>
      <c r="F142" s="21" t="s">
        <v>405</v>
      </c>
      <c r="G142" s="16">
        <v>21</v>
      </c>
      <c r="H142" s="16">
        <v>16</v>
      </c>
      <c r="I142" s="16">
        <v>8</v>
      </c>
      <c r="J142" s="22" t="s">
        <v>268</v>
      </c>
      <c r="K142" s="16">
        <v>1</v>
      </c>
      <c r="L142" s="22" t="s">
        <v>268</v>
      </c>
      <c r="M142" s="16">
        <v>7</v>
      </c>
      <c r="N142" s="16">
        <v>8</v>
      </c>
      <c r="O142" s="22" t="s">
        <v>268</v>
      </c>
      <c r="P142" s="22" t="s">
        <v>268</v>
      </c>
      <c r="Q142" s="22" t="s">
        <v>268</v>
      </c>
      <c r="R142" s="22" t="s">
        <v>268</v>
      </c>
      <c r="S142" s="16">
        <v>1</v>
      </c>
      <c r="T142" s="22" t="s">
        <v>268</v>
      </c>
      <c r="U142" s="22" t="s">
        <v>268</v>
      </c>
      <c r="V142" s="16">
        <v>2</v>
      </c>
      <c r="W142" s="22" t="s">
        <v>268</v>
      </c>
      <c r="X142" s="16">
        <v>5</v>
      </c>
      <c r="Y142" s="16">
        <v>2</v>
      </c>
      <c r="Z142" s="16">
        <v>3</v>
      </c>
      <c r="AA142" s="22" t="s">
        <v>268</v>
      </c>
      <c r="AB142" s="16">
        <v>7</v>
      </c>
      <c r="AC142" s="22" t="s">
        <v>268</v>
      </c>
      <c r="AD142" s="22" t="s">
        <v>268</v>
      </c>
    </row>
    <row r="143" spans="1:30">
      <c r="A143" s="21" t="s">
        <v>232</v>
      </c>
      <c r="B143" s="21" t="s">
        <v>237</v>
      </c>
      <c r="C143" s="21" t="s">
        <v>264</v>
      </c>
      <c r="D143" s="21" t="s">
        <v>216</v>
      </c>
      <c r="E143" s="21" t="s">
        <v>630</v>
      </c>
      <c r="F143" s="21" t="s">
        <v>406</v>
      </c>
      <c r="G143" s="16">
        <v>322</v>
      </c>
      <c r="H143" s="16">
        <v>286</v>
      </c>
      <c r="I143" s="16">
        <v>139</v>
      </c>
      <c r="J143" s="22" t="s">
        <v>268</v>
      </c>
      <c r="K143" s="16">
        <v>8</v>
      </c>
      <c r="L143" s="16">
        <v>3</v>
      </c>
      <c r="M143" s="16">
        <v>128</v>
      </c>
      <c r="N143" s="16">
        <v>147</v>
      </c>
      <c r="O143" s="22" t="s">
        <v>268</v>
      </c>
      <c r="P143" s="22" t="s">
        <v>268</v>
      </c>
      <c r="Q143" s="22" t="s">
        <v>268</v>
      </c>
      <c r="R143" s="22" t="s">
        <v>268</v>
      </c>
      <c r="S143" s="16">
        <v>3</v>
      </c>
      <c r="T143" s="16">
        <v>60</v>
      </c>
      <c r="U143" s="16">
        <v>2</v>
      </c>
      <c r="V143" s="16">
        <v>24</v>
      </c>
      <c r="W143" s="16">
        <v>2</v>
      </c>
      <c r="X143" s="16">
        <v>56</v>
      </c>
      <c r="Y143" s="16">
        <v>7</v>
      </c>
      <c r="Z143" s="16">
        <v>29</v>
      </c>
      <c r="AA143" s="22" t="s">
        <v>268</v>
      </c>
      <c r="AB143" s="16">
        <v>133</v>
      </c>
      <c r="AC143" s="22" t="s">
        <v>268</v>
      </c>
      <c r="AD143" s="22" t="s">
        <v>268</v>
      </c>
    </row>
    <row r="144" spans="1:30">
      <c r="A144" s="21" t="s">
        <v>232</v>
      </c>
      <c r="B144" s="21" t="s">
        <v>237</v>
      </c>
      <c r="C144" s="21" t="s">
        <v>264</v>
      </c>
      <c r="D144" s="21" t="s">
        <v>216</v>
      </c>
      <c r="E144" s="21" t="s">
        <v>630</v>
      </c>
      <c r="F144" s="21" t="s">
        <v>407</v>
      </c>
      <c r="G144" s="16">
        <v>1186</v>
      </c>
      <c r="H144" s="16">
        <v>1031</v>
      </c>
      <c r="I144" s="16">
        <v>572</v>
      </c>
      <c r="J144" s="22" t="s">
        <v>268</v>
      </c>
      <c r="K144" s="16">
        <v>24</v>
      </c>
      <c r="L144" s="16">
        <v>3</v>
      </c>
      <c r="M144" s="16">
        <v>545</v>
      </c>
      <c r="N144" s="16">
        <v>459</v>
      </c>
      <c r="O144" s="22" t="s">
        <v>268</v>
      </c>
      <c r="P144" s="22" t="s">
        <v>268</v>
      </c>
      <c r="Q144" s="22" t="s">
        <v>268</v>
      </c>
      <c r="R144" s="16">
        <v>5</v>
      </c>
      <c r="S144" s="16">
        <v>7</v>
      </c>
      <c r="T144" s="16">
        <v>195</v>
      </c>
      <c r="U144" s="16">
        <v>3</v>
      </c>
      <c r="V144" s="16">
        <v>70</v>
      </c>
      <c r="W144" s="22" t="s">
        <v>268</v>
      </c>
      <c r="X144" s="16">
        <v>179</v>
      </c>
      <c r="Y144" s="16">
        <v>24</v>
      </c>
      <c r="Z144" s="16">
        <v>131</v>
      </c>
      <c r="AA144" s="22" t="s">
        <v>268</v>
      </c>
      <c r="AB144" s="16">
        <v>435</v>
      </c>
      <c r="AC144" s="22" t="s">
        <v>268</v>
      </c>
      <c r="AD144" s="22" t="s">
        <v>268</v>
      </c>
    </row>
    <row r="145" spans="1:30">
      <c r="A145" s="21" t="s">
        <v>232</v>
      </c>
      <c r="B145" s="21" t="s">
        <v>237</v>
      </c>
      <c r="C145" s="21" t="s">
        <v>264</v>
      </c>
      <c r="D145" s="21" t="s">
        <v>216</v>
      </c>
      <c r="E145" s="21" t="s">
        <v>630</v>
      </c>
      <c r="F145" s="21" t="s">
        <v>408</v>
      </c>
      <c r="G145" s="16">
        <v>2504</v>
      </c>
      <c r="H145" s="16">
        <v>2232</v>
      </c>
      <c r="I145" s="16">
        <v>1413</v>
      </c>
      <c r="J145" s="22" t="s">
        <v>268</v>
      </c>
      <c r="K145" s="16">
        <v>65</v>
      </c>
      <c r="L145" s="16">
        <v>12</v>
      </c>
      <c r="M145" s="16">
        <v>1336</v>
      </c>
      <c r="N145" s="16">
        <v>819</v>
      </c>
      <c r="O145" s="22" t="s">
        <v>268</v>
      </c>
      <c r="P145" s="22" t="s">
        <v>268</v>
      </c>
      <c r="Q145" s="16">
        <v>3</v>
      </c>
      <c r="R145" s="16">
        <v>9</v>
      </c>
      <c r="S145" s="16">
        <v>3</v>
      </c>
      <c r="T145" s="16">
        <v>401</v>
      </c>
      <c r="U145" s="16">
        <v>4</v>
      </c>
      <c r="V145" s="16">
        <v>105</v>
      </c>
      <c r="W145" s="16">
        <v>3</v>
      </c>
      <c r="X145" s="16">
        <v>291</v>
      </c>
      <c r="Y145" s="16">
        <v>58</v>
      </c>
      <c r="Z145" s="16">
        <v>214</v>
      </c>
      <c r="AA145" s="22" t="s">
        <v>268</v>
      </c>
      <c r="AB145" s="16">
        <v>792</v>
      </c>
      <c r="AC145" s="22" t="s">
        <v>268</v>
      </c>
      <c r="AD145" s="22" t="s">
        <v>268</v>
      </c>
    </row>
    <row r="146" spans="1:30">
      <c r="A146" s="21" t="s">
        <v>232</v>
      </c>
      <c r="B146" s="21" t="s">
        <v>237</v>
      </c>
      <c r="C146" s="21" t="s">
        <v>264</v>
      </c>
      <c r="D146" s="21" t="s">
        <v>216</v>
      </c>
      <c r="E146" s="21" t="s">
        <v>630</v>
      </c>
      <c r="F146" s="21" t="s">
        <v>409</v>
      </c>
      <c r="G146" s="16">
        <v>4106</v>
      </c>
      <c r="H146" s="16">
        <v>3738</v>
      </c>
      <c r="I146" s="16">
        <v>2474</v>
      </c>
      <c r="J146" s="22" t="s">
        <v>268</v>
      </c>
      <c r="K146" s="16">
        <v>107</v>
      </c>
      <c r="L146" s="16">
        <v>14</v>
      </c>
      <c r="M146" s="16">
        <v>2353</v>
      </c>
      <c r="N146" s="16">
        <v>1264</v>
      </c>
      <c r="O146" s="22" t="s">
        <v>268</v>
      </c>
      <c r="P146" s="22" t="s">
        <v>268</v>
      </c>
      <c r="Q146" s="16">
        <v>4</v>
      </c>
      <c r="R146" s="16">
        <v>8</v>
      </c>
      <c r="S146" s="16">
        <v>5</v>
      </c>
      <c r="T146" s="16">
        <v>640</v>
      </c>
      <c r="U146" s="16">
        <v>4</v>
      </c>
      <c r="V146" s="16">
        <v>140</v>
      </c>
      <c r="W146" s="16">
        <v>4</v>
      </c>
      <c r="X146" s="16">
        <v>459</v>
      </c>
      <c r="Y146" s="16">
        <v>75</v>
      </c>
      <c r="Z146" s="16">
        <v>293</v>
      </c>
      <c r="AA146" s="22" t="s">
        <v>268</v>
      </c>
      <c r="AB146" s="16">
        <v>1224</v>
      </c>
      <c r="AC146" s="22" t="s">
        <v>268</v>
      </c>
      <c r="AD146" s="22" t="s">
        <v>268</v>
      </c>
    </row>
    <row r="147" spans="1:30">
      <c r="A147" s="21" t="s">
        <v>232</v>
      </c>
      <c r="B147" s="21" t="s">
        <v>237</v>
      </c>
      <c r="C147" s="21" t="s">
        <v>264</v>
      </c>
      <c r="D147" s="21" t="s">
        <v>216</v>
      </c>
      <c r="E147" s="21" t="s">
        <v>630</v>
      </c>
      <c r="F147" s="21" t="s">
        <v>410</v>
      </c>
      <c r="G147" s="16">
        <v>5711</v>
      </c>
      <c r="H147" s="16">
        <v>5020</v>
      </c>
      <c r="I147" s="16">
        <v>3543</v>
      </c>
      <c r="J147" s="22" t="s">
        <v>268</v>
      </c>
      <c r="K147" s="16">
        <v>212</v>
      </c>
      <c r="L147" s="16">
        <v>30</v>
      </c>
      <c r="M147" s="16">
        <v>3301</v>
      </c>
      <c r="N147" s="16">
        <v>1477</v>
      </c>
      <c r="O147" s="22" t="s">
        <v>268</v>
      </c>
      <c r="P147" s="16">
        <v>1</v>
      </c>
      <c r="Q147" s="16">
        <v>2</v>
      </c>
      <c r="R147" s="16">
        <v>21</v>
      </c>
      <c r="S147" s="16">
        <v>2</v>
      </c>
      <c r="T147" s="16">
        <v>745</v>
      </c>
      <c r="U147" s="16">
        <v>8</v>
      </c>
      <c r="V147" s="16">
        <v>92</v>
      </c>
      <c r="W147" s="16">
        <v>10</v>
      </c>
      <c r="X147" s="16">
        <v>596</v>
      </c>
      <c r="Y147" s="16">
        <v>96</v>
      </c>
      <c r="Z147" s="16">
        <v>595</v>
      </c>
      <c r="AA147" s="22" t="s">
        <v>268</v>
      </c>
      <c r="AB147" s="16">
        <v>1414</v>
      </c>
      <c r="AC147" s="22" t="s">
        <v>268</v>
      </c>
      <c r="AD147" s="22" t="s">
        <v>268</v>
      </c>
    </row>
    <row r="148" spans="1:30">
      <c r="A148" s="21" t="s">
        <v>232</v>
      </c>
      <c r="B148" s="21" t="s">
        <v>237</v>
      </c>
      <c r="C148" s="21" t="s">
        <v>264</v>
      </c>
      <c r="D148" s="21" t="s">
        <v>216</v>
      </c>
      <c r="E148" s="21" t="s">
        <v>630</v>
      </c>
      <c r="F148" s="21" t="s">
        <v>411</v>
      </c>
      <c r="G148" s="16">
        <v>7483</v>
      </c>
      <c r="H148" s="16">
        <v>6021</v>
      </c>
      <c r="I148" s="16">
        <v>4397</v>
      </c>
      <c r="J148" s="22" t="s">
        <v>268</v>
      </c>
      <c r="K148" s="16">
        <v>401</v>
      </c>
      <c r="L148" s="16">
        <v>70</v>
      </c>
      <c r="M148" s="16">
        <v>3926</v>
      </c>
      <c r="N148" s="16">
        <v>1624</v>
      </c>
      <c r="O148" s="22" t="s">
        <v>268</v>
      </c>
      <c r="P148" s="16">
        <v>6</v>
      </c>
      <c r="Q148" s="16">
        <v>1</v>
      </c>
      <c r="R148" s="16">
        <v>25</v>
      </c>
      <c r="S148" s="16">
        <v>7</v>
      </c>
      <c r="T148" s="16">
        <v>670</v>
      </c>
      <c r="U148" s="16">
        <v>16</v>
      </c>
      <c r="V148" s="16">
        <v>61</v>
      </c>
      <c r="W148" s="16">
        <v>21</v>
      </c>
      <c r="X148" s="16">
        <v>817</v>
      </c>
      <c r="Y148" s="16">
        <v>165</v>
      </c>
      <c r="Z148" s="16">
        <v>1297</v>
      </c>
      <c r="AA148" s="22" t="s">
        <v>268</v>
      </c>
      <c r="AB148" s="16">
        <v>1512</v>
      </c>
      <c r="AC148" s="22" t="s">
        <v>268</v>
      </c>
      <c r="AD148" s="22" t="s">
        <v>268</v>
      </c>
    </row>
    <row r="149" spans="1:30">
      <c r="A149" s="21" t="s">
        <v>232</v>
      </c>
      <c r="B149" s="21" t="s">
        <v>237</v>
      </c>
      <c r="C149" s="21" t="s">
        <v>264</v>
      </c>
      <c r="D149" s="21" t="s">
        <v>216</v>
      </c>
      <c r="E149" s="21" t="s">
        <v>630</v>
      </c>
      <c r="F149" s="21" t="s">
        <v>412</v>
      </c>
      <c r="G149" s="16">
        <v>7745</v>
      </c>
      <c r="H149" s="16">
        <v>5363</v>
      </c>
      <c r="I149" s="16">
        <v>4026</v>
      </c>
      <c r="J149" s="22" t="s">
        <v>268</v>
      </c>
      <c r="K149" s="16">
        <v>394</v>
      </c>
      <c r="L149" s="16">
        <v>95</v>
      </c>
      <c r="M149" s="16">
        <v>3537</v>
      </c>
      <c r="N149" s="16">
        <v>1337</v>
      </c>
      <c r="O149" s="22" t="s">
        <v>268</v>
      </c>
      <c r="P149" s="16">
        <v>16</v>
      </c>
      <c r="Q149" s="22" t="s">
        <v>268</v>
      </c>
      <c r="R149" s="16">
        <v>57</v>
      </c>
      <c r="S149" s="16">
        <v>10</v>
      </c>
      <c r="T149" s="16">
        <v>397</v>
      </c>
      <c r="U149" s="16">
        <v>33</v>
      </c>
      <c r="V149" s="16">
        <v>56</v>
      </c>
      <c r="W149" s="16">
        <v>41</v>
      </c>
      <c r="X149" s="16">
        <v>727</v>
      </c>
      <c r="Y149" s="16">
        <v>188</v>
      </c>
      <c r="Z149" s="16">
        <v>2194</v>
      </c>
      <c r="AA149" s="22" t="s">
        <v>268</v>
      </c>
      <c r="AB149" s="16">
        <v>1182</v>
      </c>
      <c r="AC149" s="22" t="s">
        <v>268</v>
      </c>
      <c r="AD149" s="22" t="s">
        <v>268</v>
      </c>
    </row>
    <row r="150" spans="1:30">
      <c r="A150" s="21" t="s">
        <v>232</v>
      </c>
      <c r="B150" s="21" t="s">
        <v>237</v>
      </c>
      <c r="C150" s="21" t="s">
        <v>264</v>
      </c>
      <c r="D150" s="21" t="s">
        <v>216</v>
      </c>
      <c r="E150" s="21" t="s">
        <v>630</v>
      </c>
      <c r="F150" s="21" t="s">
        <v>413</v>
      </c>
      <c r="G150" s="16">
        <v>8718</v>
      </c>
      <c r="H150" s="16">
        <v>5280</v>
      </c>
      <c r="I150" s="16">
        <v>3758</v>
      </c>
      <c r="J150" s="22" t="s">
        <v>268</v>
      </c>
      <c r="K150" s="16">
        <v>334</v>
      </c>
      <c r="L150" s="16">
        <v>117</v>
      </c>
      <c r="M150" s="16">
        <v>3307</v>
      </c>
      <c r="N150" s="16">
        <v>1522</v>
      </c>
      <c r="O150" s="22" t="s">
        <v>268</v>
      </c>
      <c r="P150" s="16">
        <v>26</v>
      </c>
      <c r="Q150" s="22" t="s">
        <v>268</v>
      </c>
      <c r="R150" s="16">
        <v>184</v>
      </c>
      <c r="S150" s="16">
        <v>5</v>
      </c>
      <c r="T150" s="16">
        <v>214</v>
      </c>
      <c r="U150" s="16">
        <v>53</v>
      </c>
      <c r="V150" s="16">
        <v>72</v>
      </c>
      <c r="W150" s="16">
        <v>78</v>
      </c>
      <c r="X150" s="16">
        <v>890</v>
      </c>
      <c r="Y150" s="16">
        <v>216</v>
      </c>
      <c r="Z150" s="16">
        <v>3222</v>
      </c>
      <c r="AA150" s="22" t="s">
        <v>268</v>
      </c>
      <c r="AB150" s="16">
        <v>1302</v>
      </c>
      <c r="AC150" s="22" t="s">
        <v>268</v>
      </c>
      <c r="AD150" s="22" t="s">
        <v>268</v>
      </c>
    </row>
    <row r="151" spans="1:30">
      <c r="A151" s="21" t="s">
        <v>232</v>
      </c>
      <c r="B151" s="21" t="s">
        <v>237</v>
      </c>
      <c r="C151" s="21" t="s">
        <v>264</v>
      </c>
      <c r="D151" s="21" t="s">
        <v>216</v>
      </c>
      <c r="E151" s="21" t="s">
        <v>630</v>
      </c>
      <c r="F151" s="21" t="s">
        <v>414</v>
      </c>
      <c r="G151" s="16">
        <v>10589</v>
      </c>
      <c r="H151" s="16">
        <v>5671</v>
      </c>
      <c r="I151" s="16">
        <v>3818</v>
      </c>
      <c r="J151" s="22" t="s">
        <v>268</v>
      </c>
      <c r="K151" s="16">
        <v>142</v>
      </c>
      <c r="L151" s="16">
        <v>103</v>
      </c>
      <c r="M151" s="16">
        <v>3573</v>
      </c>
      <c r="N151" s="16">
        <v>1853</v>
      </c>
      <c r="O151" s="22" t="s">
        <v>268</v>
      </c>
      <c r="P151" s="16">
        <v>76</v>
      </c>
      <c r="Q151" s="22" t="s">
        <v>268</v>
      </c>
      <c r="R151" s="16">
        <v>439</v>
      </c>
      <c r="S151" s="16">
        <v>15</v>
      </c>
      <c r="T151" s="16">
        <v>77</v>
      </c>
      <c r="U151" s="16">
        <v>52</v>
      </c>
      <c r="V151" s="16">
        <v>122</v>
      </c>
      <c r="W151" s="16">
        <v>143</v>
      </c>
      <c r="X151" s="16">
        <v>929</v>
      </c>
      <c r="Y151" s="16">
        <v>216</v>
      </c>
      <c r="Z151" s="16">
        <v>4702</v>
      </c>
      <c r="AA151" s="22" t="s">
        <v>268</v>
      </c>
      <c r="AB151" s="16">
        <v>1452</v>
      </c>
      <c r="AC151" s="22" t="s">
        <v>268</v>
      </c>
      <c r="AD151" s="22" t="s">
        <v>268</v>
      </c>
    </row>
    <row r="152" spans="1:30">
      <c r="A152" s="21" t="s">
        <v>232</v>
      </c>
      <c r="B152" s="21" t="s">
        <v>237</v>
      </c>
      <c r="C152" s="21" t="s">
        <v>264</v>
      </c>
      <c r="D152" s="21" t="s">
        <v>216</v>
      </c>
      <c r="E152" s="21" t="s">
        <v>630</v>
      </c>
      <c r="F152" s="21" t="s">
        <v>415</v>
      </c>
      <c r="G152" s="16">
        <v>13683</v>
      </c>
      <c r="H152" s="16">
        <v>6562</v>
      </c>
      <c r="I152" s="16">
        <v>3992</v>
      </c>
      <c r="J152" s="22" t="s">
        <v>268</v>
      </c>
      <c r="K152" s="16">
        <v>41</v>
      </c>
      <c r="L152" s="16">
        <v>63</v>
      </c>
      <c r="M152" s="16">
        <v>3888</v>
      </c>
      <c r="N152" s="16">
        <v>2570</v>
      </c>
      <c r="O152" s="22" t="s">
        <v>268</v>
      </c>
      <c r="P152" s="16">
        <v>147</v>
      </c>
      <c r="Q152" s="22" t="s">
        <v>268</v>
      </c>
      <c r="R152" s="16">
        <v>892</v>
      </c>
      <c r="S152" s="16">
        <v>34</v>
      </c>
      <c r="T152" s="16">
        <v>23</v>
      </c>
      <c r="U152" s="16">
        <v>63</v>
      </c>
      <c r="V152" s="16">
        <v>150</v>
      </c>
      <c r="W152" s="16">
        <v>223</v>
      </c>
      <c r="X152" s="16">
        <v>1038</v>
      </c>
      <c r="Y152" s="16">
        <v>214</v>
      </c>
      <c r="Z152" s="16">
        <v>6907</v>
      </c>
      <c r="AA152" s="22" t="s">
        <v>268</v>
      </c>
      <c r="AB152" s="16">
        <v>1940</v>
      </c>
      <c r="AC152" s="22" t="s">
        <v>268</v>
      </c>
      <c r="AD152" s="16">
        <v>6907</v>
      </c>
    </row>
    <row r="153" spans="1:30">
      <c r="A153" s="21" t="s">
        <v>232</v>
      </c>
      <c r="B153" s="21" t="s">
        <v>237</v>
      </c>
      <c r="C153" s="21" t="s">
        <v>264</v>
      </c>
      <c r="D153" s="21" t="s">
        <v>216</v>
      </c>
      <c r="E153" s="21" t="s">
        <v>630</v>
      </c>
      <c r="F153" s="21" t="s">
        <v>416</v>
      </c>
      <c r="G153" s="16">
        <v>17673</v>
      </c>
      <c r="H153" s="16">
        <v>8258</v>
      </c>
      <c r="I153" s="16">
        <v>4875</v>
      </c>
      <c r="J153" s="22" t="s">
        <v>268</v>
      </c>
      <c r="K153" s="16">
        <v>7</v>
      </c>
      <c r="L153" s="16">
        <v>20</v>
      </c>
      <c r="M153" s="16">
        <v>4848</v>
      </c>
      <c r="N153" s="16">
        <v>3383</v>
      </c>
      <c r="O153" s="22" t="s">
        <v>268</v>
      </c>
      <c r="P153" s="16">
        <v>269</v>
      </c>
      <c r="Q153" s="22" t="s">
        <v>268</v>
      </c>
      <c r="R153" s="16">
        <v>1367</v>
      </c>
      <c r="S153" s="16">
        <v>35</v>
      </c>
      <c r="T153" s="16">
        <v>21</v>
      </c>
      <c r="U153" s="16">
        <v>65</v>
      </c>
      <c r="V153" s="16">
        <v>160</v>
      </c>
      <c r="W153" s="16">
        <v>293</v>
      </c>
      <c r="X153" s="16">
        <v>1173</v>
      </c>
      <c r="Y153" s="16">
        <v>202</v>
      </c>
      <c r="Z153" s="16">
        <v>9213</v>
      </c>
      <c r="AA153" s="22" t="s">
        <v>268</v>
      </c>
      <c r="AB153" s="16">
        <v>2498</v>
      </c>
      <c r="AC153" s="22" t="s">
        <v>268</v>
      </c>
      <c r="AD153" s="16">
        <v>9213</v>
      </c>
    </row>
    <row r="154" spans="1:30">
      <c r="A154" s="21" t="s">
        <v>232</v>
      </c>
      <c r="B154" s="21" t="s">
        <v>237</v>
      </c>
      <c r="C154" s="21" t="s">
        <v>264</v>
      </c>
      <c r="D154" s="21" t="s">
        <v>216</v>
      </c>
      <c r="E154" s="21" t="s">
        <v>630</v>
      </c>
      <c r="F154" s="21" t="s">
        <v>417</v>
      </c>
      <c r="G154" s="16">
        <v>18246</v>
      </c>
      <c r="H154" s="16">
        <v>8657</v>
      </c>
      <c r="I154" s="16">
        <v>4689</v>
      </c>
      <c r="J154" s="22" t="s">
        <v>268</v>
      </c>
      <c r="K154" s="22" t="s">
        <v>268</v>
      </c>
      <c r="L154" s="16">
        <v>3</v>
      </c>
      <c r="M154" s="16">
        <v>4686</v>
      </c>
      <c r="N154" s="16">
        <v>3968</v>
      </c>
      <c r="O154" s="22" t="s">
        <v>268</v>
      </c>
      <c r="P154" s="16">
        <v>653</v>
      </c>
      <c r="Q154" s="22" t="s">
        <v>268</v>
      </c>
      <c r="R154" s="16">
        <v>1745</v>
      </c>
      <c r="S154" s="16">
        <v>41</v>
      </c>
      <c r="T154" s="16">
        <v>15</v>
      </c>
      <c r="U154" s="16">
        <v>73</v>
      </c>
      <c r="V154" s="16">
        <v>182</v>
      </c>
      <c r="W154" s="16">
        <v>203</v>
      </c>
      <c r="X154" s="16">
        <v>1056</v>
      </c>
      <c r="Y154" s="16">
        <v>128</v>
      </c>
      <c r="Z154" s="16">
        <v>9461</v>
      </c>
      <c r="AA154" s="22" t="s">
        <v>268</v>
      </c>
      <c r="AB154" s="16">
        <v>2777</v>
      </c>
      <c r="AC154" s="22" t="s">
        <v>268</v>
      </c>
      <c r="AD154" s="16">
        <v>9461</v>
      </c>
    </row>
    <row r="155" spans="1:30">
      <c r="A155" s="21" t="s">
        <v>232</v>
      </c>
      <c r="B155" s="21" t="s">
        <v>237</v>
      </c>
      <c r="C155" s="21" t="s">
        <v>264</v>
      </c>
      <c r="D155" s="21" t="s">
        <v>216</v>
      </c>
      <c r="E155" s="21" t="s">
        <v>630</v>
      </c>
      <c r="F155" s="21" t="s">
        <v>418</v>
      </c>
      <c r="G155" s="16">
        <v>22402</v>
      </c>
      <c r="H155" s="16">
        <v>11818</v>
      </c>
      <c r="I155" s="16">
        <v>5656</v>
      </c>
      <c r="J155" s="22" t="s">
        <v>268</v>
      </c>
      <c r="K155" s="22" t="s">
        <v>268</v>
      </c>
      <c r="L155" s="16">
        <v>1</v>
      </c>
      <c r="M155" s="16">
        <v>5655</v>
      </c>
      <c r="N155" s="16">
        <v>6162</v>
      </c>
      <c r="O155" s="22" t="s">
        <v>268</v>
      </c>
      <c r="P155" s="16">
        <v>1842</v>
      </c>
      <c r="Q155" s="22" t="s">
        <v>268</v>
      </c>
      <c r="R155" s="16">
        <v>2357</v>
      </c>
      <c r="S155" s="16">
        <v>36</v>
      </c>
      <c r="T155" s="16">
        <v>28</v>
      </c>
      <c r="U155" s="16">
        <v>169</v>
      </c>
      <c r="V155" s="16">
        <v>384</v>
      </c>
      <c r="W155" s="16">
        <v>159</v>
      </c>
      <c r="X155" s="16">
        <v>1187</v>
      </c>
      <c r="Y155" s="16">
        <v>118</v>
      </c>
      <c r="Z155" s="16">
        <v>10466</v>
      </c>
      <c r="AA155" s="22" t="s">
        <v>268</v>
      </c>
      <c r="AB155" s="16">
        <v>3753</v>
      </c>
      <c r="AC155" s="22" t="s">
        <v>268</v>
      </c>
      <c r="AD155" s="16">
        <v>10466</v>
      </c>
    </row>
    <row r="156" spans="1:30">
      <c r="A156" s="21" t="s">
        <v>232</v>
      </c>
      <c r="B156" s="21" t="s">
        <v>237</v>
      </c>
      <c r="C156" s="21" t="s">
        <v>264</v>
      </c>
      <c r="D156" s="21" t="s">
        <v>216</v>
      </c>
      <c r="E156" s="21" t="s">
        <v>630</v>
      </c>
      <c r="F156" s="21" t="s">
        <v>419</v>
      </c>
      <c r="G156" s="16">
        <v>22408</v>
      </c>
      <c r="H156" s="16">
        <v>13527</v>
      </c>
      <c r="I156" s="16">
        <v>5686</v>
      </c>
      <c r="J156" s="22" t="s">
        <v>268</v>
      </c>
      <c r="K156" s="22" t="s">
        <v>268</v>
      </c>
      <c r="L156" s="22" t="s">
        <v>268</v>
      </c>
      <c r="M156" s="16">
        <v>5686</v>
      </c>
      <c r="N156" s="16">
        <v>7841</v>
      </c>
      <c r="O156" s="22" t="s">
        <v>268</v>
      </c>
      <c r="P156" s="16">
        <v>3057</v>
      </c>
      <c r="Q156" s="22" t="s">
        <v>268</v>
      </c>
      <c r="R156" s="16">
        <v>2569</v>
      </c>
      <c r="S156" s="16">
        <v>40</v>
      </c>
      <c r="T156" s="16">
        <v>34</v>
      </c>
      <c r="U156" s="16">
        <v>251</v>
      </c>
      <c r="V156" s="16">
        <v>640</v>
      </c>
      <c r="W156" s="16">
        <v>106</v>
      </c>
      <c r="X156" s="16">
        <v>1144</v>
      </c>
      <c r="Y156" s="16">
        <v>93</v>
      </c>
      <c r="Z156" s="16">
        <v>8788</v>
      </c>
      <c r="AA156" s="22" t="s">
        <v>268</v>
      </c>
      <c r="AB156" s="16">
        <v>4259</v>
      </c>
      <c r="AC156" s="22" t="s">
        <v>268</v>
      </c>
      <c r="AD156" s="16">
        <v>8788</v>
      </c>
    </row>
    <row r="157" spans="1:30">
      <c r="A157" s="21" t="s">
        <v>232</v>
      </c>
      <c r="B157" s="21" t="s">
        <v>237</v>
      </c>
      <c r="C157" s="21" t="s">
        <v>264</v>
      </c>
      <c r="D157" s="21" t="s">
        <v>216</v>
      </c>
      <c r="E157" s="21" t="s">
        <v>630</v>
      </c>
      <c r="F157" s="21" t="s">
        <v>420</v>
      </c>
      <c r="G157" s="16">
        <v>12933</v>
      </c>
      <c r="H157" s="16">
        <v>8932</v>
      </c>
      <c r="I157" s="16">
        <v>3204</v>
      </c>
      <c r="J157" s="22" t="s">
        <v>268</v>
      </c>
      <c r="K157" s="22" t="s">
        <v>268</v>
      </c>
      <c r="L157" s="22" t="s">
        <v>268</v>
      </c>
      <c r="M157" s="16">
        <v>3204</v>
      </c>
      <c r="N157" s="16">
        <v>5728</v>
      </c>
      <c r="O157" s="22" t="s">
        <v>268</v>
      </c>
      <c r="P157" s="16">
        <v>2588</v>
      </c>
      <c r="Q157" s="22" t="s">
        <v>268</v>
      </c>
      <c r="R157" s="16">
        <v>1516</v>
      </c>
      <c r="S157" s="16">
        <v>31</v>
      </c>
      <c r="T157" s="16">
        <v>38</v>
      </c>
      <c r="U157" s="16">
        <v>209</v>
      </c>
      <c r="V157" s="16">
        <v>636</v>
      </c>
      <c r="W157" s="16">
        <v>40</v>
      </c>
      <c r="X157" s="16">
        <v>670</v>
      </c>
      <c r="Y157" s="16">
        <v>43</v>
      </c>
      <c r="Z157" s="16">
        <v>3958</v>
      </c>
      <c r="AA157" s="22" t="s">
        <v>268</v>
      </c>
      <c r="AB157" s="16">
        <v>2837</v>
      </c>
      <c r="AC157" s="22" t="s">
        <v>268</v>
      </c>
      <c r="AD157" s="16">
        <v>3958</v>
      </c>
    </row>
    <row r="158" spans="1:30">
      <c r="A158" s="21" t="s">
        <v>232</v>
      </c>
      <c r="B158" s="21" t="s">
        <v>237</v>
      </c>
      <c r="C158" s="21" t="s">
        <v>264</v>
      </c>
      <c r="D158" s="21" t="s">
        <v>216</v>
      </c>
      <c r="E158" s="21" t="s">
        <v>630</v>
      </c>
      <c r="F158" s="21" t="s">
        <v>421</v>
      </c>
      <c r="G158" s="16">
        <v>3531</v>
      </c>
      <c r="H158" s="16">
        <v>2720</v>
      </c>
      <c r="I158" s="16">
        <v>926</v>
      </c>
      <c r="J158" s="22" t="s">
        <v>268</v>
      </c>
      <c r="K158" s="22" t="s">
        <v>268</v>
      </c>
      <c r="L158" s="22" t="s">
        <v>268</v>
      </c>
      <c r="M158" s="16">
        <v>926</v>
      </c>
      <c r="N158" s="16">
        <v>1794</v>
      </c>
      <c r="O158" s="22" t="s">
        <v>268</v>
      </c>
      <c r="P158" s="16">
        <v>831</v>
      </c>
      <c r="Q158" s="22" t="s">
        <v>268</v>
      </c>
      <c r="R158" s="16">
        <v>442</v>
      </c>
      <c r="S158" s="16">
        <v>10</v>
      </c>
      <c r="T158" s="16">
        <v>12</v>
      </c>
      <c r="U158" s="16">
        <v>68</v>
      </c>
      <c r="V158" s="16">
        <v>204</v>
      </c>
      <c r="W158" s="16">
        <v>8</v>
      </c>
      <c r="X158" s="16">
        <v>219</v>
      </c>
      <c r="Y158" s="16">
        <v>11</v>
      </c>
      <c r="Z158" s="16">
        <v>800</v>
      </c>
      <c r="AA158" s="22" t="s">
        <v>268</v>
      </c>
      <c r="AB158" s="16">
        <v>860</v>
      </c>
      <c r="AC158" s="22" t="s">
        <v>268</v>
      </c>
      <c r="AD158" s="16">
        <v>800</v>
      </c>
    </row>
    <row r="159" spans="1:30">
      <c r="A159" s="21" t="s">
        <v>232</v>
      </c>
      <c r="B159" s="21" t="s">
        <v>237</v>
      </c>
      <c r="C159" s="21" t="s">
        <v>264</v>
      </c>
      <c r="D159" s="21" t="s">
        <v>216</v>
      </c>
      <c r="E159" s="21" t="s">
        <v>630</v>
      </c>
      <c r="F159" s="21" t="s">
        <v>422</v>
      </c>
      <c r="G159" s="16">
        <v>476</v>
      </c>
      <c r="H159" s="16">
        <v>409</v>
      </c>
      <c r="I159" s="16">
        <v>132</v>
      </c>
      <c r="J159" s="22" t="s">
        <v>268</v>
      </c>
      <c r="K159" s="22" t="s">
        <v>268</v>
      </c>
      <c r="L159" s="22" t="s">
        <v>268</v>
      </c>
      <c r="M159" s="16">
        <v>132</v>
      </c>
      <c r="N159" s="16">
        <v>277</v>
      </c>
      <c r="O159" s="22" t="s">
        <v>268</v>
      </c>
      <c r="P159" s="16">
        <v>141</v>
      </c>
      <c r="Q159" s="22" t="s">
        <v>268</v>
      </c>
      <c r="R159" s="16">
        <v>50</v>
      </c>
      <c r="S159" s="16">
        <v>4</v>
      </c>
      <c r="T159" s="16">
        <v>2</v>
      </c>
      <c r="U159" s="16">
        <v>17</v>
      </c>
      <c r="V159" s="16">
        <v>29</v>
      </c>
      <c r="W159" s="22" t="s">
        <v>268</v>
      </c>
      <c r="X159" s="16">
        <v>34</v>
      </c>
      <c r="Y159" s="22" t="s">
        <v>268</v>
      </c>
      <c r="Z159" s="16">
        <v>67</v>
      </c>
      <c r="AA159" s="22" t="s">
        <v>268</v>
      </c>
      <c r="AB159" s="16">
        <v>123</v>
      </c>
      <c r="AC159" s="22" t="s">
        <v>268</v>
      </c>
      <c r="AD159" s="16">
        <v>67</v>
      </c>
    </row>
    <row r="160" spans="1:30">
      <c r="A160" s="21" t="s">
        <v>232</v>
      </c>
      <c r="B160" s="21" t="s">
        <v>237</v>
      </c>
      <c r="C160" s="21" t="s">
        <v>264</v>
      </c>
      <c r="D160" s="21" t="s">
        <v>216</v>
      </c>
      <c r="E160" s="21" t="s">
        <v>630</v>
      </c>
      <c r="F160" s="21" t="s">
        <v>423</v>
      </c>
      <c r="G160" s="22" t="s">
        <v>268</v>
      </c>
      <c r="H160" s="22" t="s">
        <v>268</v>
      </c>
      <c r="I160" s="22" t="s">
        <v>268</v>
      </c>
      <c r="J160" s="22" t="s">
        <v>268</v>
      </c>
      <c r="K160" s="22" t="s">
        <v>268</v>
      </c>
      <c r="L160" s="22" t="s">
        <v>268</v>
      </c>
      <c r="M160" s="22" t="s">
        <v>268</v>
      </c>
      <c r="N160" s="22" t="s">
        <v>268</v>
      </c>
      <c r="O160" s="22" t="s">
        <v>268</v>
      </c>
      <c r="P160" s="22" t="s">
        <v>268</v>
      </c>
      <c r="Q160" s="22" t="s">
        <v>268</v>
      </c>
      <c r="R160" s="22" t="s">
        <v>268</v>
      </c>
      <c r="S160" s="22" t="s">
        <v>268</v>
      </c>
      <c r="T160" s="22" t="s">
        <v>268</v>
      </c>
      <c r="U160" s="22" t="s">
        <v>268</v>
      </c>
      <c r="V160" s="22" t="s">
        <v>268</v>
      </c>
      <c r="W160" s="22" t="s">
        <v>268</v>
      </c>
      <c r="X160" s="22" t="s">
        <v>268</v>
      </c>
      <c r="Y160" s="22" t="s">
        <v>268</v>
      </c>
      <c r="Z160" s="22" t="s">
        <v>268</v>
      </c>
      <c r="AA160" s="22" t="s">
        <v>268</v>
      </c>
      <c r="AB160" s="22" t="s">
        <v>268</v>
      </c>
      <c r="AC160" s="22" t="s">
        <v>268</v>
      </c>
      <c r="AD160" s="22" t="s">
        <v>268</v>
      </c>
    </row>
    <row r="161" spans="1:30">
      <c r="A161" s="21" t="s">
        <v>232</v>
      </c>
      <c r="B161" s="21" t="s">
        <v>237</v>
      </c>
      <c r="C161" s="21" t="s">
        <v>264</v>
      </c>
      <c r="D161" s="21" t="s">
        <v>216</v>
      </c>
      <c r="E161" s="21" t="s">
        <v>630</v>
      </c>
      <c r="F161" s="21" t="s">
        <v>386</v>
      </c>
      <c r="G161" s="22" t="s">
        <v>268</v>
      </c>
      <c r="H161" s="22" t="s">
        <v>268</v>
      </c>
      <c r="I161" s="22" t="s">
        <v>268</v>
      </c>
      <c r="J161" s="22" t="s">
        <v>268</v>
      </c>
      <c r="K161" s="22" t="s">
        <v>268</v>
      </c>
      <c r="L161" s="22" t="s">
        <v>268</v>
      </c>
      <c r="M161" s="22" t="s">
        <v>268</v>
      </c>
      <c r="N161" s="22" t="s">
        <v>268</v>
      </c>
      <c r="O161" s="22" t="s">
        <v>268</v>
      </c>
      <c r="P161" s="22" t="s">
        <v>268</v>
      </c>
      <c r="Q161" s="22" t="s">
        <v>268</v>
      </c>
      <c r="R161" s="22" t="s">
        <v>268</v>
      </c>
      <c r="S161" s="22" t="s">
        <v>268</v>
      </c>
      <c r="T161" s="22" t="s">
        <v>268</v>
      </c>
      <c r="U161" s="22" t="s">
        <v>268</v>
      </c>
      <c r="V161" s="22" t="s">
        <v>268</v>
      </c>
      <c r="W161" s="22" t="s">
        <v>268</v>
      </c>
      <c r="X161" s="22" t="s">
        <v>268</v>
      </c>
      <c r="Y161" s="22" t="s">
        <v>268</v>
      </c>
      <c r="Z161" s="22" t="s">
        <v>268</v>
      </c>
      <c r="AA161" s="22" t="s">
        <v>268</v>
      </c>
      <c r="AB161" s="22" t="s">
        <v>268</v>
      </c>
      <c r="AC161" s="22" t="s">
        <v>268</v>
      </c>
      <c r="AD161" s="22" t="s">
        <v>268</v>
      </c>
    </row>
    <row r="162" spans="1:30">
      <c r="A162" s="21" t="s">
        <v>232</v>
      </c>
      <c r="B162" s="21" t="s">
        <v>237</v>
      </c>
      <c r="C162" s="21" t="s">
        <v>264</v>
      </c>
      <c r="D162" s="21" t="s">
        <v>216</v>
      </c>
      <c r="E162" s="21" t="s">
        <v>630</v>
      </c>
      <c r="F162" s="21" t="s">
        <v>387</v>
      </c>
      <c r="G162" s="16">
        <v>48385</v>
      </c>
      <c r="H162" s="16">
        <v>34658</v>
      </c>
      <c r="I162" s="16">
        <v>24148</v>
      </c>
      <c r="J162" s="22" t="s">
        <v>268</v>
      </c>
      <c r="K162" s="16">
        <v>1688</v>
      </c>
      <c r="L162" s="16">
        <v>447</v>
      </c>
      <c r="M162" s="16">
        <v>22013</v>
      </c>
      <c r="N162" s="16">
        <v>10510</v>
      </c>
      <c r="O162" s="22" t="s">
        <v>268</v>
      </c>
      <c r="P162" s="16">
        <v>125</v>
      </c>
      <c r="Q162" s="16">
        <v>10</v>
      </c>
      <c r="R162" s="16">
        <v>748</v>
      </c>
      <c r="S162" s="16">
        <v>58</v>
      </c>
      <c r="T162" s="16">
        <v>3399</v>
      </c>
      <c r="U162" s="16">
        <v>175</v>
      </c>
      <c r="V162" s="16">
        <v>744</v>
      </c>
      <c r="W162" s="16">
        <v>302</v>
      </c>
      <c r="X162" s="16">
        <v>4949</v>
      </c>
      <c r="Y162" s="16">
        <v>1047</v>
      </c>
      <c r="Z162" s="16">
        <v>12680</v>
      </c>
      <c r="AA162" s="22" t="s">
        <v>268</v>
      </c>
      <c r="AB162" s="16">
        <v>9453</v>
      </c>
      <c r="AC162" s="22" t="s">
        <v>268</v>
      </c>
      <c r="AD162" s="22" t="s">
        <v>268</v>
      </c>
    </row>
    <row r="163" spans="1:30">
      <c r="A163" s="21" t="s">
        <v>232</v>
      </c>
      <c r="B163" s="21" t="s">
        <v>237</v>
      </c>
      <c r="C163" s="21" t="s">
        <v>264</v>
      </c>
      <c r="D163" s="21" t="s">
        <v>216</v>
      </c>
      <c r="E163" s="21" t="s">
        <v>630</v>
      </c>
      <c r="F163" s="21" t="s">
        <v>388</v>
      </c>
      <c r="G163" s="16">
        <v>111352</v>
      </c>
      <c r="H163" s="16">
        <v>60883</v>
      </c>
      <c r="I163" s="16">
        <v>29160</v>
      </c>
      <c r="J163" s="22" t="s">
        <v>268</v>
      </c>
      <c r="K163" s="16">
        <v>48</v>
      </c>
      <c r="L163" s="16">
        <v>87</v>
      </c>
      <c r="M163" s="16">
        <v>29025</v>
      </c>
      <c r="N163" s="16">
        <v>31723</v>
      </c>
      <c r="O163" s="22" t="s">
        <v>268</v>
      </c>
      <c r="P163" s="16">
        <v>9528</v>
      </c>
      <c r="Q163" s="22" t="s">
        <v>268</v>
      </c>
      <c r="R163" s="16">
        <v>10938</v>
      </c>
      <c r="S163" s="16">
        <v>231</v>
      </c>
      <c r="T163" s="16">
        <v>173</v>
      </c>
      <c r="U163" s="16">
        <v>915</v>
      </c>
      <c r="V163" s="16">
        <v>2385</v>
      </c>
      <c r="W163" s="16">
        <v>1032</v>
      </c>
      <c r="X163" s="16">
        <v>6521</v>
      </c>
      <c r="Y163" s="16">
        <v>809</v>
      </c>
      <c r="Z163" s="16">
        <v>49660</v>
      </c>
      <c r="AA163" s="22" t="s">
        <v>268</v>
      </c>
      <c r="AB163" s="16">
        <v>19047</v>
      </c>
      <c r="AC163" s="22" t="s">
        <v>268</v>
      </c>
      <c r="AD163" s="16">
        <v>49660</v>
      </c>
    </row>
    <row r="164" spans="1:30">
      <c r="A164" s="21" t="s">
        <v>232</v>
      </c>
      <c r="B164" s="21" t="s">
        <v>237</v>
      </c>
      <c r="C164" s="21" t="s">
        <v>264</v>
      </c>
      <c r="D164" s="21" t="s">
        <v>216</v>
      </c>
      <c r="E164" s="21" t="s">
        <v>630</v>
      </c>
      <c r="F164" s="21" t="s">
        <v>389</v>
      </c>
      <c r="G164" s="16">
        <v>79996</v>
      </c>
      <c r="H164" s="16">
        <v>46063</v>
      </c>
      <c r="I164" s="16">
        <v>20293</v>
      </c>
      <c r="J164" s="22" t="s">
        <v>268</v>
      </c>
      <c r="K164" s="22" t="s">
        <v>268</v>
      </c>
      <c r="L164" s="16">
        <v>4</v>
      </c>
      <c r="M164" s="16">
        <v>20289</v>
      </c>
      <c r="N164" s="16">
        <v>25770</v>
      </c>
      <c r="O164" s="22" t="s">
        <v>268</v>
      </c>
      <c r="P164" s="16">
        <v>9112</v>
      </c>
      <c r="Q164" s="22" t="s">
        <v>268</v>
      </c>
      <c r="R164" s="16">
        <v>8679</v>
      </c>
      <c r="S164" s="16">
        <v>162</v>
      </c>
      <c r="T164" s="16">
        <v>129</v>
      </c>
      <c r="U164" s="16">
        <v>787</v>
      </c>
      <c r="V164" s="16">
        <v>2075</v>
      </c>
      <c r="W164" s="16">
        <v>516</v>
      </c>
      <c r="X164" s="16">
        <v>4310</v>
      </c>
      <c r="Y164" s="16">
        <v>393</v>
      </c>
      <c r="Z164" s="16">
        <v>33540</v>
      </c>
      <c r="AA164" s="22" t="s">
        <v>268</v>
      </c>
      <c r="AB164" s="16">
        <v>14609</v>
      </c>
      <c r="AC164" s="22" t="s">
        <v>268</v>
      </c>
      <c r="AD164" s="16">
        <v>33540</v>
      </c>
    </row>
    <row r="165" spans="1:30">
      <c r="A165" s="21" t="s">
        <v>232</v>
      </c>
      <c r="B165" s="21" t="s">
        <v>237</v>
      </c>
      <c r="C165" s="21" t="s">
        <v>264</v>
      </c>
      <c r="D165" s="21" t="s">
        <v>216</v>
      </c>
      <c r="E165" s="21" t="s">
        <v>630</v>
      </c>
      <c r="F165" s="21" t="s">
        <v>390</v>
      </c>
      <c r="G165" s="16">
        <v>39348</v>
      </c>
      <c r="H165" s="16">
        <v>25588</v>
      </c>
      <c r="I165" s="16">
        <v>9948</v>
      </c>
      <c r="J165" s="22" t="s">
        <v>268</v>
      </c>
      <c r="K165" s="22" t="s">
        <v>268</v>
      </c>
      <c r="L165" s="22" t="s">
        <v>268</v>
      </c>
      <c r="M165" s="16">
        <v>9948</v>
      </c>
      <c r="N165" s="16">
        <v>15640</v>
      </c>
      <c r="O165" s="22" t="s">
        <v>268</v>
      </c>
      <c r="P165" s="16">
        <v>6617</v>
      </c>
      <c r="Q165" s="22" t="s">
        <v>268</v>
      </c>
      <c r="R165" s="16">
        <v>4577</v>
      </c>
      <c r="S165" s="16">
        <v>85</v>
      </c>
      <c r="T165" s="16">
        <v>86</v>
      </c>
      <c r="U165" s="16">
        <v>545</v>
      </c>
      <c r="V165" s="16">
        <v>1509</v>
      </c>
      <c r="W165" s="16">
        <v>154</v>
      </c>
      <c r="X165" s="16">
        <v>2067</v>
      </c>
      <c r="Y165" s="16">
        <v>147</v>
      </c>
      <c r="Z165" s="16">
        <v>13613</v>
      </c>
      <c r="AA165" s="22" t="s">
        <v>268</v>
      </c>
      <c r="AB165" s="16">
        <v>8079</v>
      </c>
      <c r="AC165" s="22" t="s">
        <v>268</v>
      </c>
      <c r="AD165" s="16">
        <v>13613</v>
      </c>
    </row>
    <row r="166" spans="1:30">
      <c r="A166" s="21" t="s">
        <v>232</v>
      </c>
      <c r="B166" s="21" t="s">
        <v>237</v>
      </c>
      <c r="C166" s="21" t="s">
        <v>264</v>
      </c>
      <c r="D166" s="21" t="s">
        <v>216</v>
      </c>
      <c r="E166" s="21" t="s">
        <v>630</v>
      </c>
      <c r="F166" s="21" t="s">
        <v>391</v>
      </c>
      <c r="G166" s="16">
        <v>62047</v>
      </c>
      <c r="H166" s="16">
        <v>41204</v>
      </c>
      <c r="I166" s="16">
        <v>28132</v>
      </c>
      <c r="J166" s="22" t="s">
        <v>268</v>
      </c>
      <c r="K166" s="16">
        <v>1728</v>
      </c>
      <c r="L166" s="16">
        <v>510</v>
      </c>
      <c r="M166" s="16">
        <v>25894</v>
      </c>
      <c r="N166" s="16">
        <v>13072</v>
      </c>
      <c r="O166" s="22" t="s">
        <v>268</v>
      </c>
      <c r="P166" s="16">
        <v>272</v>
      </c>
      <c r="Q166" s="16">
        <v>10</v>
      </c>
      <c r="R166" s="16">
        <v>1640</v>
      </c>
      <c r="S166" s="16">
        <v>91</v>
      </c>
      <c r="T166" s="16">
        <v>3422</v>
      </c>
      <c r="U166" s="16">
        <v>238</v>
      </c>
      <c r="V166" s="16">
        <v>892</v>
      </c>
      <c r="W166" s="16">
        <v>525</v>
      </c>
      <c r="X166" s="16">
        <v>5982</v>
      </c>
      <c r="Y166" s="16">
        <v>1259</v>
      </c>
      <c r="Z166" s="16">
        <v>19584</v>
      </c>
      <c r="AA166" s="22" t="s">
        <v>268</v>
      </c>
      <c r="AB166" s="16">
        <v>11386</v>
      </c>
      <c r="AC166" s="22" t="s">
        <v>268</v>
      </c>
      <c r="AD166" s="16">
        <v>6907</v>
      </c>
    </row>
    <row r="167" spans="1:30">
      <c r="A167" s="21" t="s">
        <v>240</v>
      </c>
      <c r="B167" s="21" t="s">
        <v>237</v>
      </c>
      <c r="C167" s="21" t="s">
        <v>265</v>
      </c>
      <c r="D167" s="21" t="s">
        <v>214</v>
      </c>
      <c r="E167" s="21" t="s">
        <v>630</v>
      </c>
      <c r="F167" s="21" t="s">
        <v>401</v>
      </c>
      <c r="G167" s="16">
        <v>17641</v>
      </c>
      <c r="H167" s="16">
        <v>10548</v>
      </c>
      <c r="I167" s="16">
        <v>5690</v>
      </c>
      <c r="J167" s="22" t="s">
        <v>268</v>
      </c>
      <c r="K167" s="16">
        <v>469</v>
      </c>
      <c r="L167" s="16">
        <v>748</v>
      </c>
      <c r="M167" s="16">
        <v>4473</v>
      </c>
      <c r="N167" s="16">
        <v>4858</v>
      </c>
      <c r="O167" s="22" t="s">
        <v>268</v>
      </c>
      <c r="P167" s="16">
        <v>987</v>
      </c>
      <c r="Q167" s="16">
        <v>3</v>
      </c>
      <c r="R167" s="16">
        <v>1252</v>
      </c>
      <c r="S167" s="16">
        <v>29</v>
      </c>
      <c r="T167" s="16">
        <v>438</v>
      </c>
      <c r="U167" s="16">
        <v>191</v>
      </c>
      <c r="V167" s="16">
        <v>412</v>
      </c>
      <c r="W167" s="16">
        <v>199</v>
      </c>
      <c r="X167" s="16">
        <v>1347</v>
      </c>
      <c r="Y167" s="16">
        <v>288</v>
      </c>
      <c r="Z167" s="16">
        <v>6805</v>
      </c>
      <c r="AA167" s="22" t="s">
        <v>268</v>
      </c>
      <c r="AB167" s="16">
        <v>3373</v>
      </c>
      <c r="AC167" s="22" t="s">
        <v>268</v>
      </c>
      <c r="AD167" s="16">
        <v>5104</v>
      </c>
    </row>
    <row r="168" spans="1:30">
      <c r="A168" s="21" t="s">
        <v>240</v>
      </c>
      <c r="B168" s="21" t="s">
        <v>237</v>
      </c>
      <c r="C168" s="21" t="s">
        <v>265</v>
      </c>
      <c r="D168" s="21" t="s">
        <v>214</v>
      </c>
      <c r="E168" s="21" t="s">
        <v>630</v>
      </c>
      <c r="F168" s="21" t="s">
        <v>405</v>
      </c>
      <c r="G168" s="16">
        <v>4</v>
      </c>
      <c r="H168" s="16">
        <v>2</v>
      </c>
      <c r="I168" s="16">
        <v>1</v>
      </c>
      <c r="J168" s="22" t="s">
        <v>268</v>
      </c>
      <c r="K168" s="22" t="s">
        <v>268</v>
      </c>
      <c r="L168" s="22" t="s">
        <v>268</v>
      </c>
      <c r="M168" s="16">
        <v>1</v>
      </c>
      <c r="N168" s="16">
        <v>1</v>
      </c>
      <c r="O168" s="22" t="s">
        <v>268</v>
      </c>
      <c r="P168" s="22" t="s">
        <v>268</v>
      </c>
      <c r="Q168" s="22" t="s">
        <v>268</v>
      </c>
      <c r="R168" s="22" t="s">
        <v>268</v>
      </c>
      <c r="S168" s="22" t="s">
        <v>268</v>
      </c>
      <c r="T168" s="22" t="s">
        <v>268</v>
      </c>
      <c r="U168" s="22" t="s">
        <v>268</v>
      </c>
      <c r="V168" s="22" t="s">
        <v>268</v>
      </c>
      <c r="W168" s="22" t="s">
        <v>268</v>
      </c>
      <c r="X168" s="16">
        <v>1</v>
      </c>
      <c r="Y168" s="16">
        <v>1</v>
      </c>
      <c r="Z168" s="16">
        <v>1</v>
      </c>
      <c r="AA168" s="22" t="s">
        <v>268</v>
      </c>
      <c r="AB168" s="16">
        <v>2</v>
      </c>
      <c r="AC168" s="22" t="s">
        <v>268</v>
      </c>
      <c r="AD168" s="22" t="s">
        <v>268</v>
      </c>
    </row>
    <row r="169" spans="1:30">
      <c r="A169" s="21" t="s">
        <v>240</v>
      </c>
      <c r="B169" s="21" t="s">
        <v>237</v>
      </c>
      <c r="C169" s="21" t="s">
        <v>265</v>
      </c>
      <c r="D169" s="21" t="s">
        <v>214</v>
      </c>
      <c r="E169" s="21" t="s">
        <v>630</v>
      </c>
      <c r="F169" s="21" t="s">
        <v>406</v>
      </c>
      <c r="G169" s="16">
        <v>40</v>
      </c>
      <c r="H169" s="16">
        <v>33</v>
      </c>
      <c r="I169" s="16">
        <v>10</v>
      </c>
      <c r="J169" s="22" t="s">
        <v>268</v>
      </c>
      <c r="K169" s="22" t="s">
        <v>268</v>
      </c>
      <c r="L169" s="22" t="s">
        <v>268</v>
      </c>
      <c r="M169" s="16">
        <v>10</v>
      </c>
      <c r="N169" s="16">
        <v>23</v>
      </c>
      <c r="O169" s="22" t="s">
        <v>268</v>
      </c>
      <c r="P169" s="22" t="s">
        <v>268</v>
      </c>
      <c r="Q169" s="22" t="s">
        <v>268</v>
      </c>
      <c r="R169" s="22" t="s">
        <v>268</v>
      </c>
      <c r="S169" s="16">
        <v>1</v>
      </c>
      <c r="T169" s="16">
        <v>8</v>
      </c>
      <c r="U169" s="16">
        <v>2</v>
      </c>
      <c r="V169" s="16">
        <v>3</v>
      </c>
      <c r="W169" s="16">
        <v>1</v>
      </c>
      <c r="X169" s="16">
        <v>8</v>
      </c>
      <c r="Y169" s="16">
        <v>3</v>
      </c>
      <c r="Z169" s="16">
        <v>4</v>
      </c>
      <c r="AA169" s="22" t="s">
        <v>268</v>
      </c>
      <c r="AB169" s="16">
        <v>21</v>
      </c>
      <c r="AC169" s="22" t="s">
        <v>268</v>
      </c>
      <c r="AD169" s="22" t="s">
        <v>268</v>
      </c>
    </row>
    <row r="170" spans="1:30">
      <c r="A170" s="21" t="s">
        <v>240</v>
      </c>
      <c r="B170" s="21" t="s">
        <v>237</v>
      </c>
      <c r="C170" s="21" t="s">
        <v>265</v>
      </c>
      <c r="D170" s="21" t="s">
        <v>214</v>
      </c>
      <c r="E170" s="21" t="s">
        <v>630</v>
      </c>
      <c r="F170" s="21" t="s">
        <v>407</v>
      </c>
      <c r="G170" s="16">
        <v>152</v>
      </c>
      <c r="H170" s="16">
        <v>116</v>
      </c>
      <c r="I170" s="16">
        <v>61</v>
      </c>
      <c r="J170" s="22" t="s">
        <v>268</v>
      </c>
      <c r="K170" s="16">
        <v>9</v>
      </c>
      <c r="L170" s="16">
        <v>3</v>
      </c>
      <c r="M170" s="16">
        <v>49</v>
      </c>
      <c r="N170" s="16">
        <v>55</v>
      </c>
      <c r="O170" s="22" t="s">
        <v>268</v>
      </c>
      <c r="P170" s="22" t="s">
        <v>268</v>
      </c>
      <c r="Q170" s="16">
        <v>1</v>
      </c>
      <c r="R170" s="16">
        <v>1</v>
      </c>
      <c r="S170" s="16">
        <v>1</v>
      </c>
      <c r="T170" s="16">
        <v>19</v>
      </c>
      <c r="U170" s="22" t="s">
        <v>268</v>
      </c>
      <c r="V170" s="16">
        <v>12</v>
      </c>
      <c r="W170" s="22" t="s">
        <v>268</v>
      </c>
      <c r="X170" s="16">
        <v>21</v>
      </c>
      <c r="Y170" s="16">
        <v>10</v>
      </c>
      <c r="Z170" s="16">
        <v>26</v>
      </c>
      <c r="AA170" s="22" t="s">
        <v>268</v>
      </c>
      <c r="AB170" s="16">
        <v>53</v>
      </c>
      <c r="AC170" s="22" t="s">
        <v>268</v>
      </c>
      <c r="AD170" s="22" t="s">
        <v>268</v>
      </c>
    </row>
    <row r="171" spans="1:30">
      <c r="A171" s="21" t="s">
        <v>240</v>
      </c>
      <c r="B171" s="21" t="s">
        <v>237</v>
      </c>
      <c r="C171" s="21" t="s">
        <v>265</v>
      </c>
      <c r="D171" s="21" t="s">
        <v>214</v>
      </c>
      <c r="E171" s="21" t="s">
        <v>630</v>
      </c>
      <c r="F171" s="21" t="s">
        <v>408</v>
      </c>
      <c r="G171" s="16">
        <v>321</v>
      </c>
      <c r="H171" s="16">
        <v>263</v>
      </c>
      <c r="I171" s="16">
        <v>161</v>
      </c>
      <c r="J171" s="22" t="s">
        <v>268</v>
      </c>
      <c r="K171" s="16">
        <v>26</v>
      </c>
      <c r="L171" s="16">
        <v>10</v>
      </c>
      <c r="M171" s="16">
        <v>125</v>
      </c>
      <c r="N171" s="16">
        <v>102</v>
      </c>
      <c r="O171" s="22" t="s">
        <v>268</v>
      </c>
      <c r="P171" s="22" t="s">
        <v>268</v>
      </c>
      <c r="Q171" s="22" t="s">
        <v>268</v>
      </c>
      <c r="R171" s="16">
        <v>8</v>
      </c>
      <c r="S171" s="16">
        <v>2</v>
      </c>
      <c r="T171" s="16">
        <v>46</v>
      </c>
      <c r="U171" s="16">
        <v>1</v>
      </c>
      <c r="V171" s="16">
        <v>10</v>
      </c>
      <c r="W171" s="16">
        <v>2</v>
      </c>
      <c r="X171" s="16">
        <v>33</v>
      </c>
      <c r="Y171" s="16">
        <v>3</v>
      </c>
      <c r="Z171" s="16">
        <v>55</v>
      </c>
      <c r="AA171" s="22" t="s">
        <v>268</v>
      </c>
      <c r="AB171" s="16">
        <v>94</v>
      </c>
      <c r="AC171" s="22" t="s">
        <v>268</v>
      </c>
      <c r="AD171" s="22" t="s">
        <v>268</v>
      </c>
    </row>
    <row r="172" spans="1:30">
      <c r="A172" s="21" t="s">
        <v>240</v>
      </c>
      <c r="B172" s="21" t="s">
        <v>237</v>
      </c>
      <c r="C172" s="21" t="s">
        <v>265</v>
      </c>
      <c r="D172" s="21" t="s">
        <v>214</v>
      </c>
      <c r="E172" s="21" t="s">
        <v>630</v>
      </c>
      <c r="F172" s="21" t="s">
        <v>409</v>
      </c>
      <c r="G172" s="16">
        <v>521</v>
      </c>
      <c r="H172" s="16">
        <v>428</v>
      </c>
      <c r="I172" s="16">
        <v>271</v>
      </c>
      <c r="J172" s="22" t="s">
        <v>268</v>
      </c>
      <c r="K172" s="16">
        <v>34</v>
      </c>
      <c r="L172" s="16">
        <v>23</v>
      </c>
      <c r="M172" s="16">
        <v>214</v>
      </c>
      <c r="N172" s="16">
        <v>157</v>
      </c>
      <c r="O172" s="22" t="s">
        <v>268</v>
      </c>
      <c r="P172" s="22" t="s">
        <v>268</v>
      </c>
      <c r="Q172" s="16">
        <v>2</v>
      </c>
      <c r="R172" s="16">
        <v>6</v>
      </c>
      <c r="S172" s="22" t="s">
        <v>268</v>
      </c>
      <c r="T172" s="16">
        <v>67</v>
      </c>
      <c r="U172" s="16">
        <v>2</v>
      </c>
      <c r="V172" s="16">
        <v>19</v>
      </c>
      <c r="W172" s="16">
        <v>2</v>
      </c>
      <c r="X172" s="16">
        <v>59</v>
      </c>
      <c r="Y172" s="16">
        <v>13</v>
      </c>
      <c r="Z172" s="16">
        <v>80</v>
      </c>
      <c r="AA172" s="22" t="s">
        <v>268</v>
      </c>
      <c r="AB172" s="16">
        <v>152</v>
      </c>
      <c r="AC172" s="22" t="s">
        <v>268</v>
      </c>
      <c r="AD172" s="22" t="s">
        <v>268</v>
      </c>
    </row>
    <row r="173" spans="1:30">
      <c r="A173" s="21" t="s">
        <v>240</v>
      </c>
      <c r="B173" s="21" t="s">
        <v>237</v>
      </c>
      <c r="C173" s="21" t="s">
        <v>265</v>
      </c>
      <c r="D173" s="21" t="s">
        <v>214</v>
      </c>
      <c r="E173" s="21" t="s">
        <v>630</v>
      </c>
      <c r="F173" s="21" t="s">
        <v>410</v>
      </c>
      <c r="G173" s="16">
        <v>685</v>
      </c>
      <c r="H173" s="16">
        <v>590</v>
      </c>
      <c r="I173" s="16">
        <v>376</v>
      </c>
      <c r="J173" s="22" t="s">
        <v>268</v>
      </c>
      <c r="K173" s="16">
        <v>72</v>
      </c>
      <c r="L173" s="16">
        <v>29</v>
      </c>
      <c r="M173" s="16">
        <v>275</v>
      </c>
      <c r="N173" s="16">
        <v>214</v>
      </c>
      <c r="O173" s="22" t="s">
        <v>268</v>
      </c>
      <c r="P173" s="22" t="s">
        <v>268</v>
      </c>
      <c r="Q173" s="22" t="s">
        <v>268</v>
      </c>
      <c r="R173" s="16">
        <v>6</v>
      </c>
      <c r="S173" s="16">
        <v>1</v>
      </c>
      <c r="T173" s="16">
        <v>96</v>
      </c>
      <c r="U173" s="16">
        <v>1</v>
      </c>
      <c r="V173" s="16">
        <v>19</v>
      </c>
      <c r="W173" s="16">
        <v>2</v>
      </c>
      <c r="X173" s="16">
        <v>89</v>
      </c>
      <c r="Y173" s="16">
        <v>18</v>
      </c>
      <c r="Z173" s="16">
        <v>77</v>
      </c>
      <c r="AA173" s="22" t="s">
        <v>268</v>
      </c>
      <c r="AB173" s="16">
        <v>202</v>
      </c>
      <c r="AC173" s="22" t="s">
        <v>268</v>
      </c>
      <c r="AD173" s="22" t="s">
        <v>268</v>
      </c>
    </row>
    <row r="174" spans="1:30">
      <c r="A174" s="21" t="s">
        <v>240</v>
      </c>
      <c r="B174" s="21" t="s">
        <v>237</v>
      </c>
      <c r="C174" s="21" t="s">
        <v>265</v>
      </c>
      <c r="D174" s="21" t="s">
        <v>214</v>
      </c>
      <c r="E174" s="21" t="s">
        <v>630</v>
      </c>
      <c r="F174" s="21" t="s">
        <v>411</v>
      </c>
      <c r="G174" s="16">
        <v>915</v>
      </c>
      <c r="H174" s="16">
        <v>678</v>
      </c>
      <c r="I174" s="16">
        <v>470</v>
      </c>
      <c r="J174" s="22" t="s">
        <v>268</v>
      </c>
      <c r="K174" s="16">
        <v>99</v>
      </c>
      <c r="L174" s="16">
        <v>42</v>
      </c>
      <c r="M174" s="16">
        <v>329</v>
      </c>
      <c r="N174" s="16">
        <v>208</v>
      </c>
      <c r="O174" s="22" t="s">
        <v>268</v>
      </c>
      <c r="P174" s="16">
        <v>1</v>
      </c>
      <c r="Q174" s="22" t="s">
        <v>268</v>
      </c>
      <c r="R174" s="16">
        <v>9</v>
      </c>
      <c r="S174" s="16">
        <v>1</v>
      </c>
      <c r="T174" s="16">
        <v>84</v>
      </c>
      <c r="U174" s="16">
        <v>2</v>
      </c>
      <c r="V174" s="16">
        <v>15</v>
      </c>
      <c r="W174" s="16">
        <v>2</v>
      </c>
      <c r="X174" s="16">
        <v>94</v>
      </c>
      <c r="Y174" s="16">
        <v>31</v>
      </c>
      <c r="Z174" s="16">
        <v>206</v>
      </c>
      <c r="AA174" s="22" t="s">
        <v>268</v>
      </c>
      <c r="AB174" s="16">
        <v>196</v>
      </c>
      <c r="AC174" s="22" t="s">
        <v>268</v>
      </c>
      <c r="AD174" s="22" t="s">
        <v>268</v>
      </c>
    </row>
    <row r="175" spans="1:30">
      <c r="A175" s="21" t="s">
        <v>240</v>
      </c>
      <c r="B175" s="21" t="s">
        <v>237</v>
      </c>
      <c r="C175" s="21" t="s">
        <v>265</v>
      </c>
      <c r="D175" s="21" t="s">
        <v>214</v>
      </c>
      <c r="E175" s="21" t="s">
        <v>630</v>
      </c>
      <c r="F175" s="21" t="s">
        <v>412</v>
      </c>
      <c r="G175" s="16">
        <v>984</v>
      </c>
      <c r="H175" s="16">
        <v>673</v>
      </c>
      <c r="I175" s="16">
        <v>494</v>
      </c>
      <c r="J175" s="22" t="s">
        <v>268</v>
      </c>
      <c r="K175" s="16">
        <v>96</v>
      </c>
      <c r="L175" s="16">
        <v>57</v>
      </c>
      <c r="M175" s="16">
        <v>341</v>
      </c>
      <c r="N175" s="16">
        <v>179</v>
      </c>
      <c r="O175" s="22" t="s">
        <v>268</v>
      </c>
      <c r="P175" s="16">
        <v>3</v>
      </c>
      <c r="Q175" s="22" t="s">
        <v>268</v>
      </c>
      <c r="R175" s="16">
        <v>9</v>
      </c>
      <c r="S175" s="16">
        <v>1</v>
      </c>
      <c r="T175" s="16">
        <v>52</v>
      </c>
      <c r="U175" s="16">
        <v>6</v>
      </c>
      <c r="V175" s="16">
        <v>10</v>
      </c>
      <c r="W175" s="16">
        <v>5</v>
      </c>
      <c r="X175" s="16">
        <v>93</v>
      </c>
      <c r="Y175" s="16">
        <v>26</v>
      </c>
      <c r="Z175" s="16">
        <v>285</v>
      </c>
      <c r="AA175" s="22" t="s">
        <v>268</v>
      </c>
      <c r="AB175" s="16">
        <v>152</v>
      </c>
      <c r="AC175" s="22" t="s">
        <v>268</v>
      </c>
      <c r="AD175" s="22" t="s">
        <v>268</v>
      </c>
    </row>
    <row r="176" spans="1:30">
      <c r="A176" s="21" t="s">
        <v>240</v>
      </c>
      <c r="B176" s="21" t="s">
        <v>237</v>
      </c>
      <c r="C176" s="21" t="s">
        <v>265</v>
      </c>
      <c r="D176" s="21" t="s">
        <v>214</v>
      </c>
      <c r="E176" s="21" t="s">
        <v>630</v>
      </c>
      <c r="F176" s="21" t="s">
        <v>413</v>
      </c>
      <c r="G176" s="16">
        <v>1131</v>
      </c>
      <c r="H176" s="16">
        <v>714</v>
      </c>
      <c r="I176" s="16">
        <v>497</v>
      </c>
      <c r="J176" s="22" t="s">
        <v>268</v>
      </c>
      <c r="K176" s="16">
        <v>95</v>
      </c>
      <c r="L176" s="16">
        <v>55</v>
      </c>
      <c r="M176" s="16">
        <v>347</v>
      </c>
      <c r="N176" s="16">
        <v>217</v>
      </c>
      <c r="O176" s="22" t="s">
        <v>268</v>
      </c>
      <c r="P176" s="16">
        <v>5</v>
      </c>
      <c r="Q176" s="22" t="s">
        <v>268</v>
      </c>
      <c r="R176" s="16">
        <v>18</v>
      </c>
      <c r="S176" s="16">
        <v>1</v>
      </c>
      <c r="T176" s="16">
        <v>29</v>
      </c>
      <c r="U176" s="16">
        <v>10</v>
      </c>
      <c r="V176" s="16">
        <v>8</v>
      </c>
      <c r="W176" s="16">
        <v>13</v>
      </c>
      <c r="X176" s="16">
        <v>133</v>
      </c>
      <c r="Y176" s="16">
        <v>28</v>
      </c>
      <c r="Z176" s="16">
        <v>389</v>
      </c>
      <c r="AA176" s="22" t="s">
        <v>268</v>
      </c>
      <c r="AB176" s="16">
        <v>182</v>
      </c>
      <c r="AC176" s="22" t="s">
        <v>268</v>
      </c>
      <c r="AD176" s="22" t="s">
        <v>268</v>
      </c>
    </row>
    <row r="177" spans="1:30">
      <c r="A177" s="21" t="s">
        <v>240</v>
      </c>
      <c r="B177" s="21" t="s">
        <v>237</v>
      </c>
      <c r="C177" s="21" t="s">
        <v>265</v>
      </c>
      <c r="D177" s="21" t="s">
        <v>214</v>
      </c>
      <c r="E177" s="21" t="s">
        <v>630</v>
      </c>
      <c r="F177" s="21" t="s">
        <v>414</v>
      </c>
      <c r="G177" s="16">
        <v>1289</v>
      </c>
      <c r="H177" s="16">
        <v>681</v>
      </c>
      <c r="I177" s="16">
        <v>437</v>
      </c>
      <c r="J177" s="22" t="s">
        <v>268</v>
      </c>
      <c r="K177" s="16">
        <v>27</v>
      </c>
      <c r="L177" s="16">
        <v>66</v>
      </c>
      <c r="M177" s="16">
        <v>344</v>
      </c>
      <c r="N177" s="16">
        <v>244</v>
      </c>
      <c r="O177" s="22" t="s">
        <v>268</v>
      </c>
      <c r="P177" s="16">
        <v>5</v>
      </c>
      <c r="Q177" s="22" t="s">
        <v>268</v>
      </c>
      <c r="R177" s="16">
        <v>46</v>
      </c>
      <c r="S177" s="16">
        <v>1</v>
      </c>
      <c r="T177" s="16">
        <v>14</v>
      </c>
      <c r="U177" s="16">
        <v>14</v>
      </c>
      <c r="V177" s="16">
        <v>21</v>
      </c>
      <c r="W177" s="16">
        <v>28</v>
      </c>
      <c r="X177" s="16">
        <v>115</v>
      </c>
      <c r="Y177" s="16">
        <v>30</v>
      </c>
      <c r="Z177" s="16">
        <v>578</v>
      </c>
      <c r="AA177" s="22" t="s">
        <v>268</v>
      </c>
      <c r="AB177" s="16">
        <v>188</v>
      </c>
      <c r="AC177" s="22" t="s">
        <v>268</v>
      </c>
      <c r="AD177" s="22" t="s">
        <v>268</v>
      </c>
    </row>
    <row r="178" spans="1:30">
      <c r="A178" s="21" t="s">
        <v>240</v>
      </c>
      <c r="B178" s="21" t="s">
        <v>237</v>
      </c>
      <c r="C178" s="21" t="s">
        <v>265</v>
      </c>
      <c r="D178" s="21" t="s">
        <v>214</v>
      </c>
      <c r="E178" s="21" t="s">
        <v>630</v>
      </c>
      <c r="F178" s="21" t="s">
        <v>415</v>
      </c>
      <c r="G178" s="16">
        <v>1640</v>
      </c>
      <c r="H178" s="16">
        <v>766</v>
      </c>
      <c r="I178" s="16">
        <v>438</v>
      </c>
      <c r="J178" s="22" t="s">
        <v>268</v>
      </c>
      <c r="K178" s="16">
        <v>9</v>
      </c>
      <c r="L178" s="16">
        <v>77</v>
      </c>
      <c r="M178" s="16">
        <v>352</v>
      </c>
      <c r="N178" s="16">
        <v>328</v>
      </c>
      <c r="O178" s="22" t="s">
        <v>268</v>
      </c>
      <c r="P178" s="16">
        <v>16</v>
      </c>
      <c r="Q178" s="22" t="s">
        <v>268</v>
      </c>
      <c r="R178" s="16">
        <v>99</v>
      </c>
      <c r="S178" s="16">
        <v>3</v>
      </c>
      <c r="T178" s="16">
        <v>2</v>
      </c>
      <c r="U178" s="16">
        <v>10</v>
      </c>
      <c r="V178" s="16">
        <v>21</v>
      </c>
      <c r="W178" s="16">
        <v>46</v>
      </c>
      <c r="X178" s="16">
        <v>131</v>
      </c>
      <c r="Y178" s="16">
        <v>45</v>
      </c>
      <c r="Z178" s="16">
        <v>829</v>
      </c>
      <c r="AA178" s="22" t="s">
        <v>268</v>
      </c>
      <c r="AB178" s="16">
        <v>239</v>
      </c>
      <c r="AC178" s="22" t="s">
        <v>268</v>
      </c>
      <c r="AD178" s="16">
        <v>829</v>
      </c>
    </row>
    <row r="179" spans="1:30">
      <c r="A179" s="21" t="s">
        <v>240</v>
      </c>
      <c r="B179" s="21" t="s">
        <v>237</v>
      </c>
      <c r="C179" s="21" t="s">
        <v>265</v>
      </c>
      <c r="D179" s="21" t="s">
        <v>214</v>
      </c>
      <c r="E179" s="21" t="s">
        <v>630</v>
      </c>
      <c r="F179" s="21" t="s">
        <v>416</v>
      </c>
      <c r="G179" s="16">
        <v>1979</v>
      </c>
      <c r="H179" s="16">
        <v>900</v>
      </c>
      <c r="I179" s="16">
        <v>490</v>
      </c>
      <c r="J179" s="22" t="s">
        <v>268</v>
      </c>
      <c r="K179" s="16">
        <v>2</v>
      </c>
      <c r="L179" s="16">
        <v>93</v>
      </c>
      <c r="M179" s="16">
        <v>395</v>
      </c>
      <c r="N179" s="16">
        <v>410</v>
      </c>
      <c r="O179" s="22" t="s">
        <v>268</v>
      </c>
      <c r="P179" s="16">
        <v>34</v>
      </c>
      <c r="Q179" s="22" t="s">
        <v>268</v>
      </c>
      <c r="R179" s="16">
        <v>165</v>
      </c>
      <c r="S179" s="16">
        <v>4</v>
      </c>
      <c r="T179" s="16">
        <v>3</v>
      </c>
      <c r="U179" s="16">
        <v>10</v>
      </c>
      <c r="V179" s="16">
        <v>21</v>
      </c>
      <c r="W179" s="16">
        <v>42</v>
      </c>
      <c r="X179" s="16">
        <v>131</v>
      </c>
      <c r="Y179" s="16">
        <v>28</v>
      </c>
      <c r="Z179" s="16">
        <v>1051</v>
      </c>
      <c r="AA179" s="22" t="s">
        <v>268</v>
      </c>
      <c r="AB179" s="16">
        <v>300</v>
      </c>
      <c r="AC179" s="22" t="s">
        <v>268</v>
      </c>
      <c r="AD179" s="16">
        <v>1051</v>
      </c>
    </row>
    <row r="180" spans="1:30">
      <c r="A180" s="21" t="s">
        <v>240</v>
      </c>
      <c r="B180" s="21" t="s">
        <v>237</v>
      </c>
      <c r="C180" s="21" t="s">
        <v>265</v>
      </c>
      <c r="D180" s="21" t="s">
        <v>214</v>
      </c>
      <c r="E180" s="21" t="s">
        <v>630</v>
      </c>
      <c r="F180" s="21" t="s">
        <v>417</v>
      </c>
      <c r="G180" s="16">
        <v>1961</v>
      </c>
      <c r="H180" s="16">
        <v>947</v>
      </c>
      <c r="I180" s="16">
        <v>508</v>
      </c>
      <c r="J180" s="22" t="s">
        <v>268</v>
      </c>
      <c r="K180" s="22" t="s">
        <v>268</v>
      </c>
      <c r="L180" s="16">
        <v>75</v>
      </c>
      <c r="M180" s="16">
        <v>433</v>
      </c>
      <c r="N180" s="16">
        <v>439</v>
      </c>
      <c r="O180" s="22" t="s">
        <v>268</v>
      </c>
      <c r="P180" s="16">
        <v>69</v>
      </c>
      <c r="Q180" s="22" t="s">
        <v>268</v>
      </c>
      <c r="R180" s="16">
        <v>214</v>
      </c>
      <c r="S180" s="16">
        <v>2</v>
      </c>
      <c r="T180" s="16">
        <v>3</v>
      </c>
      <c r="U180" s="16">
        <v>12</v>
      </c>
      <c r="V180" s="16">
        <v>17</v>
      </c>
      <c r="W180" s="16">
        <v>24</v>
      </c>
      <c r="X180" s="16">
        <v>98</v>
      </c>
      <c r="Y180" s="16">
        <v>19</v>
      </c>
      <c r="Z180" s="16">
        <v>995</v>
      </c>
      <c r="AA180" s="22" t="s">
        <v>268</v>
      </c>
      <c r="AB180" s="16">
        <v>316</v>
      </c>
      <c r="AC180" s="22" t="s">
        <v>268</v>
      </c>
      <c r="AD180" s="16">
        <v>995</v>
      </c>
    </row>
    <row r="181" spans="1:30">
      <c r="A181" s="21" t="s">
        <v>240</v>
      </c>
      <c r="B181" s="21" t="s">
        <v>237</v>
      </c>
      <c r="C181" s="21" t="s">
        <v>265</v>
      </c>
      <c r="D181" s="21" t="s">
        <v>214</v>
      </c>
      <c r="E181" s="21" t="s">
        <v>630</v>
      </c>
      <c r="F181" s="21" t="s">
        <v>418</v>
      </c>
      <c r="G181" s="16">
        <v>2285</v>
      </c>
      <c r="H181" s="16">
        <v>1248</v>
      </c>
      <c r="I181" s="16">
        <v>578</v>
      </c>
      <c r="J181" s="22" t="s">
        <v>268</v>
      </c>
      <c r="K181" s="22" t="s">
        <v>268</v>
      </c>
      <c r="L181" s="16">
        <v>76</v>
      </c>
      <c r="M181" s="16">
        <v>502</v>
      </c>
      <c r="N181" s="16">
        <v>670</v>
      </c>
      <c r="O181" s="22" t="s">
        <v>268</v>
      </c>
      <c r="P181" s="16">
        <v>219</v>
      </c>
      <c r="Q181" s="22" t="s">
        <v>268</v>
      </c>
      <c r="R181" s="16">
        <v>224</v>
      </c>
      <c r="S181" s="16">
        <v>3</v>
      </c>
      <c r="T181" s="16">
        <v>3</v>
      </c>
      <c r="U181" s="16">
        <v>26</v>
      </c>
      <c r="V181" s="16">
        <v>43</v>
      </c>
      <c r="W181" s="16">
        <v>16</v>
      </c>
      <c r="X181" s="16">
        <v>136</v>
      </c>
      <c r="Y181" s="16">
        <v>18</v>
      </c>
      <c r="Z181" s="16">
        <v>1019</v>
      </c>
      <c r="AA181" s="22" t="s">
        <v>268</v>
      </c>
      <c r="AB181" s="16">
        <v>391</v>
      </c>
      <c r="AC181" s="22" t="s">
        <v>268</v>
      </c>
      <c r="AD181" s="16">
        <v>1019</v>
      </c>
    </row>
    <row r="182" spans="1:30">
      <c r="A182" s="21" t="s">
        <v>240</v>
      </c>
      <c r="B182" s="21" t="s">
        <v>237</v>
      </c>
      <c r="C182" s="21" t="s">
        <v>265</v>
      </c>
      <c r="D182" s="21" t="s">
        <v>214</v>
      </c>
      <c r="E182" s="21" t="s">
        <v>630</v>
      </c>
      <c r="F182" s="21" t="s">
        <v>419</v>
      </c>
      <c r="G182" s="16">
        <v>2248</v>
      </c>
      <c r="H182" s="16">
        <v>1407</v>
      </c>
      <c r="I182" s="16">
        <v>551</v>
      </c>
      <c r="J182" s="22" t="s">
        <v>268</v>
      </c>
      <c r="K182" s="22" t="s">
        <v>268</v>
      </c>
      <c r="L182" s="16">
        <v>89</v>
      </c>
      <c r="M182" s="16">
        <v>462</v>
      </c>
      <c r="N182" s="16">
        <v>856</v>
      </c>
      <c r="O182" s="22" t="s">
        <v>268</v>
      </c>
      <c r="P182" s="16">
        <v>318</v>
      </c>
      <c r="Q182" s="22" t="s">
        <v>268</v>
      </c>
      <c r="R182" s="16">
        <v>267</v>
      </c>
      <c r="S182" s="16">
        <v>4</v>
      </c>
      <c r="T182" s="16">
        <v>5</v>
      </c>
      <c r="U182" s="16">
        <v>50</v>
      </c>
      <c r="V182" s="16">
        <v>88</v>
      </c>
      <c r="W182" s="16">
        <v>11</v>
      </c>
      <c r="X182" s="16">
        <v>113</v>
      </c>
      <c r="Y182" s="16">
        <v>9</v>
      </c>
      <c r="Z182" s="16">
        <v>832</v>
      </c>
      <c r="AA182" s="22" t="s">
        <v>268</v>
      </c>
      <c r="AB182" s="16">
        <v>492</v>
      </c>
      <c r="AC182" s="22" t="s">
        <v>268</v>
      </c>
      <c r="AD182" s="16">
        <v>832</v>
      </c>
    </row>
    <row r="183" spans="1:30">
      <c r="A183" s="21" t="s">
        <v>240</v>
      </c>
      <c r="B183" s="21" t="s">
        <v>237</v>
      </c>
      <c r="C183" s="21" t="s">
        <v>265</v>
      </c>
      <c r="D183" s="21" t="s">
        <v>214</v>
      </c>
      <c r="E183" s="21" t="s">
        <v>630</v>
      </c>
      <c r="F183" s="21" t="s">
        <v>420</v>
      </c>
      <c r="G183" s="16">
        <v>1189</v>
      </c>
      <c r="H183" s="16">
        <v>856</v>
      </c>
      <c r="I183" s="16">
        <v>267</v>
      </c>
      <c r="J183" s="22" t="s">
        <v>268</v>
      </c>
      <c r="K183" s="22" t="s">
        <v>268</v>
      </c>
      <c r="L183" s="16">
        <v>39</v>
      </c>
      <c r="M183" s="16">
        <v>228</v>
      </c>
      <c r="N183" s="16">
        <v>589</v>
      </c>
      <c r="O183" s="22" t="s">
        <v>268</v>
      </c>
      <c r="P183" s="16">
        <v>244</v>
      </c>
      <c r="Q183" s="22" t="s">
        <v>268</v>
      </c>
      <c r="R183" s="16">
        <v>144</v>
      </c>
      <c r="S183" s="16">
        <v>2</v>
      </c>
      <c r="T183" s="16">
        <v>7</v>
      </c>
      <c r="U183" s="16">
        <v>34</v>
      </c>
      <c r="V183" s="16">
        <v>82</v>
      </c>
      <c r="W183" s="16">
        <v>5</v>
      </c>
      <c r="X183" s="16">
        <v>71</v>
      </c>
      <c r="Y183" s="16">
        <v>5</v>
      </c>
      <c r="Z183" s="16">
        <v>328</v>
      </c>
      <c r="AA183" s="22" t="s">
        <v>268</v>
      </c>
      <c r="AB183" s="16">
        <v>310</v>
      </c>
      <c r="AC183" s="22" t="s">
        <v>268</v>
      </c>
      <c r="AD183" s="16">
        <v>328</v>
      </c>
    </row>
    <row r="184" spans="1:30">
      <c r="A184" s="21" t="s">
        <v>240</v>
      </c>
      <c r="B184" s="21" t="s">
        <v>237</v>
      </c>
      <c r="C184" s="21" t="s">
        <v>265</v>
      </c>
      <c r="D184" s="21" t="s">
        <v>214</v>
      </c>
      <c r="E184" s="21" t="s">
        <v>630</v>
      </c>
      <c r="F184" s="21" t="s">
        <v>421</v>
      </c>
      <c r="G184" s="16">
        <v>273</v>
      </c>
      <c r="H184" s="16">
        <v>226</v>
      </c>
      <c r="I184" s="16">
        <v>75</v>
      </c>
      <c r="J184" s="22" t="s">
        <v>268</v>
      </c>
      <c r="K184" s="22" t="s">
        <v>268</v>
      </c>
      <c r="L184" s="16">
        <v>13</v>
      </c>
      <c r="M184" s="16">
        <v>62</v>
      </c>
      <c r="N184" s="16">
        <v>151</v>
      </c>
      <c r="O184" s="22" t="s">
        <v>268</v>
      </c>
      <c r="P184" s="16">
        <v>66</v>
      </c>
      <c r="Q184" s="22" t="s">
        <v>268</v>
      </c>
      <c r="R184" s="16">
        <v>32</v>
      </c>
      <c r="S184" s="16">
        <v>2</v>
      </c>
      <c r="T184" s="22" t="s">
        <v>268</v>
      </c>
      <c r="U184" s="16">
        <v>11</v>
      </c>
      <c r="V184" s="16">
        <v>21</v>
      </c>
      <c r="W184" s="22" t="s">
        <v>268</v>
      </c>
      <c r="X184" s="16">
        <v>19</v>
      </c>
      <c r="Y184" s="16">
        <v>1</v>
      </c>
      <c r="Z184" s="16">
        <v>46</v>
      </c>
      <c r="AA184" s="22" t="s">
        <v>268</v>
      </c>
      <c r="AB184" s="16">
        <v>75</v>
      </c>
      <c r="AC184" s="22" t="s">
        <v>268</v>
      </c>
      <c r="AD184" s="16">
        <v>46</v>
      </c>
    </row>
    <row r="185" spans="1:30">
      <c r="A185" s="21" t="s">
        <v>240</v>
      </c>
      <c r="B185" s="21" t="s">
        <v>237</v>
      </c>
      <c r="C185" s="21" t="s">
        <v>265</v>
      </c>
      <c r="D185" s="21" t="s">
        <v>214</v>
      </c>
      <c r="E185" s="21" t="s">
        <v>630</v>
      </c>
      <c r="F185" s="21" t="s">
        <v>422</v>
      </c>
      <c r="G185" s="16">
        <v>24</v>
      </c>
      <c r="H185" s="16">
        <v>20</v>
      </c>
      <c r="I185" s="16">
        <v>5</v>
      </c>
      <c r="J185" s="22" t="s">
        <v>268</v>
      </c>
      <c r="K185" s="22" t="s">
        <v>268</v>
      </c>
      <c r="L185" s="16">
        <v>1</v>
      </c>
      <c r="M185" s="16">
        <v>4</v>
      </c>
      <c r="N185" s="16">
        <v>15</v>
      </c>
      <c r="O185" s="22" t="s">
        <v>268</v>
      </c>
      <c r="P185" s="16">
        <v>7</v>
      </c>
      <c r="Q185" s="22" t="s">
        <v>268</v>
      </c>
      <c r="R185" s="16">
        <v>4</v>
      </c>
      <c r="S185" s="22" t="s">
        <v>268</v>
      </c>
      <c r="T185" s="22" t="s">
        <v>268</v>
      </c>
      <c r="U185" s="22" t="s">
        <v>268</v>
      </c>
      <c r="V185" s="16">
        <v>2</v>
      </c>
      <c r="W185" s="22" t="s">
        <v>268</v>
      </c>
      <c r="X185" s="16">
        <v>2</v>
      </c>
      <c r="Y185" s="22" t="s">
        <v>268</v>
      </c>
      <c r="Z185" s="16">
        <v>4</v>
      </c>
      <c r="AA185" s="22" t="s">
        <v>268</v>
      </c>
      <c r="AB185" s="16">
        <v>8</v>
      </c>
      <c r="AC185" s="22" t="s">
        <v>268</v>
      </c>
      <c r="AD185" s="16">
        <v>4</v>
      </c>
    </row>
    <row r="186" spans="1:30">
      <c r="A186" s="21" t="s">
        <v>240</v>
      </c>
      <c r="B186" s="21" t="s">
        <v>237</v>
      </c>
      <c r="C186" s="21" t="s">
        <v>265</v>
      </c>
      <c r="D186" s="21" t="s">
        <v>214</v>
      </c>
      <c r="E186" s="21" t="s">
        <v>630</v>
      </c>
      <c r="F186" s="21" t="s">
        <v>423</v>
      </c>
      <c r="G186" s="22" t="s">
        <v>268</v>
      </c>
      <c r="H186" s="22" t="s">
        <v>268</v>
      </c>
      <c r="I186" s="22" t="s">
        <v>268</v>
      </c>
      <c r="J186" s="22" t="s">
        <v>268</v>
      </c>
      <c r="K186" s="22" t="s">
        <v>268</v>
      </c>
      <c r="L186" s="22" t="s">
        <v>268</v>
      </c>
      <c r="M186" s="22" t="s">
        <v>268</v>
      </c>
      <c r="N186" s="22" t="s">
        <v>268</v>
      </c>
      <c r="O186" s="22" t="s">
        <v>268</v>
      </c>
      <c r="P186" s="22" t="s">
        <v>268</v>
      </c>
      <c r="Q186" s="22" t="s">
        <v>268</v>
      </c>
      <c r="R186" s="22" t="s">
        <v>268</v>
      </c>
      <c r="S186" s="22" t="s">
        <v>268</v>
      </c>
      <c r="T186" s="22" t="s">
        <v>268</v>
      </c>
      <c r="U186" s="22" t="s">
        <v>268</v>
      </c>
      <c r="V186" s="22" t="s">
        <v>268</v>
      </c>
      <c r="W186" s="22" t="s">
        <v>268</v>
      </c>
      <c r="X186" s="22" t="s">
        <v>268</v>
      </c>
      <c r="Y186" s="22" t="s">
        <v>268</v>
      </c>
      <c r="Z186" s="22" t="s">
        <v>268</v>
      </c>
      <c r="AA186" s="22" t="s">
        <v>268</v>
      </c>
      <c r="AB186" s="22" t="s">
        <v>268</v>
      </c>
      <c r="AC186" s="22" t="s">
        <v>268</v>
      </c>
      <c r="AD186" s="22" t="s">
        <v>268</v>
      </c>
    </row>
    <row r="187" spans="1:30">
      <c r="A187" s="21" t="s">
        <v>240</v>
      </c>
      <c r="B187" s="21" t="s">
        <v>237</v>
      </c>
      <c r="C187" s="21" t="s">
        <v>265</v>
      </c>
      <c r="D187" s="21" t="s">
        <v>214</v>
      </c>
      <c r="E187" s="21" t="s">
        <v>630</v>
      </c>
      <c r="F187" s="21" t="s">
        <v>386</v>
      </c>
      <c r="G187" s="22" t="s">
        <v>268</v>
      </c>
      <c r="H187" s="22" t="s">
        <v>268</v>
      </c>
      <c r="I187" s="22" t="s">
        <v>268</v>
      </c>
      <c r="J187" s="22" t="s">
        <v>268</v>
      </c>
      <c r="K187" s="22" t="s">
        <v>268</v>
      </c>
      <c r="L187" s="22" t="s">
        <v>268</v>
      </c>
      <c r="M187" s="22" t="s">
        <v>268</v>
      </c>
      <c r="N187" s="22" t="s">
        <v>268</v>
      </c>
      <c r="O187" s="22" t="s">
        <v>268</v>
      </c>
      <c r="P187" s="22" t="s">
        <v>268</v>
      </c>
      <c r="Q187" s="22" t="s">
        <v>268</v>
      </c>
      <c r="R187" s="22" t="s">
        <v>268</v>
      </c>
      <c r="S187" s="22" t="s">
        <v>268</v>
      </c>
      <c r="T187" s="22" t="s">
        <v>268</v>
      </c>
      <c r="U187" s="22" t="s">
        <v>268</v>
      </c>
      <c r="V187" s="22" t="s">
        <v>268</v>
      </c>
      <c r="W187" s="22" t="s">
        <v>268</v>
      </c>
      <c r="X187" s="22" t="s">
        <v>268</v>
      </c>
      <c r="Y187" s="22" t="s">
        <v>268</v>
      </c>
      <c r="Z187" s="22" t="s">
        <v>268</v>
      </c>
      <c r="AA187" s="22" t="s">
        <v>268</v>
      </c>
      <c r="AB187" s="22" t="s">
        <v>268</v>
      </c>
      <c r="AC187" s="22" t="s">
        <v>268</v>
      </c>
      <c r="AD187" s="22" t="s">
        <v>268</v>
      </c>
    </row>
    <row r="188" spans="1:30">
      <c r="A188" s="21" t="s">
        <v>240</v>
      </c>
      <c r="B188" s="21" t="s">
        <v>237</v>
      </c>
      <c r="C188" s="21" t="s">
        <v>265</v>
      </c>
      <c r="D188" s="21" t="s">
        <v>214</v>
      </c>
      <c r="E188" s="21" t="s">
        <v>630</v>
      </c>
      <c r="F188" s="21" t="s">
        <v>387</v>
      </c>
      <c r="G188" s="16">
        <v>6042</v>
      </c>
      <c r="H188" s="16">
        <v>4178</v>
      </c>
      <c r="I188" s="16">
        <v>2778</v>
      </c>
      <c r="J188" s="22" t="s">
        <v>268</v>
      </c>
      <c r="K188" s="16">
        <v>458</v>
      </c>
      <c r="L188" s="16">
        <v>285</v>
      </c>
      <c r="M188" s="16">
        <v>2035</v>
      </c>
      <c r="N188" s="16">
        <v>1400</v>
      </c>
      <c r="O188" s="22" t="s">
        <v>268</v>
      </c>
      <c r="P188" s="16">
        <v>14</v>
      </c>
      <c r="Q188" s="16">
        <v>3</v>
      </c>
      <c r="R188" s="16">
        <v>103</v>
      </c>
      <c r="S188" s="16">
        <v>9</v>
      </c>
      <c r="T188" s="16">
        <v>415</v>
      </c>
      <c r="U188" s="16">
        <v>38</v>
      </c>
      <c r="V188" s="16">
        <v>117</v>
      </c>
      <c r="W188" s="16">
        <v>55</v>
      </c>
      <c r="X188" s="16">
        <v>646</v>
      </c>
      <c r="Y188" s="16">
        <v>163</v>
      </c>
      <c r="Z188" s="16">
        <v>1701</v>
      </c>
      <c r="AA188" s="22" t="s">
        <v>268</v>
      </c>
      <c r="AB188" s="16">
        <v>1242</v>
      </c>
      <c r="AC188" s="22" t="s">
        <v>268</v>
      </c>
      <c r="AD188" s="22" t="s">
        <v>268</v>
      </c>
    </row>
    <row r="189" spans="1:30">
      <c r="A189" s="21" t="s">
        <v>240</v>
      </c>
      <c r="B189" s="21" t="s">
        <v>237</v>
      </c>
      <c r="C189" s="21" t="s">
        <v>265</v>
      </c>
      <c r="D189" s="21" t="s">
        <v>214</v>
      </c>
      <c r="E189" s="21" t="s">
        <v>630</v>
      </c>
      <c r="F189" s="21" t="s">
        <v>388</v>
      </c>
      <c r="G189" s="16">
        <v>11599</v>
      </c>
      <c r="H189" s="16">
        <v>6370</v>
      </c>
      <c r="I189" s="16">
        <v>2912</v>
      </c>
      <c r="J189" s="22" t="s">
        <v>268</v>
      </c>
      <c r="K189" s="16">
        <v>11</v>
      </c>
      <c r="L189" s="16">
        <v>463</v>
      </c>
      <c r="M189" s="16">
        <v>2438</v>
      </c>
      <c r="N189" s="16">
        <v>3458</v>
      </c>
      <c r="O189" s="22" t="s">
        <v>268</v>
      </c>
      <c r="P189" s="16">
        <v>973</v>
      </c>
      <c r="Q189" s="22" t="s">
        <v>268</v>
      </c>
      <c r="R189" s="16">
        <v>1149</v>
      </c>
      <c r="S189" s="16">
        <v>20</v>
      </c>
      <c r="T189" s="16">
        <v>23</v>
      </c>
      <c r="U189" s="16">
        <v>153</v>
      </c>
      <c r="V189" s="16">
        <v>295</v>
      </c>
      <c r="W189" s="16">
        <v>144</v>
      </c>
      <c r="X189" s="16">
        <v>701</v>
      </c>
      <c r="Y189" s="16">
        <v>125</v>
      </c>
      <c r="Z189" s="16">
        <v>5104</v>
      </c>
      <c r="AA189" s="22" t="s">
        <v>268</v>
      </c>
      <c r="AB189" s="16">
        <v>2131</v>
      </c>
      <c r="AC189" s="22" t="s">
        <v>268</v>
      </c>
      <c r="AD189" s="16">
        <v>5104</v>
      </c>
    </row>
    <row r="190" spans="1:30">
      <c r="A190" s="21" t="s">
        <v>240</v>
      </c>
      <c r="B190" s="21" t="s">
        <v>237</v>
      </c>
      <c r="C190" s="21" t="s">
        <v>265</v>
      </c>
      <c r="D190" s="21" t="s">
        <v>214</v>
      </c>
      <c r="E190" s="21" t="s">
        <v>630</v>
      </c>
      <c r="F190" s="21" t="s">
        <v>389</v>
      </c>
      <c r="G190" s="16">
        <v>7980</v>
      </c>
      <c r="H190" s="16">
        <v>4704</v>
      </c>
      <c r="I190" s="16">
        <v>1984</v>
      </c>
      <c r="J190" s="22" t="s">
        <v>268</v>
      </c>
      <c r="K190" s="22" t="s">
        <v>268</v>
      </c>
      <c r="L190" s="16">
        <v>293</v>
      </c>
      <c r="M190" s="16">
        <v>1691</v>
      </c>
      <c r="N190" s="16">
        <v>2720</v>
      </c>
      <c r="O190" s="22" t="s">
        <v>268</v>
      </c>
      <c r="P190" s="16">
        <v>923</v>
      </c>
      <c r="Q190" s="22" t="s">
        <v>268</v>
      </c>
      <c r="R190" s="16">
        <v>885</v>
      </c>
      <c r="S190" s="16">
        <v>13</v>
      </c>
      <c r="T190" s="16">
        <v>18</v>
      </c>
      <c r="U190" s="16">
        <v>133</v>
      </c>
      <c r="V190" s="16">
        <v>253</v>
      </c>
      <c r="W190" s="16">
        <v>56</v>
      </c>
      <c r="X190" s="16">
        <v>439</v>
      </c>
      <c r="Y190" s="16">
        <v>52</v>
      </c>
      <c r="Z190" s="16">
        <v>3224</v>
      </c>
      <c r="AA190" s="22" t="s">
        <v>268</v>
      </c>
      <c r="AB190" s="16">
        <v>1592</v>
      </c>
      <c r="AC190" s="22" t="s">
        <v>268</v>
      </c>
      <c r="AD190" s="16">
        <v>3224</v>
      </c>
    </row>
    <row r="191" spans="1:30">
      <c r="A191" s="21" t="s">
        <v>240</v>
      </c>
      <c r="B191" s="21" t="s">
        <v>237</v>
      </c>
      <c r="C191" s="21" t="s">
        <v>265</v>
      </c>
      <c r="D191" s="21" t="s">
        <v>214</v>
      </c>
      <c r="E191" s="21" t="s">
        <v>630</v>
      </c>
      <c r="F191" s="21" t="s">
        <v>390</v>
      </c>
      <c r="G191" s="16">
        <v>3734</v>
      </c>
      <c r="H191" s="16">
        <v>2509</v>
      </c>
      <c r="I191" s="16">
        <v>898</v>
      </c>
      <c r="J191" s="22" t="s">
        <v>268</v>
      </c>
      <c r="K191" s="22" t="s">
        <v>268</v>
      </c>
      <c r="L191" s="16">
        <v>142</v>
      </c>
      <c r="M191" s="16">
        <v>756</v>
      </c>
      <c r="N191" s="16">
        <v>1611</v>
      </c>
      <c r="O191" s="22" t="s">
        <v>268</v>
      </c>
      <c r="P191" s="16">
        <v>635</v>
      </c>
      <c r="Q191" s="22" t="s">
        <v>268</v>
      </c>
      <c r="R191" s="16">
        <v>447</v>
      </c>
      <c r="S191" s="16">
        <v>8</v>
      </c>
      <c r="T191" s="16">
        <v>12</v>
      </c>
      <c r="U191" s="16">
        <v>95</v>
      </c>
      <c r="V191" s="16">
        <v>193</v>
      </c>
      <c r="W191" s="16">
        <v>16</v>
      </c>
      <c r="X191" s="16">
        <v>205</v>
      </c>
      <c r="Y191" s="16">
        <v>15</v>
      </c>
      <c r="Z191" s="16">
        <v>1210</v>
      </c>
      <c r="AA191" s="22" t="s">
        <v>268</v>
      </c>
      <c r="AB191" s="16">
        <v>885</v>
      </c>
      <c r="AC191" s="22" t="s">
        <v>268</v>
      </c>
      <c r="AD191" s="16">
        <v>1210</v>
      </c>
    </row>
    <row r="192" spans="1:30">
      <c r="A192" s="21" t="s">
        <v>240</v>
      </c>
      <c r="B192" s="21" t="s">
        <v>237</v>
      </c>
      <c r="C192" s="21" t="s">
        <v>265</v>
      </c>
      <c r="D192" s="21" t="s">
        <v>214</v>
      </c>
      <c r="E192" s="21" t="s">
        <v>630</v>
      </c>
      <c r="F192" s="21" t="s">
        <v>391</v>
      </c>
      <c r="G192" s="16">
        <v>7678</v>
      </c>
      <c r="H192" s="16">
        <v>4942</v>
      </c>
      <c r="I192" s="16">
        <v>3215</v>
      </c>
      <c r="J192" s="22" t="s">
        <v>268</v>
      </c>
      <c r="K192" s="16">
        <v>467</v>
      </c>
      <c r="L192" s="16">
        <v>362</v>
      </c>
      <c r="M192" s="16">
        <v>2386</v>
      </c>
      <c r="N192" s="16">
        <v>1727</v>
      </c>
      <c r="O192" s="22" t="s">
        <v>268</v>
      </c>
      <c r="P192" s="16">
        <v>30</v>
      </c>
      <c r="Q192" s="16">
        <v>3</v>
      </c>
      <c r="R192" s="16">
        <v>202</v>
      </c>
      <c r="S192" s="16">
        <v>12</v>
      </c>
      <c r="T192" s="16">
        <v>417</v>
      </c>
      <c r="U192" s="16">
        <v>48</v>
      </c>
      <c r="V192" s="16">
        <v>138</v>
      </c>
      <c r="W192" s="16">
        <v>101</v>
      </c>
      <c r="X192" s="16">
        <v>776</v>
      </c>
      <c r="Y192" s="16">
        <v>207</v>
      </c>
      <c r="Z192" s="16">
        <v>2529</v>
      </c>
      <c r="AA192" s="22" t="s">
        <v>268</v>
      </c>
      <c r="AB192" s="16">
        <v>1479</v>
      </c>
      <c r="AC192" s="22" t="s">
        <v>268</v>
      </c>
      <c r="AD192" s="16">
        <v>829</v>
      </c>
    </row>
    <row r="193" spans="1:30">
      <c r="A193" s="21" t="s">
        <v>240</v>
      </c>
      <c r="B193" s="21" t="s">
        <v>237</v>
      </c>
      <c r="C193" s="21" t="s">
        <v>265</v>
      </c>
      <c r="D193" s="21" t="s">
        <v>215</v>
      </c>
      <c r="E193" s="21" t="s">
        <v>630</v>
      </c>
      <c r="F193" s="21" t="s">
        <v>401</v>
      </c>
      <c r="G193" s="16">
        <v>4415</v>
      </c>
      <c r="H193" s="16">
        <v>2300</v>
      </c>
      <c r="I193" s="16">
        <v>1402</v>
      </c>
      <c r="J193" s="22" t="s">
        <v>268</v>
      </c>
      <c r="K193" s="16">
        <v>311</v>
      </c>
      <c r="L193" s="16">
        <v>699</v>
      </c>
      <c r="M193" s="16">
        <v>392</v>
      </c>
      <c r="N193" s="16">
        <v>898</v>
      </c>
      <c r="O193" s="22" t="s">
        <v>268</v>
      </c>
      <c r="P193" s="16">
        <v>128</v>
      </c>
      <c r="Q193" s="16">
        <v>2</v>
      </c>
      <c r="R193" s="16">
        <v>200</v>
      </c>
      <c r="S193" s="16">
        <v>10</v>
      </c>
      <c r="T193" s="16">
        <v>108</v>
      </c>
      <c r="U193" s="16">
        <v>38</v>
      </c>
      <c r="V193" s="16">
        <v>59</v>
      </c>
      <c r="W193" s="16">
        <v>81</v>
      </c>
      <c r="X193" s="16">
        <v>272</v>
      </c>
      <c r="Y193" s="16">
        <v>125</v>
      </c>
      <c r="Z193" s="16">
        <v>1990</v>
      </c>
      <c r="AA193" s="22" t="s">
        <v>268</v>
      </c>
      <c r="AB193" s="16">
        <v>623</v>
      </c>
      <c r="AC193" s="22" t="s">
        <v>268</v>
      </c>
      <c r="AD193" s="16">
        <v>1267</v>
      </c>
    </row>
    <row r="194" spans="1:30">
      <c r="A194" s="21" t="s">
        <v>240</v>
      </c>
      <c r="B194" s="21" t="s">
        <v>237</v>
      </c>
      <c r="C194" s="21" t="s">
        <v>265</v>
      </c>
      <c r="D194" s="21" t="s">
        <v>215</v>
      </c>
      <c r="E194" s="21" t="s">
        <v>630</v>
      </c>
      <c r="F194" s="21" t="s">
        <v>405</v>
      </c>
      <c r="G194" s="22" t="s">
        <v>268</v>
      </c>
      <c r="H194" s="22" t="s">
        <v>268</v>
      </c>
      <c r="I194" s="22" t="s">
        <v>268</v>
      </c>
      <c r="J194" s="22" t="s">
        <v>268</v>
      </c>
      <c r="K194" s="22" t="s">
        <v>268</v>
      </c>
      <c r="L194" s="22" t="s">
        <v>268</v>
      </c>
      <c r="M194" s="22" t="s">
        <v>268</v>
      </c>
      <c r="N194" s="22" t="s">
        <v>268</v>
      </c>
      <c r="O194" s="22" t="s">
        <v>268</v>
      </c>
      <c r="P194" s="22" t="s">
        <v>268</v>
      </c>
      <c r="Q194" s="22" t="s">
        <v>268</v>
      </c>
      <c r="R194" s="22" t="s">
        <v>268</v>
      </c>
      <c r="S194" s="22" t="s">
        <v>268</v>
      </c>
      <c r="T194" s="22" t="s">
        <v>268</v>
      </c>
      <c r="U194" s="22" t="s">
        <v>268</v>
      </c>
      <c r="V194" s="22" t="s">
        <v>268</v>
      </c>
      <c r="W194" s="22" t="s">
        <v>268</v>
      </c>
      <c r="X194" s="22" t="s">
        <v>268</v>
      </c>
      <c r="Y194" s="22" t="s">
        <v>268</v>
      </c>
      <c r="Z194" s="22" t="s">
        <v>268</v>
      </c>
      <c r="AA194" s="22" t="s">
        <v>268</v>
      </c>
      <c r="AB194" s="22" t="s">
        <v>268</v>
      </c>
      <c r="AC194" s="22" t="s">
        <v>268</v>
      </c>
      <c r="AD194" s="22" t="s">
        <v>268</v>
      </c>
    </row>
    <row r="195" spans="1:30">
      <c r="A195" s="21" t="s">
        <v>240</v>
      </c>
      <c r="B195" s="21" t="s">
        <v>237</v>
      </c>
      <c r="C195" s="21" t="s">
        <v>265</v>
      </c>
      <c r="D195" s="21" t="s">
        <v>215</v>
      </c>
      <c r="E195" s="21" t="s">
        <v>630</v>
      </c>
      <c r="F195" s="21" t="s">
        <v>406</v>
      </c>
      <c r="G195" s="16">
        <v>8</v>
      </c>
      <c r="H195" s="16">
        <v>6</v>
      </c>
      <c r="I195" s="16">
        <v>2</v>
      </c>
      <c r="J195" s="22" t="s">
        <v>268</v>
      </c>
      <c r="K195" s="22" t="s">
        <v>268</v>
      </c>
      <c r="L195" s="22" t="s">
        <v>268</v>
      </c>
      <c r="M195" s="16">
        <v>2</v>
      </c>
      <c r="N195" s="16">
        <v>4</v>
      </c>
      <c r="O195" s="22" t="s">
        <v>268</v>
      </c>
      <c r="P195" s="22" t="s">
        <v>268</v>
      </c>
      <c r="Q195" s="22" t="s">
        <v>268</v>
      </c>
      <c r="R195" s="22" t="s">
        <v>268</v>
      </c>
      <c r="S195" s="16">
        <v>1</v>
      </c>
      <c r="T195" s="22" t="s">
        <v>268</v>
      </c>
      <c r="U195" s="16">
        <v>1</v>
      </c>
      <c r="V195" s="16">
        <v>1</v>
      </c>
      <c r="W195" s="22" t="s">
        <v>268</v>
      </c>
      <c r="X195" s="16">
        <v>1</v>
      </c>
      <c r="Y195" s="16">
        <v>1</v>
      </c>
      <c r="Z195" s="16">
        <v>1</v>
      </c>
      <c r="AA195" s="22" t="s">
        <v>268</v>
      </c>
      <c r="AB195" s="16">
        <v>3</v>
      </c>
      <c r="AC195" s="22" t="s">
        <v>268</v>
      </c>
      <c r="AD195" s="22" t="s">
        <v>268</v>
      </c>
    </row>
    <row r="196" spans="1:30">
      <c r="A196" s="21" t="s">
        <v>240</v>
      </c>
      <c r="B196" s="21" t="s">
        <v>237</v>
      </c>
      <c r="C196" s="21" t="s">
        <v>265</v>
      </c>
      <c r="D196" s="21" t="s">
        <v>215</v>
      </c>
      <c r="E196" s="21" t="s">
        <v>630</v>
      </c>
      <c r="F196" s="21" t="s">
        <v>407</v>
      </c>
      <c r="G196" s="16">
        <v>32</v>
      </c>
      <c r="H196" s="16">
        <v>21</v>
      </c>
      <c r="I196" s="16">
        <v>15</v>
      </c>
      <c r="J196" s="22" t="s">
        <v>268</v>
      </c>
      <c r="K196" s="16">
        <v>9</v>
      </c>
      <c r="L196" s="16">
        <v>3</v>
      </c>
      <c r="M196" s="16">
        <v>3</v>
      </c>
      <c r="N196" s="16">
        <v>6</v>
      </c>
      <c r="O196" s="22" t="s">
        <v>268</v>
      </c>
      <c r="P196" s="22" t="s">
        <v>268</v>
      </c>
      <c r="Q196" s="16">
        <v>1</v>
      </c>
      <c r="R196" s="16">
        <v>1</v>
      </c>
      <c r="S196" s="22" t="s">
        <v>268</v>
      </c>
      <c r="T196" s="16">
        <v>2</v>
      </c>
      <c r="U196" s="22" t="s">
        <v>268</v>
      </c>
      <c r="V196" s="16">
        <v>1</v>
      </c>
      <c r="W196" s="22" t="s">
        <v>268</v>
      </c>
      <c r="X196" s="16">
        <v>1</v>
      </c>
      <c r="Y196" s="16">
        <v>4</v>
      </c>
      <c r="Z196" s="16">
        <v>7</v>
      </c>
      <c r="AA196" s="22" t="s">
        <v>268</v>
      </c>
      <c r="AB196" s="16">
        <v>7</v>
      </c>
      <c r="AC196" s="22" t="s">
        <v>268</v>
      </c>
      <c r="AD196" s="22" t="s">
        <v>268</v>
      </c>
    </row>
    <row r="197" spans="1:30">
      <c r="A197" s="21" t="s">
        <v>240</v>
      </c>
      <c r="B197" s="21" t="s">
        <v>237</v>
      </c>
      <c r="C197" s="21" t="s">
        <v>265</v>
      </c>
      <c r="D197" s="21" t="s">
        <v>215</v>
      </c>
      <c r="E197" s="21" t="s">
        <v>630</v>
      </c>
      <c r="F197" s="21" t="s">
        <v>408</v>
      </c>
      <c r="G197" s="16">
        <v>98</v>
      </c>
      <c r="H197" s="16">
        <v>65</v>
      </c>
      <c r="I197" s="16">
        <v>34</v>
      </c>
      <c r="J197" s="22" t="s">
        <v>268</v>
      </c>
      <c r="K197" s="16">
        <v>20</v>
      </c>
      <c r="L197" s="16">
        <v>9</v>
      </c>
      <c r="M197" s="16">
        <v>5</v>
      </c>
      <c r="N197" s="16">
        <v>31</v>
      </c>
      <c r="O197" s="22" t="s">
        <v>268</v>
      </c>
      <c r="P197" s="22" t="s">
        <v>268</v>
      </c>
      <c r="Q197" s="22" t="s">
        <v>268</v>
      </c>
      <c r="R197" s="16">
        <v>8</v>
      </c>
      <c r="S197" s="16">
        <v>2</v>
      </c>
      <c r="T197" s="16">
        <v>11</v>
      </c>
      <c r="U197" s="22" t="s">
        <v>268</v>
      </c>
      <c r="V197" s="16">
        <v>2</v>
      </c>
      <c r="W197" s="22" t="s">
        <v>268</v>
      </c>
      <c r="X197" s="16">
        <v>8</v>
      </c>
      <c r="Y197" s="16">
        <v>1</v>
      </c>
      <c r="Z197" s="16">
        <v>32</v>
      </c>
      <c r="AA197" s="22" t="s">
        <v>268</v>
      </c>
      <c r="AB197" s="16">
        <v>27</v>
      </c>
      <c r="AC197" s="22" t="s">
        <v>268</v>
      </c>
      <c r="AD197" s="22" t="s">
        <v>268</v>
      </c>
    </row>
    <row r="198" spans="1:30">
      <c r="A198" s="21" t="s">
        <v>240</v>
      </c>
      <c r="B198" s="21" t="s">
        <v>237</v>
      </c>
      <c r="C198" s="21" t="s">
        <v>265</v>
      </c>
      <c r="D198" s="21" t="s">
        <v>215</v>
      </c>
      <c r="E198" s="21" t="s">
        <v>630</v>
      </c>
      <c r="F198" s="21" t="s">
        <v>409</v>
      </c>
      <c r="G198" s="16">
        <v>159</v>
      </c>
      <c r="H198" s="16">
        <v>104</v>
      </c>
      <c r="I198" s="16">
        <v>62</v>
      </c>
      <c r="J198" s="22" t="s">
        <v>268</v>
      </c>
      <c r="K198" s="16">
        <v>24</v>
      </c>
      <c r="L198" s="16">
        <v>21</v>
      </c>
      <c r="M198" s="16">
        <v>17</v>
      </c>
      <c r="N198" s="16">
        <v>42</v>
      </c>
      <c r="O198" s="22" t="s">
        <v>268</v>
      </c>
      <c r="P198" s="22" t="s">
        <v>268</v>
      </c>
      <c r="Q198" s="16">
        <v>1</v>
      </c>
      <c r="R198" s="16">
        <v>5</v>
      </c>
      <c r="S198" s="22" t="s">
        <v>268</v>
      </c>
      <c r="T198" s="16">
        <v>16</v>
      </c>
      <c r="U198" s="16">
        <v>1</v>
      </c>
      <c r="V198" s="16">
        <v>5</v>
      </c>
      <c r="W198" s="16">
        <v>2</v>
      </c>
      <c r="X198" s="16">
        <v>12</v>
      </c>
      <c r="Y198" s="16">
        <v>6</v>
      </c>
      <c r="Z198" s="16">
        <v>49</v>
      </c>
      <c r="AA198" s="22" t="s">
        <v>268</v>
      </c>
      <c r="AB198" s="16">
        <v>39</v>
      </c>
      <c r="AC198" s="22" t="s">
        <v>268</v>
      </c>
      <c r="AD198" s="22" t="s">
        <v>268</v>
      </c>
    </row>
    <row r="199" spans="1:30">
      <c r="A199" s="21" t="s">
        <v>240</v>
      </c>
      <c r="B199" s="21" t="s">
        <v>237</v>
      </c>
      <c r="C199" s="21" t="s">
        <v>265</v>
      </c>
      <c r="D199" s="21" t="s">
        <v>215</v>
      </c>
      <c r="E199" s="21" t="s">
        <v>630</v>
      </c>
      <c r="F199" s="21" t="s">
        <v>410</v>
      </c>
      <c r="G199" s="16">
        <v>193</v>
      </c>
      <c r="H199" s="16">
        <v>141</v>
      </c>
      <c r="I199" s="16">
        <v>96</v>
      </c>
      <c r="J199" s="22" t="s">
        <v>268</v>
      </c>
      <c r="K199" s="16">
        <v>50</v>
      </c>
      <c r="L199" s="16">
        <v>25</v>
      </c>
      <c r="M199" s="16">
        <v>21</v>
      </c>
      <c r="N199" s="16">
        <v>45</v>
      </c>
      <c r="O199" s="22" t="s">
        <v>268</v>
      </c>
      <c r="P199" s="22" t="s">
        <v>268</v>
      </c>
      <c r="Q199" s="22" t="s">
        <v>268</v>
      </c>
      <c r="R199" s="16">
        <v>3</v>
      </c>
      <c r="S199" s="22" t="s">
        <v>268</v>
      </c>
      <c r="T199" s="16">
        <v>14</v>
      </c>
      <c r="U199" s="22" t="s">
        <v>268</v>
      </c>
      <c r="V199" s="16">
        <v>7</v>
      </c>
      <c r="W199" s="22" t="s">
        <v>268</v>
      </c>
      <c r="X199" s="16">
        <v>21</v>
      </c>
      <c r="Y199" s="16">
        <v>6</v>
      </c>
      <c r="Z199" s="16">
        <v>46</v>
      </c>
      <c r="AA199" s="22" t="s">
        <v>268</v>
      </c>
      <c r="AB199" s="16">
        <v>43</v>
      </c>
      <c r="AC199" s="22" t="s">
        <v>268</v>
      </c>
      <c r="AD199" s="22" t="s">
        <v>268</v>
      </c>
    </row>
    <row r="200" spans="1:30">
      <c r="A200" s="21" t="s">
        <v>240</v>
      </c>
      <c r="B200" s="21" t="s">
        <v>237</v>
      </c>
      <c r="C200" s="21" t="s">
        <v>265</v>
      </c>
      <c r="D200" s="21" t="s">
        <v>215</v>
      </c>
      <c r="E200" s="21" t="s">
        <v>630</v>
      </c>
      <c r="F200" s="21" t="s">
        <v>411</v>
      </c>
      <c r="G200" s="16">
        <v>329</v>
      </c>
      <c r="H200" s="16">
        <v>206</v>
      </c>
      <c r="I200" s="16">
        <v>146</v>
      </c>
      <c r="J200" s="22" t="s">
        <v>268</v>
      </c>
      <c r="K200" s="16">
        <v>70</v>
      </c>
      <c r="L200" s="16">
        <v>36</v>
      </c>
      <c r="M200" s="16">
        <v>40</v>
      </c>
      <c r="N200" s="16">
        <v>60</v>
      </c>
      <c r="O200" s="22" t="s">
        <v>268</v>
      </c>
      <c r="P200" s="22" t="s">
        <v>268</v>
      </c>
      <c r="Q200" s="22" t="s">
        <v>268</v>
      </c>
      <c r="R200" s="16">
        <v>4</v>
      </c>
      <c r="S200" s="16">
        <v>1</v>
      </c>
      <c r="T200" s="16">
        <v>26</v>
      </c>
      <c r="U200" s="16">
        <v>2</v>
      </c>
      <c r="V200" s="16">
        <v>8</v>
      </c>
      <c r="W200" s="22" t="s">
        <v>268</v>
      </c>
      <c r="X200" s="16">
        <v>19</v>
      </c>
      <c r="Y200" s="16">
        <v>17</v>
      </c>
      <c r="Z200" s="16">
        <v>106</v>
      </c>
      <c r="AA200" s="22" t="s">
        <v>268</v>
      </c>
      <c r="AB200" s="16">
        <v>55</v>
      </c>
      <c r="AC200" s="22" t="s">
        <v>268</v>
      </c>
      <c r="AD200" s="22" t="s">
        <v>268</v>
      </c>
    </row>
    <row r="201" spans="1:30">
      <c r="A201" s="21" t="s">
        <v>240</v>
      </c>
      <c r="B201" s="21" t="s">
        <v>237</v>
      </c>
      <c r="C201" s="21" t="s">
        <v>265</v>
      </c>
      <c r="D201" s="21" t="s">
        <v>215</v>
      </c>
      <c r="E201" s="21" t="s">
        <v>630</v>
      </c>
      <c r="F201" s="21" t="s">
        <v>412</v>
      </c>
      <c r="G201" s="16">
        <v>374</v>
      </c>
      <c r="H201" s="16">
        <v>248</v>
      </c>
      <c r="I201" s="16">
        <v>196</v>
      </c>
      <c r="J201" s="22" t="s">
        <v>268</v>
      </c>
      <c r="K201" s="16">
        <v>62</v>
      </c>
      <c r="L201" s="16">
        <v>45</v>
      </c>
      <c r="M201" s="16">
        <v>89</v>
      </c>
      <c r="N201" s="16">
        <v>52</v>
      </c>
      <c r="O201" s="22" t="s">
        <v>268</v>
      </c>
      <c r="P201" s="22" t="s">
        <v>268</v>
      </c>
      <c r="Q201" s="22" t="s">
        <v>268</v>
      </c>
      <c r="R201" s="16">
        <v>2</v>
      </c>
      <c r="S201" s="22" t="s">
        <v>268</v>
      </c>
      <c r="T201" s="16">
        <v>19</v>
      </c>
      <c r="U201" s="16">
        <v>2</v>
      </c>
      <c r="V201" s="16">
        <v>4</v>
      </c>
      <c r="W201" s="16">
        <v>1</v>
      </c>
      <c r="X201" s="16">
        <v>24</v>
      </c>
      <c r="Y201" s="16">
        <v>8</v>
      </c>
      <c r="Z201" s="16">
        <v>118</v>
      </c>
      <c r="AA201" s="22" t="s">
        <v>268</v>
      </c>
      <c r="AB201" s="16">
        <v>46</v>
      </c>
      <c r="AC201" s="22" t="s">
        <v>268</v>
      </c>
      <c r="AD201" s="22" t="s">
        <v>268</v>
      </c>
    </row>
    <row r="202" spans="1:30">
      <c r="A202" s="21" t="s">
        <v>240</v>
      </c>
      <c r="B202" s="21" t="s">
        <v>237</v>
      </c>
      <c r="C202" s="21" t="s">
        <v>265</v>
      </c>
      <c r="D202" s="21" t="s">
        <v>215</v>
      </c>
      <c r="E202" s="21" t="s">
        <v>630</v>
      </c>
      <c r="F202" s="21" t="s">
        <v>413</v>
      </c>
      <c r="G202" s="16">
        <v>397</v>
      </c>
      <c r="H202" s="16">
        <v>245</v>
      </c>
      <c r="I202" s="16">
        <v>186</v>
      </c>
      <c r="J202" s="22" t="s">
        <v>268</v>
      </c>
      <c r="K202" s="16">
        <v>52</v>
      </c>
      <c r="L202" s="16">
        <v>45</v>
      </c>
      <c r="M202" s="16">
        <v>89</v>
      </c>
      <c r="N202" s="16">
        <v>59</v>
      </c>
      <c r="O202" s="22" t="s">
        <v>268</v>
      </c>
      <c r="P202" s="16">
        <v>1</v>
      </c>
      <c r="Q202" s="22" t="s">
        <v>268</v>
      </c>
      <c r="R202" s="16">
        <v>4</v>
      </c>
      <c r="S202" s="16">
        <v>1</v>
      </c>
      <c r="T202" s="16">
        <v>10</v>
      </c>
      <c r="U202" s="16">
        <v>1</v>
      </c>
      <c r="V202" s="16">
        <v>2</v>
      </c>
      <c r="W202" s="16">
        <v>5</v>
      </c>
      <c r="X202" s="16">
        <v>35</v>
      </c>
      <c r="Y202" s="16">
        <v>9</v>
      </c>
      <c r="Z202" s="16">
        <v>143</v>
      </c>
      <c r="AA202" s="22" t="s">
        <v>268</v>
      </c>
      <c r="AB202" s="16">
        <v>49</v>
      </c>
      <c r="AC202" s="22" t="s">
        <v>268</v>
      </c>
      <c r="AD202" s="22" t="s">
        <v>268</v>
      </c>
    </row>
    <row r="203" spans="1:30">
      <c r="A203" s="21" t="s">
        <v>240</v>
      </c>
      <c r="B203" s="21" t="s">
        <v>237</v>
      </c>
      <c r="C203" s="21" t="s">
        <v>265</v>
      </c>
      <c r="D203" s="21" t="s">
        <v>215</v>
      </c>
      <c r="E203" s="21" t="s">
        <v>630</v>
      </c>
      <c r="F203" s="21" t="s">
        <v>414</v>
      </c>
      <c r="G203" s="16">
        <v>456</v>
      </c>
      <c r="H203" s="16">
        <v>221</v>
      </c>
      <c r="I203" s="16">
        <v>141</v>
      </c>
      <c r="J203" s="22" t="s">
        <v>268</v>
      </c>
      <c r="K203" s="16">
        <v>17</v>
      </c>
      <c r="L203" s="16">
        <v>58</v>
      </c>
      <c r="M203" s="16">
        <v>66</v>
      </c>
      <c r="N203" s="16">
        <v>80</v>
      </c>
      <c r="O203" s="22" t="s">
        <v>268</v>
      </c>
      <c r="P203" s="22" t="s">
        <v>268</v>
      </c>
      <c r="Q203" s="22" t="s">
        <v>268</v>
      </c>
      <c r="R203" s="16">
        <v>10</v>
      </c>
      <c r="S203" s="16">
        <v>1</v>
      </c>
      <c r="T203" s="16">
        <v>6</v>
      </c>
      <c r="U203" s="16">
        <v>7</v>
      </c>
      <c r="V203" s="16">
        <v>4</v>
      </c>
      <c r="W203" s="16">
        <v>17</v>
      </c>
      <c r="X203" s="16">
        <v>35</v>
      </c>
      <c r="Y203" s="16">
        <v>14</v>
      </c>
      <c r="Z203" s="16">
        <v>221</v>
      </c>
      <c r="AA203" s="22" t="s">
        <v>268</v>
      </c>
      <c r="AB203" s="16">
        <v>55</v>
      </c>
      <c r="AC203" s="22" t="s">
        <v>268</v>
      </c>
      <c r="AD203" s="22" t="s">
        <v>268</v>
      </c>
    </row>
    <row r="204" spans="1:30">
      <c r="A204" s="21" t="s">
        <v>240</v>
      </c>
      <c r="B204" s="21" t="s">
        <v>237</v>
      </c>
      <c r="C204" s="21" t="s">
        <v>265</v>
      </c>
      <c r="D204" s="21" t="s">
        <v>215</v>
      </c>
      <c r="E204" s="21" t="s">
        <v>630</v>
      </c>
      <c r="F204" s="21" t="s">
        <v>415</v>
      </c>
      <c r="G204" s="16">
        <v>547</v>
      </c>
      <c r="H204" s="16">
        <v>205</v>
      </c>
      <c r="I204" s="16">
        <v>119</v>
      </c>
      <c r="J204" s="22" t="s">
        <v>268</v>
      </c>
      <c r="K204" s="16">
        <v>6</v>
      </c>
      <c r="L204" s="16">
        <v>73</v>
      </c>
      <c r="M204" s="16">
        <v>40</v>
      </c>
      <c r="N204" s="16">
        <v>86</v>
      </c>
      <c r="O204" s="22" t="s">
        <v>268</v>
      </c>
      <c r="P204" s="16">
        <v>1</v>
      </c>
      <c r="Q204" s="22" t="s">
        <v>268</v>
      </c>
      <c r="R204" s="16">
        <v>20</v>
      </c>
      <c r="S204" s="16">
        <v>2</v>
      </c>
      <c r="T204" s="16">
        <v>1</v>
      </c>
      <c r="U204" s="16">
        <v>3</v>
      </c>
      <c r="V204" s="16">
        <v>1</v>
      </c>
      <c r="W204" s="16">
        <v>23</v>
      </c>
      <c r="X204" s="16">
        <v>35</v>
      </c>
      <c r="Y204" s="16">
        <v>24</v>
      </c>
      <c r="Z204" s="16">
        <v>318</v>
      </c>
      <c r="AA204" s="22" t="s">
        <v>268</v>
      </c>
      <c r="AB204" s="16">
        <v>54</v>
      </c>
      <c r="AC204" s="22" t="s">
        <v>268</v>
      </c>
      <c r="AD204" s="16">
        <v>318</v>
      </c>
    </row>
    <row r="205" spans="1:30">
      <c r="A205" s="21" t="s">
        <v>240</v>
      </c>
      <c r="B205" s="21" t="s">
        <v>237</v>
      </c>
      <c r="C205" s="21" t="s">
        <v>265</v>
      </c>
      <c r="D205" s="21" t="s">
        <v>215</v>
      </c>
      <c r="E205" s="21" t="s">
        <v>630</v>
      </c>
      <c r="F205" s="21" t="s">
        <v>416</v>
      </c>
      <c r="G205" s="16">
        <v>526</v>
      </c>
      <c r="H205" s="16">
        <v>186</v>
      </c>
      <c r="I205" s="16">
        <v>112</v>
      </c>
      <c r="J205" s="22" t="s">
        <v>268</v>
      </c>
      <c r="K205" s="16">
        <v>1</v>
      </c>
      <c r="L205" s="16">
        <v>91</v>
      </c>
      <c r="M205" s="16">
        <v>20</v>
      </c>
      <c r="N205" s="16">
        <v>74</v>
      </c>
      <c r="O205" s="22" t="s">
        <v>268</v>
      </c>
      <c r="P205" s="16">
        <v>5</v>
      </c>
      <c r="Q205" s="22" t="s">
        <v>268</v>
      </c>
      <c r="R205" s="16">
        <v>24</v>
      </c>
      <c r="S205" s="22" t="s">
        <v>268</v>
      </c>
      <c r="T205" s="16">
        <v>1</v>
      </c>
      <c r="U205" s="16">
        <v>2</v>
      </c>
      <c r="V205" s="22" t="s">
        <v>268</v>
      </c>
      <c r="W205" s="16">
        <v>17</v>
      </c>
      <c r="X205" s="16">
        <v>25</v>
      </c>
      <c r="Y205" s="16">
        <v>14</v>
      </c>
      <c r="Z205" s="16">
        <v>326</v>
      </c>
      <c r="AA205" s="22" t="s">
        <v>268</v>
      </c>
      <c r="AB205" s="16">
        <v>43</v>
      </c>
      <c r="AC205" s="22" t="s">
        <v>268</v>
      </c>
      <c r="AD205" s="16">
        <v>326</v>
      </c>
    </row>
    <row r="206" spans="1:30">
      <c r="A206" s="21" t="s">
        <v>240</v>
      </c>
      <c r="B206" s="21" t="s">
        <v>237</v>
      </c>
      <c r="C206" s="21" t="s">
        <v>265</v>
      </c>
      <c r="D206" s="21" t="s">
        <v>215</v>
      </c>
      <c r="E206" s="21" t="s">
        <v>630</v>
      </c>
      <c r="F206" s="21" t="s">
        <v>417</v>
      </c>
      <c r="G206" s="16">
        <v>357</v>
      </c>
      <c r="H206" s="16">
        <v>133</v>
      </c>
      <c r="I206" s="16">
        <v>75</v>
      </c>
      <c r="J206" s="22" t="s">
        <v>268</v>
      </c>
      <c r="K206" s="22" t="s">
        <v>268</v>
      </c>
      <c r="L206" s="16">
        <v>75</v>
      </c>
      <c r="M206" s="22" t="s">
        <v>268</v>
      </c>
      <c r="N206" s="16">
        <v>58</v>
      </c>
      <c r="O206" s="22" t="s">
        <v>268</v>
      </c>
      <c r="P206" s="16">
        <v>4</v>
      </c>
      <c r="Q206" s="22" t="s">
        <v>268</v>
      </c>
      <c r="R206" s="16">
        <v>29</v>
      </c>
      <c r="S206" s="22" t="s">
        <v>268</v>
      </c>
      <c r="T206" s="22" t="s">
        <v>268</v>
      </c>
      <c r="U206" s="16">
        <v>1</v>
      </c>
      <c r="V206" s="16">
        <v>4</v>
      </c>
      <c r="W206" s="16">
        <v>11</v>
      </c>
      <c r="X206" s="16">
        <v>9</v>
      </c>
      <c r="Y206" s="16">
        <v>9</v>
      </c>
      <c r="Z206" s="16">
        <v>215</v>
      </c>
      <c r="AA206" s="22" t="s">
        <v>268</v>
      </c>
      <c r="AB206" s="16">
        <v>42</v>
      </c>
      <c r="AC206" s="22" t="s">
        <v>268</v>
      </c>
      <c r="AD206" s="16">
        <v>215</v>
      </c>
    </row>
    <row r="207" spans="1:30">
      <c r="A207" s="21" t="s">
        <v>240</v>
      </c>
      <c r="B207" s="21" t="s">
        <v>237</v>
      </c>
      <c r="C207" s="21" t="s">
        <v>265</v>
      </c>
      <c r="D207" s="21" t="s">
        <v>215</v>
      </c>
      <c r="E207" s="21" t="s">
        <v>630</v>
      </c>
      <c r="F207" s="21" t="s">
        <v>418</v>
      </c>
      <c r="G207" s="16">
        <v>327</v>
      </c>
      <c r="H207" s="16">
        <v>160</v>
      </c>
      <c r="I207" s="16">
        <v>76</v>
      </c>
      <c r="J207" s="22" t="s">
        <v>268</v>
      </c>
      <c r="K207" s="22" t="s">
        <v>268</v>
      </c>
      <c r="L207" s="16">
        <v>76</v>
      </c>
      <c r="M207" s="22" t="s">
        <v>268</v>
      </c>
      <c r="N207" s="16">
        <v>84</v>
      </c>
      <c r="O207" s="22" t="s">
        <v>268</v>
      </c>
      <c r="P207" s="16">
        <v>28</v>
      </c>
      <c r="Q207" s="22" t="s">
        <v>268</v>
      </c>
      <c r="R207" s="16">
        <v>25</v>
      </c>
      <c r="S207" s="16">
        <v>2</v>
      </c>
      <c r="T207" s="16">
        <v>1</v>
      </c>
      <c r="U207" s="16">
        <v>4</v>
      </c>
      <c r="V207" s="16">
        <v>4</v>
      </c>
      <c r="W207" s="16">
        <v>3</v>
      </c>
      <c r="X207" s="16">
        <v>17</v>
      </c>
      <c r="Y207" s="16">
        <v>7</v>
      </c>
      <c r="Z207" s="16">
        <v>160</v>
      </c>
      <c r="AA207" s="22" t="s">
        <v>268</v>
      </c>
      <c r="AB207" s="16">
        <v>44</v>
      </c>
      <c r="AC207" s="22" t="s">
        <v>268</v>
      </c>
      <c r="AD207" s="16">
        <v>160</v>
      </c>
    </row>
    <row r="208" spans="1:30">
      <c r="A208" s="21" t="s">
        <v>240</v>
      </c>
      <c r="B208" s="21" t="s">
        <v>237</v>
      </c>
      <c r="C208" s="21" t="s">
        <v>265</v>
      </c>
      <c r="D208" s="21" t="s">
        <v>215</v>
      </c>
      <c r="E208" s="21" t="s">
        <v>630</v>
      </c>
      <c r="F208" s="21" t="s">
        <v>419</v>
      </c>
      <c r="G208" s="16">
        <v>362</v>
      </c>
      <c r="H208" s="16">
        <v>199</v>
      </c>
      <c r="I208" s="16">
        <v>89</v>
      </c>
      <c r="J208" s="22" t="s">
        <v>268</v>
      </c>
      <c r="K208" s="22" t="s">
        <v>268</v>
      </c>
      <c r="L208" s="16">
        <v>89</v>
      </c>
      <c r="M208" s="22" t="s">
        <v>268</v>
      </c>
      <c r="N208" s="16">
        <v>110</v>
      </c>
      <c r="O208" s="22" t="s">
        <v>268</v>
      </c>
      <c r="P208" s="16">
        <v>40</v>
      </c>
      <c r="Q208" s="22" t="s">
        <v>268</v>
      </c>
      <c r="R208" s="16">
        <v>38</v>
      </c>
      <c r="S208" s="22" t="s">
        <v>268</v>
      </c>
      <c r="T208" s="16">
        <v>1</v>
      </c>
      <c r="U208" s="16">
        <v>5</v>
      </c>
      <c r="V208" s="16">
        <v>8</v>
      </c>
      <c r="W208" s="16">
        <v>1</v>
      </c>
      <c r="X208" s="16">
        <v>17</v>
      </c>
      <c r="Y208" s="16">
        <v>2</v>
      </c>
      <c r="Z208" s="16">
        <v>161</v>
      </c>
      <c r="AA208" s="22" t="s">
        <v>268</v>
      </c>
      <c r="AB208" s="16">
        <v>63</v>
      </c>
      <c r="AC208" s="22" t="s">
        <v>268</v>
      </c>
      <c r="AD208" s="16">
        <v>161</v>
      </c>
    </row>
    <row r="209" spans="1:30">
      <c r="A209" s="21" t="s">
        <v>240</v>
      </c>
      <c r="B209" s="21" t="s">
        <v>237</v>
      </c>
      <c r="C209" s="21" t="s">
        <v>265</v>
      </c>
      <c r="D209" s="21" t="s">
        <v>215</v>
      </c>
      <c r="E209" s="21" t="s">
        <v>630</v>
      </c>
      <c r="F209" s="21" t="s">
        <v>420</v>
      </c>
      <c r="G209" s="16">
        <v>196</v>
      </c>
      <c r="H209" s="16">
        <v>120</v>
      </c>
      <c r="I209" s="16">
        <v>39</v>
      </c>
      <c r="J209" s="22" t="s">
        <v>268</v>
      </c>
      <c r="K209" s="22" t="s">
        <v>268</v>
      </c>
      <c r="L209" s="16">
        <v>39</v>
      </c>
      <c r="M209" s="22" t="s">
        <v>268</v>
      </c>
      <c r="N209" s="16">
        <v>81</v>
      </c>
      <c r="O209" s="22" t="s">
        <v>268</v>
      </c>
      <c r="P209" s="16">
        <v>36</v>
      </c>
      <c r="Q209" s="22" t="s">
        <v>268</v>
      </c>
      <c r="R209" s="16">
        <v>22</v>
      </c>
      <c r="S209" s="22" t="s">
        <v>268</v>
      </c>
      <c r="T209" s="22" t="s">
        <v>268</v>
      </c>
      <c r="U209" s="16">
        <v>7</v>
      </c>
      <c r="V209" s="16">
        <v>6</v>
      </c>
      <c r="W209" s="16">
        <v>1</v>
      </c>
      <c r="X209" s="16">
        <v>9</v>
      </c>
      <c r="Y209" s="16">
        <v>3</v>
      </c>
      <c r="Z209" s="16">
        <v>73</v>
      </c>
      <c r="AA209" s="22" t="s">
        <v>268</v>
      </c>
      <c r="AB209" s="16">
        <v>41</v>
      </c>
      <c r="AC209" s="22" t="s">
        <v>268</v>
      </c>
      <c r="AD209" s="16">
        <v>73</v>
      </c>
    </row>
    <row r="210" spans="1:30">
      <c r="A210" s="21" t="s">
        <v>240</v>
      </c>
      <c r="B210" s="21" t="s">
        <v>237</v>
      </c>
      <c r="C210" s="21" t="s">
        <v>265</v>
      </c>
      <c r="D210" s="21" t="s">
        <v>215</v>
      </c>
      <c r="E210" s="21" t="s">
        <v>630</v>
      </c>
      <c r="F210" s="21" t="s">
        <v>421</v>
      </c>
      <c r="G210" s="16">
        <v>50</v>
      </c>
      <c r="H210" s="16">
        <v>38</v>
      </c>
      <c r="I210" s="16">
        <v>13</v>
      </c>
      <c r="J210" s="22" t="s">
        <v>268</v>
      </c>
      <c r="K210" s="22" t="s">
        <v>268</v>
      </c>
      <c r="L210" s="16">
        <v>13</v>
      </c>
      <c r="M210" s="22" t="s">
        <v>268</v>
      </c>
      <c r="N210" s="16">
        <v>25</v>
      </c>
      <c r="O210" s="22" t="s">
        <v>268</v>
      </c>
      <c r="P210" s="16">
        <v>13</v>
      </c>
      <c r="Q210" s="22" t="s">
        <v>268</v>
      </c>
      <c r="R210" s="16">
        <v>5</v>
      </c>
      <c r="S210" s="22" t="s">
        <v>268</v>
      </c>
      <c r="T210" s="22" t="s">
        <v>268</v>
      </c>
      <c r="U210" s="16">
        <v>2</v>
      </c>
      <c r="V210" s="16">
        <v>2</v>
      </c>
      <c r="W210" s="22" t="s">
        <v>268</v>
      </c>
      <c r="X210" s="16">
        <v>3</v>
      </c>
      <c r="Y210" s="22" t="s">
        <v>268</v>
      </c>
      <c r="Z210" s="16">
        <v>12</v>
      </c>
      <c r="AA210" s="22" t="s">
        <v>268</v>
      </c>
      <c r="AB210" s="16">
        <v>11</v>
      </c>
      <c r="AC210" s="22" t="s">
        <v>268</v>
      </c>
      <c r="AD210" s="16">
        <v>12</v>
      </c>
    </row>
    <row r="211" spans="1:30">
      <c r="A211" s="21" t="s">
        <v>240</v>
      </c>
      <c r="B211" s="21" t="s">
        <v>237</v>
      </c>
      <c r="C211" s="21" t="s">
        <v>265</v>
      </c>
      <c r="D211" s="21" t="s">
        <v>215</v>
      </c>
      <c r="E211" s="21" t="s">
        <v>630</v>
      </c>
      <c r="F211" s="21" t="s">
        <v>422</v>
      </c>
      <c r="G211" s="16">
        <v>4</v>
      </c>
      <c r="H211" s="16">
        <v>2</v>
      </c>
      <c r="I211" s="16">
        <v>1</v>
      </c>
      <c r="J211" s="22" t="s">
        <v>268</v>
      </c>
      <c r="K211" s="22" t="s">
        <v>268</v>
      </c>
      <c r="L211" s="16">
        <v>1</v>
      </c>
      <c r="M211" s="22" t="s">
        <v>268</v>
      </c>
      <c r="N211" s="16">
        <v>1</v>
      </c>
      <c r="O211" s="22" t="s">
        <v>268</v>
      </c>
      <c r="P211" s="22" t="s">
        <v>268</v>
      </c>
      <c r="Q211" s="22" t="s">
        <v>268</v>
      </c>
      <c r="R211" s="22" t="s">
        <v>268</v>
      </c>
      <c r="S211" s="22" t="s">
        <v>268</v>
      </c>
      <c r="T211" s="22" t="s">
        <v>268</v>
      </c>
      <c r="U211" s="22" t="s">
        <v>268</v>
      </c>
      <c r="V211" s="22" t="s">
        <v>268</v>
      </c>
      <c r="W211" s="22" t="s">
        <v>268</v>
      </c>
      <c r="X211" s="16">
        <v>1</v>
      </c>
      <c r="Y211" s="22" t="s">
        <v>268</v>
      </c>
      <c r="Z211" s="16">
        <v>2</v>
      </c>
      <c r="AA211" s="22" t="s">
        <v>268</v>
      </c>
      <c r="AB211" s="16">
        <v>1</v>
      </c>
      <c r="AC211" s="22" t="s">
        <v>268</v>
      </c>
      <c r="AD211" s="16">
        <v>2</v>
      </c>
    </row>
    <row r="212" spans="1:30">
      <c r="A212" s="21" t="s">
        <v>240</v>
      </c>
      <c r="B212" s="21" t="s">
        <v>237</v>
      </c>
      <c r="C212" s="21" t="s">
        <v>265</v>
      </c>
      <c r="D212" s="21" t="s">
        <v>215</v>
      </c>
      <c r="E212" s="21" t="s">
        <v>630</v>
      </c>
      <c r="F212" s="21" t="s">
        <v>423</v>
      </c>
      <c r="G212" s="22" t="s">
        <v>268</v>
      </c>
      <c r="H212" s="22" t="s">
        <v>268</v>
      </c>
      <c r="I212" s="22" t="s">
        <v>268</v>
      </c>
      <c r="J212" s="22" t="s">
        <v>268</v>
      </c>
      <c r="K212" s="22" t="s">
        <v>268</v>
      </c>
      <c r="L212" s="22" t="s">
        <v>268</v>
      </c>
      <c r="M212" s="22" t="s">
        <v>268</v>
      </c>
      <c r="N212" s="22" t="s">
        <v>268</v>
      </c>
      <c r="O212" s="22" t="s">
        <v>268</v>
      </c>
      <c r="P212" s="22" t="s">
        <v>268</v>
      </c>
      <c r="Q212" s="22" t="s">
        <v>268</v>
      </c>
      <c r="R212" s="22" t="s">
        <v>268</v>
      </c>
      <c r="S212" s="22" t="s">
        <v>268</v>
      </c>
      <c r="T212" s="22" t="s">
        <v>268</v>
      </c>
      <c r="U212" s="22" t="s">
        <v>268</v>
      </c>
      <c r="V212" s="22" t="s">
        <v>268</v>
      </c>
      <c r="W212" s="22" t="s">
        <v>268</v>
      </c>
      <c r="X212" s="22" t="s">
        <v>268</v>
      </c>
      <c r="Y212" s="22" t="s">
        <v>268</v>
      </c>
      <c r="Z212" s="22" t="s">
        <v>268</v>
      </c>
      <c r="AA212" s="22" t="s">
        <v>268</v>
      </c>
      <c r="AB212" s="22" t="s">
        <v>268</v>
      </c>
      <c r="AC212" s="22" t="s">
        <v>268</v>
      </c>
      <c r="AD212" s="22" t="s">
        <v>268</v>
      </c>
    </row>
    <row r="213" spans="1:30">
      <c r="A213" s="21" t="s">
        <v>240</v>
      </c>
      <c r="B213" s="21" t="s">
        <v>237</v>
      </c>
      <c r="C213" s="21" t="s">
        <v>265</v>
      </c>
      <c r="D213" s="21" t="s">
        <v>215</v>
      </c>
      <c r="E213" s="21" t="s">
        <v>630</v>
      </c>
      <c r="F213" s="21" t="s">
        <v>386</v>
      </c>
      <c r="G213" s="22" t="s">
        <v>268</v>
      </c>
      <c r="H213" s="22" t="s">
        <v>268</v>
      </c>
      <c r="I213" s="22" t="s">
        <v>268</v>
      </c>
      <c r="J213" s="22" t="s">
        <v>268</v>
      </c>
      <c r="K213" s="22" t="s">
        <v>268</v>
      </c>
      <c r="L213" s="22" t="s">
        <v>268</v>
      </c>
      <c r="M213" s="22" t="s">
        <v>268</v>
      </c>
      <c r="N213" s="22" t="s">
        <v>268</v>
      </c>
      <c r="O213" s="22" t="s">
        <v>268</v>
      </c>
      <c r="P213" s="22" t="s">
        <v>268</v>
      </c>
      <c r="Q213" s="22" t="s">
        <v>268</v>
      </c>
      <c r="R213" s="22" t="s">
        <v>268</v>
      </c>
      <c r="S213" s="22" t="s">
        <v>268</v>
      </c>
      <c r="T213" s="22" t="s">
        <v>268</v>
      </c>
      <c r="U213" s="22" t="s">
        <v>268</v>
      </c>
      <c r="V213" s="22" t="s">
        <v>268</v>
      </c>
      <c r="W213" s="22" t="s">
        <v>268</v>
      </c>
      <c r="X213" s="22" t="s">
        <v>268</v>
      </c>
      <c r="Y213" s="22" t="s">
        <v>268</v>
      </c>
      <c r="Z213" s="22" t="s">
        <v>268</v>
      </c>
      <c r="AA213" s="22" t="s">
        <v>268</v>
      </c>
      <c r="AB213" s="22" t="s">
        <v>268</v>
      </c>
      <c r="AC213" s="22" t="s">
        <v>268</v>
      </c>
      <c r="AD213" s="22" t="s">
        <v>268</v>
      </c>
    </row>
    <row r="214" spans="1:30">
      <c r="A214" s="21" t="s">
        <v>240</v>
      </c>
      <c r="B214" s="21" t="s">
        <v>237</v>
      </c>
      <c r="C214" s="21" t="s">
        <v>265</v>
      </c>
      <c r="D214" s="21" t="s">
        <v>215</v>
      </c>
      <c r="E214" s="21" t="s">
        <v>630</v>
      </c>
      <c r="F214" s="21" t="s">
        <v>387</v>
      </c>
      <c r="G214" s="16">
        <v>2046</v>
      </c>
      <c r="H214" s="16">
        <v>1257</v>
      </c>
      <c r="I214" s="16">
        <v>878</v>
      </c>
      <c r="J214" s="22" t="s">
        <v>268</v>
      </c>
      <c r="K214" s="16">
        <v>304</v>
      </c>
      <c r="L214" s="16">
        <v>242</v>
      </c>
      <c r="M214" s="16">
        <v>332</v>
      </c>
      <c r="N214" s="16">
        <v>379</v>
      </c>
      <c r="O214" s="22" t="s">
        <v>268</v>
      </c>
      <c r="P214" s="16">
        <v>1</v>
      </c>
      <c r="Q214" s="16">
        <v>2</v>
      </c>
      <c r="R214" s="16">
        <v>37</v>
      </c>
      <c r="S214" s="16">
        <v>6</v>
      </c>
      <c r="T214" s="16">
        <v>104</v>
      </c>
      <c r="U214" s="16">
        <v>14</v>
      </c>
      <c r="V214" s="16">
        <v>34</v>
      </c>
      <c r="W214" s="16">
        <v>25</v>
      </c>
      <c r="X214" s="16">
        <v>156</v>
      </c>
      <c r="Y214" s="16">
        <v>66</v>
      </c>
      <c r="Z214" s="16">
        <v>723</v>
      </c>
      <c r="AA214" s="22" t="s">
        <v>268</v>
      </c>
      <c r="AB214" s="16">
        <v>324</v>
      </c>
      <c r="AC214" s="22" t="s">
        <v>268</v>
      </c>
      <c r="AD214" s="22" t="s">
        <v>268</v>
      </c>
    </row>
    <row r="215" spans="1:30">
      <c r="A215" s="21" t="s">
        <v>240</v>
      </c>
      <c r="B215" s="21" t="s">
        <v>237</v>
      </c>
      <c r="C215" s="21" t="s">
        <v>265</v>
      </c>
      <c r="D215" s="21" t="s">
        <v>215</v>
      </c>
      <c r="E215" s="21" t="s">
        <v>630</v>
      </c>
      <c r="F215" s="21" t="s">
        <v>388</v>
      </c>
      <c r="G215" s="16">
        <v>2369</v>
      </c>
      <c r="H215" s="16">
        <v>1043</v>
      </c>
      <c r="I215" s="16">
        <v>524</v>
      </c>
      <c r="J215" s="22" t="s">
        <v>268</v>
      </c>
      <c r="K215" s="16">
        <v>7</v>
      </c>
      <c r="L215" s="16">
        <v>457</v>
      </c>
      <c r="M215" s="16">
        <v>60</v>
      </c>
      <c r="N215" s="16">
        <v>519</v>
      </c>
      <c r="O215" s="22" t="s">
        <v>268</v>
      </c>
      <c r="P215" s="16">
        <v>127</v>
      </c>
      <c r="Q215" s="22" t="s">
        <v>268</v>
      </c>
      <c r="R215" s="16">
        <v>163</v>
      </c>
      <c r="S215" s="16">
        <v>4</v>
      </c>
      <c r="T215" s="16">
        <v>4</v>
      </c>
      <c r="U215" s="16">
        <v>24</v>
      </c>
      <c r="V215" s="16">
        <v>25</v>
      </c>
      <c r="W215" s="16">
        <v>56</v>
      </c>
      <c r="X215" s="16">
        <v>116</v>
      </c>
      <c r="Y215" s="16">
        <v>59</v>
      </c>
      <c r="Z215" s="16">
        <v>1267</v>
      </c>
      <c r="AA215" s="22" t="s">
        <v>268</v>
      </c>
      <c r="AB215" s="16">
        <v>299</v>
      </c>
      <c r="AC215" s="22" t="s">
        <v>268</v>
      </c>
      <c r="AD215" s="16">
        <v>1267</v>
      </c>
    </row>
    <row r="216" spans="1:30">
      <c r="A216" s="21" t="s">
        <v>240</v>
      </c>
      <c r="B216" s="21" t="s">
        <v>237</v>
      </c>
      <c r="C216" s="21" t="s">
        <v>265</v>
      </c>
      <c r="D216" s="21" t="s">
        <v>215</v>
      </c>
      <c r="E216" s="21" t="s">
        <v>630</v>
      </c>
      <c r="F216" s="21" t="s">
        <v>389</v>
      </c>
      <c r="G216" s="16">
        <v>1296</v>
      </c>
      <c r="H216" s="16">
        <v>652</v>
      </c>
      <c r="I216" s="16">
        <v>293</v>
      </c>
      <c r="J216" s="22" t="s">
        <v>268</v>
      </c>
      <c r="K216" s="22" t="s">
        <v>268</v>
      </c>
      <c r="L216" s="16">
        <v>293</v>
      </c>
      <c r="M216" s="22" t="s">
        <v>268</v>
      </c>
      <c r="N216" s="16">
        <v>359</v>
      </c>
      <c r="O216" s="22" t="s">
        <v>268</v>
      </c>
      <c r="P216" s="16">
        <v>121</v>
      </c>
      <c r="Q216" s="22" t="s">
        <v>268</v>
      </c>
      <c r="R216" s="16">
        <v>119</v>
      </c>
      <c r="S216" s="16">
        <v>2</v>
      </c>
      <c r="T216" s="16">
        <v>2</v>
      </c>
      <c r="U216" s="16">
        <v>19</v>
      </c>
      <c r="V216" s="16">
        <v>24</v>
      </c>
      <c r="W216" s="16">
        <v>16</v>
      </c>
      <c r="X216" s="16">
        <v>56</v>
      </c>
      <c r="Y216" s="16">
        <v>21</v>
      </c>
      <c r="Z216" s="16">
        <v>623</v>
      </c>
      <c r="AA216" s="22" t="s">
        <v>268</v>
      </c>
      <c r="AB216" s="16">
        <v>202</v>
      </c>
      <c r="AC216" s="22" t="s">
        <v>268</v>
      </c>
      <c r="AD216" s="16">
        <v>623</v>
      </c>
    </row>
    <row r="217" spans="1:30">
      <c r="A217" s="21" t="s">
        <v>240</v>
      </c>
      <c r="B217" s="21" t="s">
        <v>237</v>
      </c>
      <c r="C217" s="21" t="s">
        <v>265</v>
      </c>
      <c r="D217" s="21" t="s">
        <v>215</v>
      </c>
      <c r="E217" s="21" t="s">
        <v>630</v>
      </c>
      <c r="F217" s="21" t="s">
        <v>390</v>
      </c>
      <c r="G217" s="16">
        <v>612</v>
      </c>
      <c r="H217" s="16">
        <v>359</v>
      </c>
      <c r="I217" s="16">
        <v>142</v>
      </c>
      <c r="J217" s="22" t="s">
        <v>268</v>
      </c>
      <c r="K217" s="22" t="s">
        <v>268</v>
      </c>
      <c r="L217" s="16">
        <v>142</v>
      </c>
      <c r="M217" s="22" t="s">
        <v>268</v>
      </c>
      <c r="N217" s="16">
        <v>217</v>
      </c>
      <c r="O217" s="22" t="s">
        <v>268</v>
      </c>
      <c r="P217" s="16">
        <v>89</v>
      </c>
      <c r="Q217" s="22" t="s">
        <v>268</v>
      </c>
      <c r="R217" s="16">
        <v>65</v>
      </c>
      <c r="S217" s="22" t="s">
        <v>268</v>
      </c>
      <c r="T217" s="16">
        <v>1</v>
      </c>
      <c r="U217" s="16">
        <v>14</v>
      </c>
      <c r="V217" s="16">
        <v>16</v>
      </c>
      <c r="W217" s="16">
        <v>2</v>
      </c>
      <c r="X217" s="16">
        <v>30</v>
      </c>
      <c r="Y217" s="16">
        <v>5</v>
      </c>
      <c r="Z217" s="16">
        <v>248</v>
      </c>
      <c r="AA217" s="22" t="s">
        <v>268</v>
      </c>
      <c r="AB217" s="16">
        <v>116</v>
      </c>
      <c r="AC217" s="22" t="s">
        <v>268</v>
      </c>
      <c r="AD217" s="16">
        <v>248</v>
      </c>
    </row>
    <row r="218" spans="1:30">
      <c r="A218" s="21" t="s">
        <v>240</v>
      </c>
      <c r="B218" s="21" t="s">
        <v>237</v>
      </c>
      <c r="C218" s="21" t="s">
        <v>265</v>
      </c>
      <c r="D218" s="21" t="s">
        <v>215</v>
      </c>
      <c r="E218" s="21" t="s">
        <v>630</v>
      </c>
      <c r="F218" s="21" t="s">
        <v>391</v>
      </c>
      <c r="G218" s="16">
        <v>2593</v>
      </c>
      <c r="H218" s="16">
        <v>1462</v>
      </c>
      <c r="I218" s="16">
        <v>997</v>
      </c>
      <c r="J218" s="22" t="s">
        <v>268</v>
      </c>
      <c r="K218" s="16">
        <v>310</v>
      </c>
      <c r="L218" s="16">
        <v>315</v>
      </c>
      <c r="M218" s="16">
        <v>372</v>
      </c>
      <c r="N218" s="16">
        <v>465</v>
      </c>
      <c r="O218" s="22" t="s">
        <v>268</v>
      </c>
      <c r="P218" s="16">
        <v>2</v>
      </c>
      <c r="Q218" s="16">
        <v>2</v>
      </c>
      <c r="R218" s="16">
        <v>57</v>
      </c>
      <c r="S218" s="16">
        <v>8</v>
      </c>
      <c r="T218" s="16">
        <v>105</v>
      </c>
      <c r="U218" s="16">
        <v>17</v>
      </c>
      <c r="V218" s="16">
        <v>35</v>
      </c>
      <c r="W218" s="16">
        <v>48</v>
      </c>
      <c r="X218" s="16">
        <v>191</v>
      </c>
      <c r="Y218" s="16">
        <v>90</v>
      </c>
      <c r="Z218" s="16">
        <v>1041</v>
      </c>
      <c r="AA218" s="22" t="s">
        <v>268</v>
      </c>
      <c r="AB218" s="16">
        <v>378</v>
      </c>
      <c r="AC218" s="22" t="s">
        <v>268</v>
      </c>
      <c r="AD218" s="16">
        <v>318</v>
      </c>
    </row>
    <row r="219" spans="1:30">
      <c r="A219" s="21" t="s">
        <v>240</v>
      </c>
      <c r="B219" s="21" t="s">
        <v>237</v>
      </c>
      <c r="C219" s="21" t="s">
        <v>265</v>
      </c>
      <c r="D219" s="21" t="s">
        <v>216</v>
      </c>
      <c r="E219" s="21" t="s">
        <v>630</v>
      </c>
      <c r="F219" s="21" t="s">
        <v>401</v>
      </c>
      <c r="G219" s="16">
        <v>13226</v>
      </c>
      <c r="H219" s="16">
        <v>8248</v>
      </c>
      <c r="I219" s="16">
        <v>4288</v>
      </c>
      <c r="J219" s="22" t="s">
        <v>268</v>
      </c>
      <c r="K219" s="16">
        <v>158</v>
      </c>
      <c r="L219" s="16">
        <v>49</v>
      </c>
      <c r="M219" s="16">
        <v>4081</v>
      </c>
      <c r="N219" s="16">
        <v>3960</v>
      </c>
      <c r="O219" s="22" t="s">
        <v>268</v>
      </c>
      <c r="P219" s="16">
        <v>859</v>
      </c>
      <c r="Q219" s="16">
        <v>1</v>
      </c>
      <c r="R219" s="16">
        <v>1052</v>
      </c>
      <c r="S219" s="16">
        <v>19</v>
      </c>
      <c r="T219" s="16">
        <v>330</v>
      </c>
      <c r="U219" s="16">
        <v>153</v>
      </c>
      <c r="V219" s="16">
        <v>353</v>
      </c>
      <c r="W219" s="16">
        <v>118</v>
      </c>
      <c r="X219" s="16">
        <v>1075</v>
      </c>
      <c r="Y219" s="16">
        <v>163</v>
      </c>
      <c r="Z219" s="16">
        <v>4815</v>
      </c>
      <c r="AA219" s="22" t="s">
        <v>268</v>
      </c>
      <c r="AB219" s="16">
        <v>2750</v>
      </c>
      <c r="AC219" s="22" t="s">
        <v>268</v>
      </c>
      <c r="AD219" s="16">
        <v>3837</v>
      </c>
    </row>
    <row r="220" spans="1:30">
      <c r="A220" s="21" t="s">
        <v>240</v>
      </c>
      <c r="B220" s="21" t="s">
        <v>237</v>
      </c>
      <c r="C220" s="21" t="s">
        <v>265</v>
      </c>
      <c r="D220" s="21" t="s">
        <v>216</v>
      </c>
      <c r="E220" s="21" t="s">
        <v>630</v>
      </c>
      <c r="F220" s="21" t="s">
        <v>405</v>
      </c>
      <c r="G220" s="16">
        <v>4</v>
      </c>
      <c r="H220" s="16">
        <v>2</v>
      </c>
      <c r="I220" s="16">
        <v>1</v>
      </c>
      <c r="J220" s="22" t="s">
        <v>268</v>
      </c>
      <c r="K220" s="22" t="s">
        <v>268</v>
      </c>
      <c r="L220" s="22" t="s">
        <v>268</v>
      </c>
      <c r="M220" s="16">
        <v>1</v>
      </c>
      <c r="N220" s="16">
        <v>1</v>
      </c>
      <c r="O220" s="22" t="s">
        <v>268</v>
      </c>
      <c r="P220" s="22" t="s">
        <v>268</v>
      </c>
      <c r="Q220" s="22" t="s">
        <v>268</v>
      </c>
      <c r="R220" s="22" t="s">
        <v>268</v>
      </c>
      <c r="S220" s="22" t="s">
        <v>268</v>
      </c>
      <c r="T220" s="22" t="s">
        <v>268</v>
      </c>
      <c r="U220" s="22" t="s">
        <v>268</v>
      </c>
      <c r="V220" s="22" t="s">
        <v>268</v>
      </c>
      <c r="W220" s="22" t="s">
        <v>268</v>
      </c>
      <c r="X220" s="16">
        <v>1</v>
      </c>
      <c r="Y220" s="16">
        <v>1</v>
      </c>
      <c r="Z220" s="16">
        <v>1</v>
      </c>
      <c r="AA220" s="22" t="s">
        <v>268</v>
      </c>
      <c r="AB220" s="16">
        <v>2</v>
      </c>
      <c r="AC220" s="22" t="s">
        <v>268</v>
      </c>
      <c r="AD220" s="22" t="s">
        <v>268</v>
      </c>
    </row>
    <row r="221" spans="1:30">
      <c r="A221" s="21" t="s">
        <v>240</v>
      </c>
      <c r="B221" s="21" t="s">
        <v>237</v>
      </c>
      <c r="C221" s="21" t="s">
        <v>265</v>
      </c>
      <c r="D221" s="21" t="s">
        <v>216</v>
      </c>
      <c r="E221" s="21" t="s">
        <v>630</v>
      </c>
      <c r="F221" s="21" t="s">
        <v>406</v>
      </c>
      <c r="G221" s="16">
        <v>32</v>
      </c>
      <c r="H221" s="16">
        <v>27</v>
      </c>
      <c r="I221" s="16">
        <v>8</v>
      </c>
      <c r="J221" s="22" t="s">
        <v>268</v>
      </c>
      <c r="K221" s="22" t="s">
        <v>268</v>
      </c>
      <c r="L221" s="22" t="s">
        <v>268</v>
      </c>
      <c r="M221" s="16">
        <v>8</v>
      </c>
      <c r="N221" s="16">
        <v>19</v>
      </c>
      <c r="O221" s="22" t="s">
        <v>268</v>
      </c>
      <c r="P221" s="22" t="s">
        <v>268</v>
      </c>
      <c r="Q221" s="22" t="s">
        <v>268</v>
      </c>
      <c r="R221" s="22" t="s">
        <v>268</v>
      </c>
      <c r="S221" s="22" t="s">
        <v>268</v>
      </c>
      <c r="T221" s="16">
        <v>8</v>
      </c>
      <c r="U221" s="16">
        <v>1</v>
      </c>
      <c r="V221" s="16">
        <v>2</v>
      </c>
      <c r="W221" s="16">
        <v>1</v>
      </c>
      <c r="X221" s="16">
        <v>7</v>
      </c>
      <c r="Y221" s="16">
        <v>2</v>
      </c>
      <c r="Z221" s="16">
        <v>3</v>
      </c>
      <c r="AA221" s="22" t="s">
        <v>268</v>
      </c>
      <c r="AB221" s="16">
        <v>18</v>
      </c>
      <c r="AC221" s="22" t="s">
        <v>268</v>
      </c>
      <c r="AD221" s="22" t="s">
        <v>268</v>
      </c>
    </row>
    <row r="222" spans="1:30">
      <c r="A222" s="21" t="s">
        <v>240</v>
      </c>
      <c r="B222" s="21" t="s">
        <v>237</v>
      </c>
      <c r="C222" s="21" t="s">
        <v>265</v>
      </c>
      <c r="D222" s="21" t="s">
        <v>216</v>
      </c>
      <c r="E222" s="21" t="s">
        <v>630</v>
      </c>
      <c r="F222" s="21" t="s">
        <v>407</v>
      </c>
      <c r="G222" s="16">
        <v>120</v>
      </c>
      <c r="H222" s="16">
        <v>95</v>
      </c>
      <c r="I222" s="16">
        <v>46</v>
      </c>
      <c r="J222" s="22" t="s">
        <v>268</v>
      </c>
      <c r="K222" s="22" t="s">
        <v>268</v>
      </c>
      <c r="L222" s="22" t="s">
        <v>268</v>
      </c>
      <c r="M222" s="16">
        <v>46</v>
      </c>
      <c r="N222" s="16">
        <v>49</v>
      </c>
      <c r="O222" s="22" t="s">
        <v>268</v>
      </c>
      <c r="P222" s="22" t="s">
        <v>268</v>
      </c>
      <c r="Q222" s="22" t="s">
        <v>268</v>
      </c>
      <c r="R222" s="22" t="s">
        <v>268</v>
      </c>
      <c r="S222" s="16">
        <v>1</v>
      </c>
      <c r="T222" s="16">
        <v>17</v>
      </c>
      <c r="U222" s="22" t="s">
        <v>268</v>
      </c>
      <c r="V222" s="16">
        <v>11</v>
      </c>
      <c r="W222" s="22" t="s">
        <v>268</v>
      </c>
      <c r="X222" s="16">
        <v>20</v>
      </c>
      <c r="Y222" s="16">
        <v>6</v>
      </c>
      <c r="Z222" s="16">
        <v>19</v>
      </c>
      <c r="AA222" s="22" t="s">
        <v>268</v>
      </c>
      <c r="AB222" s="16">
        <v>46</v>
      </c>
      <c r="AC222" s="22" t="s">
        <v>268</v>
      </c>
      <c r="AD222" s="22" t="s">
        <v>268</v>
      </c>
    </row>
    <row r="223" spans="1:30">
      <c r="A223" s="21" t="s">
        <v>240</v>
      </c>
      <c r="B223" s="21" t="s">
        <v>237</v>
      </c>
      <c r="C223" s="21" t="s">
        <v>265</v>
      </c>
      <c r="D223" s="21" t="s">
        <v>216</v>
      </c>
      <c r="E223" s="21" t="s">
        <v>630</v>
      </c>
      <c r="F223" s="21" t="s">
        <v>408</v>
      </c>
      <c r="G223" s="16">
        <v>223</v>
      </c>
      <c r="H223" s="16">
        <v>198</v>
      </c>
      <c r="I223" s="16">
        <v>127</v>
      </c>
      <c r="J223" s="22" t="s">
        <v>268</v>
      </c>
      <c r="K223" s="16">
        <v>6</v>
      </c>
      <c r="L223" s="16">
        <v>1</v>
      </c>
      <c r="M223" s="16">
        <v>120</v>
      </c>
      <c r="N223" s="16">
        <v>71</v>
      </c>
      <c r="O223" s="22" t="s">
        <v>268</v>
      </c>
      <c r="P223" s="22" t="s">
        <v>268</v>
      </c>
      <c r="Q223" s="22" t="s">
        <v>268</v>
      </c>
      <c r="R223" s="22" t="s">
        <v>268</v>
      </c>
      <c r="S223" s="22" t="s">
        <v>268</v>
      </c>
      <c r="T223" s="16">
        <v>35</v>
      </c>
      <c r="U223" s="16">
        <v>1</v>
      </c>
      <c r="V223" s="16">
        <v>8</v>
      </c>
      <c r="W223" s="16">
        <v>2</v>
      </c>
      <c r="X223" s="16">
        <v>25</v>
      </c>
      <c r="Y223" s="16">
        <v>2</v>
      </c>
      <c r="Z223" s="16">
        <v>23</v>
      </c>
      <c r="AA223" s="22" t="s">
        <v>268</v>
      </c>
      <c r="AB223" s="16">
        <v>67</v>
      </c>
      <c r="AC223" s="22" t="s">
        <v>268</v>
      </c>
      <c r="AD223" s="22" t="s">
        <v>268</v>
      </c>
    </row>
    <row r="224" spans="1:30">
      <c r="A224" s="21" t="s">
        <v>240</v>
      </c>
      <c r="B224" s="21" t="s">
        <v>237</v>
      </c>
      <c r="C224" s="21" t="s">
        <v>265</v>
      </c>
      <c r="D224" s="21" t="s">
        <v>216</v>
      </c>
      <c r="E224" s="21" t="s">
        <v>630</v>
      </c>
      <c r="F224" s="21" t="s">
        <v>409</v>
      </c>
      <c r="G224" s="16">
        <v>362</v>
      </c>
      <c r="H224" s="16">
        <v>324</v>
      </c>
      <c r="I224" s="16">
        <v>209</v>
      </c>
      <c r="J224" s="22" t="s">
        <v>268</v>
      </c>
      <c r="K224" s="16">
        <v>10</v>
      </c>
      <c r="L224" s="16">
        <v>2</v>
      </c>
      <c r="M224" s="16">
        <v>197</v>
      </c>
      <c r="N224" s="16">
        <v>115</v>
      </c>
      <c r="O224" s="22" t="s">
        <v>268</v>
      </c>
      <c r="P224" s="22" t="s">
        <v>268</v>
      </c>
      <c r="Q224" s="16">
        <v>1</v>
      </c>
      <c r="R224" s="16">
        <v>1</v>
      </c>
      <c r="S224" s="22" t="s">
        <v>268</v>
      </c>
      <c r="T224" s="16">
        <v>51</v>
      </c>
      <c r="U224" s="16">
        <v>1</v>
      </c>
      <c r="V224" s="16">
        <v>14</v>
      </c>
      <c r="W224" s="22" t="s">
        <v>268</v>
      </c>
      <c r="X224" s="16">
        <v>47</v>
      </c>
      <c r="Y224" s="16">
        <v>7</v>
      </c>
      <c r="Z224" s="16">
        <v>31</v>
      </c>
      <c r="AA224" s="22" t="s">
        <v>268</v>
      </c>
      <c r="AB224" s="16">
        <v>113</v>
      </c>
      <c r="AC224" s="22" t="s">
        <v>268</v>
      </c>
      <c r="AD224" s="22" t="s">
        <v>268</v>
      </c>
    </row>
    <row r="225" spans="1:30">
      <c r="A225" s="21" t="s">
        <v>240</v>
      </c>
      <c r="B225" s="21" t="s">
        <v>237</v>
      </c>
      <c r="C225" s="21" t="s">
        <v>265</v>
      </c>
      <c r="D225" s="21" t="s">
        <v>216</v>
      </c>
      <c r="E225" s="21" t="s">
        <v>630</v>
      </c>
      <c r="F225" s="21" t="s">
        <v>410</v>
      </c>
      <c r="G225" s="16">
        <v>492</v>
      </c>
      <c r="H225" s="16">
        <v>449</v>
      </c>
      <c r="I225" s="16">
        <v>280</v>
      </c>
      <c r="J225" s="22" t="s">
        <v>268</v>
      </c>
      <c r="K225" s="16">
        <v>22</v>
      </c>
      <c r="L225" s="16">
        <v>4</v>
      </c>
      <c r="M225" s="16">
        <v>254</v>
      </c>
      <c r="N225" s="16">
        <v>169</v>
      </c>
      <c r="O225" s="22" t="s">
        <v>268</v>
      </c>
      <c r="P225" s="22" t="s">
        <v>268</v>
      </c>
      <c r="Q225" s="22" t="s">
        <v>268</v>
      </c>
      <c r="R225" s="16">
        <v>3</v>
      </c>
      <c r="S225" s="16">
        <v>1</v>
      </c>
      <c r="T225" s="16">
        <v>82</v>
      </c>
      <c r="U225" s="16">
        <v>1</v>
      </c>
      <c r="V225" s="16">
        <v>12</v>
      </c>
      <c r="W225" s="16">
        <v>2</v>
      </c>
      <c r="X225" s="16">
        <v>68</v>
      </c>
      <c r="Y225" s="16">
        <v>12</v>
      </c>
      <c r="Z225" s="16">
        <v>31</v>
      </c>
      <c r="AA225" s="22" t="s">
        <v>268</v>
      </c>
      <c r="AB225" s="16">
        <v>159</v>
      </c>
      <c r="AC225" s="22" t="s">
        <v>268</v>
      </c>
      <c r="AD225" s="22" t="s">
        <v>268</v>
      </c>
    </row>
    <row r="226" spans="1:30">
      <c r="A226" s="21" t="s">
        <v>240</v>
      </c>
      <c r="B226" s="21" t="s">
        <v>237</v>
      </c>
      <c r="C226" s="21" t="s">
        <v>265</v>
      </c>
      <c r="D226" s="21" t="s">
        <v>216</v>
      </c>
      <c r="E226" s="21" t="s">
        <v>630</v>
      </c>
      <c r="F226" s="21" t="s">
        <v>411</v>
      </c>
      <c r="G226" s="16">
        <v>586</v>
      </c>
      <c r="H226" s="16">
        <v>472</v>
      </c>
      <c r="I226" s="16">
        <v>324</v>
      </c>
      <c r="J226" s="22" t="s">
        <v>268</v>
      </c>
      <c r="K226" s="16">
        <v>29</v>
      </c>
      <c r="L226" s="16">
        <v>6</v>
      </c>
      <c r="M226" s="16">
        <v>289</v>
      </c>
      <c r="N226" s="16">
        <v>148</v>
      </c>
      <c r="O226" s="22" t="s">
        <v>268</v>
      </c>
      <c r="P226" s="16">
        <v>1</v>
      </c>
      <c r="Q226" s="22" t="s">
        <v>268</v>
      </c>
      <c r="R226" s="16">
        <v>5</v>
      </c>
      <c r="S226" s="22" t="s">
        <v>268</v>
      </c>
      <c r="T226" s="16">
        <v>58</v>
      </c>
      <c r="U226" s="22" t="s">
        <v>268</v>
      </c>
      <c r="V226" s="16">
        <v>7</v>
      </c>
      <c r="W226" s="16">
        <v>2</v>
      </c>
      <c r="X226" s="16">
        <v>75</v>
      </c>
      <c r="Y226" s="16">
        <v>14</v>
      </c>
      <c r="Z226" s="16">
        <v>100</v>
      </c>
      <c r="AA226" s="22" t="s">
        <v>268</v>
      </c>
      <c r="AB226" s="16">
        <v>141</v>
      </c>
      <c r="AC226" s="22" t="s">
        <v>268</v>
      </c>
      <c r="AD226" s="22" t="s">
        <v>268</v>
      </c>
    </row>
    <row r="227" spans="1:30">
      <c r="A227" s="21" t="s">
        <v>240</v>
      </c>
      <c r="B227" s="21" t="s">
        <v>237</v>
      </c>
      <c r="C227" s="21" t="s">
        <v>265</v>
      </c>
      <c r="D227" s="21" t="s">
        <v>216</v>
      </c>
      <c r="E227" s="21" t="s">
        <v>630</v>
      </c>
      <c r="F227" s="21" t="s">
        <v>412</v>
      </c>
      <c r="G227" s="16">
        <v>610</v>
      </c>
      <c r="H227" s="16">
        <v>425</v>
      </c>
      <c r="I227" s="16">
        <v>298</v>
      </c>
      <c r="J227" s="22" t="s">
        <v>268</v>
      </c>
      <c r="K227" s="16">
        <v>34</v>
      </c>
      <c r="L227" s="16">
        <v>12</v>
      </c>
      <c r="M227" s="16">
        <v>252</v>
      </c>
      <c r="N227" s="16">
        <v>127</v>
      </c>
      <c r="O227" s="22" t="s">
        <v>268</v>
      </c>
      <c r="P227" s="16">
        <v>3</v>
      </c>
      <c r="Q227" s="22" t="s">
        <v>268</v>
      </c>
      <c r="R227" s="16">
        <v>7</v>
      </c>
      <c r="S227" s="16">
        <v>1</v>
      </c>
      <c r="T227" s="16">
        <v>33</v>
      </c>
      <c r="U227" s="16">
        <v>4</v>
      </c>
      <c r="V227" s="16">
        <v>6</v>
      </c>
      <c r="W227" s="16">
        <v>4</v>
      </c>
      <c r="X227" s="16">
        <v>69</v>
      </c>
      <c r="Y227" s="16">
        <v>18</v>
      </c>
      <c r="Z227" s="16">
        <v>167</v>
      </c>
      <c r="AA227" s="22" t="s">
        <v>268</v>
      </c>
      <c r="AB227" s="16">
        <v>106</v>
      </c>
      <c r="AC227" s="22" t="s">
        <v>268</v>
      </c>
      <c r="AD227" s="22" t="s">
        <v>268</v>
      </c>
    </row>
    <row r="228" spans="1:30">
      <c r="A228" s="21" t="s">
        <v>240</v>
      </c>
      <c r="B228" s="21" t="s">
        <v>237</v>
      </c>
      <c r="C228" s="21" t="s">
        <v>265</v>
      </c>
      <c r="D228" s="21" t="s">
        <v>216</v>
      </c>
      <c r="E228" s="21" t="s">
        <v>630</v>
      </c>
      <c r="F228" s="21" t="s">
        <v>413</v>
      </c>
      <c r="G228" s="16">
        <v>734</v>
      </c>
      <c r="H228" s="16">
        <v>469</v>
      </c>
      <c r="I228" s="16">
        <v>311</v>
      </c>
      <c r="J228" s="22" t="s">
        <v>268</v>
      </c>
      <c r="K228" s="16">
        <v>43</v>
      </c>
      <c r="L228" s="16">
        <v>10</v>
      </c>
      <c r="M228" s="16">
        <v>258</v>
      </c>
      <c r="N228" s="16">
        <v>158</v>
      </c>
      <c r="O228" s="22" t="s">
        <v>268</v>
      </c>
      <c r="P228" s="16">
        <v>4</v>
      </c>
      <c r="Q228" s="22" t="s">
        <v>268</v>
      </c>
      <c r="R228" s="16">
        <v>14</v>
      </c>
      <c r="S228" s="22" t="s">
        <v>268</v>
      </c>
      <c r="T228" s="16">
        <v>19</v>
      </c>
      <c r="U228" s="16">
        <v>9</v>
      </c>
      <c r="V228" s="16">
        <v>6</v>
      </c>
      <c r="W228" s="16">
        <v>8</v>
      </c>
      <c r="X228" s="16">
        <v>98</v>
      </c>
      <c r="Y228" s="16">
        <v>19</v>
      </c>
      <c r="Z228" s="16">
        <v>246</v>
      </c>
      <c r="AA228" s="22" t="s">
        <v>268</v>
      </c>
      <c r="AB228" s="16">
        <v>133</v>
      </c>
      <c r="AC228" s="22" t="s">
        <v>268</v>
      </c>
      <c r="AD228" s="22" t="s">
        <v>268</v>
      </c>
    </row>
    <row r="229" spans="1:30">
      <c r="A229" s="21" t="s">
        <v>240</v>
      </c>
      <c r="B229" s="21" t="s">
        <v>237</v>
      </c>
      <c r="C229" s="21" t="s">
        <v>265</v>
      </c>
      <c r="D229" s="21" t="s">
        <v>216</v>
      </c>
      <c r="E229" s="21" t="s">
        <v>630</v>
      </c>
      <c r="F229" s="21" t="s">
        <v>414</v>
      </c>
      <c r="G229" s="16">
        <v>833</v>
      </c>
      <c r="H229" s="16">
        <v>460</v>
      </c>
      <c r="I229" s="16">
        <v>296</v>
      </c>
      <c r="J229" s="22" t="s">
        <v>268</v>
      </c>
      <c r="K229" s="16">
        <v>10</v>
      </c>
      <c r="L229" s="16">
        <v>8</v>
      </c>
      <c r="M229" s="16">
        <v>278</v>
      </c>
      <c r="N229" s="16">
        <v>164</v>
      </c>
      <c r="O229" s="22" t="s">
        <v>268</v>
      </c>
      <c r="P229" s="16">
        <v>5</v>
      </c>
      <c r="Q229" s="22" t="s">
        <v>268</v>
      </c>
      <c r="R229" s="16">
        <v>36</v>
      </c>
      <c r="S229" s="22" t="s">
        <v>268</v>
      </c>
      <c r="T229" s="16">
        <v>8</v>
      </c>
      <c r="U229" s="16">
        <v>7</v>
      </c>
      <c r="V229" s="16">
        <v>17</v>
      </c>
      <c r="W229" s="16">
        <v>11</v>
      </c>
      <c r="X229" s="16">
        <v>80</v>
      </c>
      <c r="Y229" s="16">
        <v>16</v>
      </c>
      <c r="Z229" s="16">
        <v>357</v>
      </c>
      <c r="AA229" s="22" t="s">
        <v>268</v>
      </c>
      <c r="AB229" s="16">
        <v>133</v>
      </c>
      <c r="AC229" s="22" t="s">
        <v>268</v>
      </c>
      <c r="AD229" s="22" t="s">
        <v>268</v>
      </c>
    </row>
    <row r="230" spans="1:30">
      <c r="A230" s="21" t="s">
        <v>240</v>
      </c>
      <c r="B230" s="21" t="s">
        <v>237</v>
      </c>
      <c r="C230" s="21" t="s">
        <v>265</v>
      </c>
      <c r="D230" s="21" t="s">
        <v>216</v>
      </c>
      <c r="E230" s="21" t="s">
        <v>630</v>
      </c>
      <c r="F230" s="21" t="s">
        <v>415</v>
      </c>
      <c r="G230" s="16">
        <v>1093</v>
      </c>
      <c r="H230" s="16">
        <v>561</v>
      </c>
      <c r="I230" s="16">
        <v>319</v>
      </c>
      <c r="J230" s="22" t="s">
        <v>268</v>
      </c>
      <c r="K230" s="16">
        <v>3</v>
      </c>
      <c r="L230" s="16">
        <v>4</v>
      </c>
      <c r="M230" s="16">
        <v>312</v>
      </c>
      <c r="N230" s="16">
        <v>242</v>
      </c>
      <c r="O230" s="22" t="s">
        <v>268</v>
      </c>
      <c r="P230" s="16">
        <v>15</v>
      </c>
      <c r="Q230" s="22" t="s">
        <v>268</v>
      </c>
      <c r="R230" s="16">
        <v>79</v>
      </c>
      <c r="S230" s="16">
        <v>1</v>
      </c>
      <c r="T230" s="16">
        <v>1</v>
      </c>
      <c r="U230" s="16">
        <v>7</v>
      </c>
      <c r="V230" s="16">
        <v>20</v>
      </c>
      <c r="W230" s="16">
        <v>23</v>
      </c>
      <c r="X230" s="16">
        <v>96</v>
      </c>
      <c r="Y230" s="16">
        <v>21</v>
      </c>
      <c r="Z230" s="16">
        <v>511</v>
      </c>
      <c r="AA230" s="22" t="s">
        <v>268</v>
      </c>
      <c r="AB230" s="16">
        <v>185</v>
      </c>
      <c r="AC230" s="22" t="s">
        <v>268</v>
      </c>
      <c r="AD230" s="16">
        <v>511</v>
      </c>
    </row>
    <row r="231" spans="1:30">
      <c r="A231" s="21" t="s">
        <v>240</v>
      </c>
      <c r="B231" s="21" t="s">
        <v>237</v>
      </c>
      <c r="C231" s="21" t="s">
        <v>265</v>
      </c>
      <c r="D231" s="21" t="s">
        <v>216</v>
      </c>
      <c r="E231" s="21" t="s">
        <v>630</v>
      </c>
      <c r="F231" s="21" t="s">
        <v>416</v>
      </c>
      <c r="G231" s="16">
        <v>1453</v>
      </c>
      <c r="H231" s="16">
        <v>714</v>
      </c>
      <c r="I231" s="16">
        <v>378</v>
      </c>
      <c r="J231" s="22" t="s">
        <v>268</v>
      </c>
      <c r="K231" s="16">
        <v>1</v>
      </c>
      <c r="L231" s="16">
        <v>2</v>
      </c>
      <c r="M231" s="16">
        <v>375</v>
      </c>
      <c r="N231" s="16">
        <v>336</v>
      </c>
      <c r="O231" s="22" t="s">
        <v>268</v>
      </c>
      <c r="P231" s="16">
        <v>29</v>
      </c>
      <c r="Q231" s="22" t="s">
        <v>268</v>
      </c>
      <c r="R231" s="16">
        <v>141</v>
      </c>
      <c r="S231" s="16">
        <v>4</v>
      </c>
      <c r="T231" s="16">
        <v>2</v>
      </c>
      <c r="U231" s="16">
        <v>8</v>
      </c>
      <c r="V231" s="16">
        <v>21</v>
      </c>
      <c r="W231" s="16">
        <v>25</v>
      </c>
      <c r="X231" s="16">
        <v>106</v>
      </c>
      <c r="Y231" s="16">
        <v>14</v>
      </c>
      <c r="Z231" s="16">
        <v>725</v>
      </c>
      <c r="AA231" s="22" t="s">
        <v>268</v>
      </c>
      <c r="AB231" s="16">
        <v>257</v>
      </c>
      <c r="AC231" s="22" t="s">
        <v>268</v>
      </c>
      <c r="AD231" s="16">
        <v>725</v>
      </c>
    </row>
    <row r="232" spans="1:30">
      <c r="A232" s="21" t="s">
        <v>240</v>
      </c>
      <c r="B232" s="21" t="s">
        <v>237</v>
      </c>
      <c r="C232" s="21" t="s">
        <v>265</v>
      </c>
      <c r="D232" s="21" t="s">
        <v>216</v>
      </c>
      <c r="E232" s="21" t="s">
        <v>630</v>
      </c>
      <c r="F232" s="21" t="s">
        <v>417</v>
      </c>
      <c r="G232" s="16">
        <v>1604</v>
      </c>
      <c r="H232" s="16">
        <v>814</v>
      </c>
      <c r="I232" s="16">
        <v>433</v>
      </c>
      <c r="J232" s="22" t="s">
        <v>268</v>
      </c>
      <c r="K232" s="22" t="s">
        <v>268</v>
      </c>
      <c r="L232" s="22" t="s">
        <v>268</v>
      </c>
      <c r="M232" s="16">
        <v>433</v>
      </c>
      <c r="N232" s="16">
        <v>381</v>
      </c>
      <c r="O232" s="22" t="s">
        <v>268</v>
      </c>
      <c r="P232" s="16">
        <v>65</v>
      </c>
      <c r="Q232" s="22" t="s">
        <v>268</v>
      </c>
      <c r="R232" s="16">
        <v>185</v>
      </c>
      <c r="S232" s="16">
        <v>2</v>
      </c>
      <c r="T232" s="16">
        <v>3</v>
      </c>
      <c r="U232" s="16">
        <v>11</v>
      </c>
      <c r="V232" s="16">
        <v>13</v>
      </c>
      <c r="W232" s="16">
        <v>13</v>
      </c>
      <c r="X232" s="16">
        <v>89</v>
      </c>
      <c r="Y232" s="16">
        <v>10</v>
      </c>
      <c r="Z232" s="16">
        <v>780</v>
      </c>
      <c r="AA232" s="22" t="s">
        <v>268</v>
      </c>
      <c r="AB232" s="16">
        <v>274</v>
      </c>
      <c r="AC232" s="22" t="s">
        <v>268</v>
      </c>
      <c r="AD232" s="16">
        <v>780</v>
      </c>
    </row>
    <row r="233" spans="1:30">
      <c r="A233" s="21" t="s">
        <v>240</v>
      </c>
      <c r="B233" s="21" t="s">
        <v>237</v>
      </c>
      <c r="C233" s="21" t="s">
        <v>265</v>
      </c>
      <c r="D233" s="21" t="s">
        <v>216</v>
      </c>
      <c r="E233" s="21" t="s">
        <v>630</v>
      </c>
      <c r="F233" s="21" t="s">
        <v>418</v>
      </c>
      <c r="G233" s="16">
        <v>1958</v>
      </c>
      <c r="H233" s="16">
        <v>1088</v>
      </c>
      <c r="I233" s="16">
        <v>502</v>
      </c>
      <c r="J233" s="22" t="s">
        <v>268</v>
      </c>
      <c r="K233" s="22" t="s">
        <v>268</v>
      </c>
      <c r="L233" s="22" t="s">
        <v>268</v>
      </c>
      <c r="M233" s="16">
        <v>502</v>
      </c>
      <c r="N233" s="16">
        <v>586</v>
      </c>
      <c r="O233" s="22" t="s">
        <v>268</v>
      </c>
      <c r="P233" s="16">
        <v>191</v>
      </c>
      <c r="Q233" s="22" t="s">
        <v>268</v>
      </c>
      <c r="R233" s="16">
        <v>199</v>
      </c>
      <c r="S233" s="16">
        <v>1</v>
      </c>
      <c r="T233" s="16">
        <v>2</v>
      </c>
      <c r="U233" s="16">
        <v>22</v>
      </c>
      <c r="V233" s="16">
        <v>39</v>
      </c>
      <c r="W233" s="16">
        <v>13</v>
      </c>
      <c r="X233" s="16">
        <v>119</v>
      </c>
      <c r="Y233" s="16">
        <v>11</v>
      </c>
      <c r="Z233" s="16">
        <v>859</v>
      </c>
      <c r="AA233" s="22" t="s">
        <v>268</v>
      </c>
      <c r="AB233" s="16">
        <v>347</v>
      </c>
      <c r="AC233" s="22" t="s">
        <v>268</v>
      </c>
      <c r="AD233" s="16">
        <v>859</v>
      </c>
    </row>
    <row r="234" spans="1:30">
      <c r="A234" s="21" t="s">
        <v>240</v>
      </c>
      <c r="B234" s="21" t="s">
        <v>237</v>
      </c>
      <c r="C234" s="21" t="s">
        <v>265</v>
      </c>
      <c r="D234" s="21" t="s">
        <v>216</v>
      </c>
      <c r="E234" s="21" t="s">
        <v>630</v>
      </c>
      <c r="F234" s="21" t="s">
        <v>419</v>
      </c>
      <c r="G234" s="16">
        <v>1886</v>
      </c>
      <c r="H234" s="16">
        <v>1208</v>
      </c>
      <c r="I234" s="16">
        <v>462</v>
      </c>
      <c r="J234" s="22" t="s">
        <v>268</v>
      </c>
      <c r="K234" s="22" t="s">
        <v>268</v>
      </c>
      <c r="L234" s="22" t="s">
        <v>268</v>
      </c>
      <c r="M234" s="16">
        <v>462</v>
      </c>
      <c r="N234" s="16">
        <v>746</v>
      </c>
      <c r="O234" s="22" t="s">
        <v>268</v>
      </c>
      <c r="P234" s="16">
        <v>278</v>
      </c>
      <c r="Q234" s="22" t="s">
        <v>268</v>
      </c>
      <c r="R234" s="16">
        <v>229</v>
      </c>
      <c r="S234" s="16">
        <v>4</v>
      </c>
      <c r="T234" s="16">
        <v>4</v>
      </c>
      <c r="U234" s="16">
        <v>45</v>
      </c>
      <c r="V234" s="16">
        <v>80</v>
      </c>
      <c r="W234" s="16">
        <v>10</v>
      </c>
      <c r="X234" s="16">
        <v>96</v>
      </c>
      <c r="Y234" s="16">
        <v>7</v>
      </c>
      <c r="Z234" s="16">
        <v>671</v>
      </c>
      <c r="AA234" s="22" t="s">
        <v>268</v>
      </c>
      <c r="AB234" s="16">
        <v>429</v>
      </c>
      <c r="AC234" s="22" t="s">
        <v>268</v>
      </c>
      <c r="AD234" s="16">
        <v>671</v>
      </c>
    </row>
    <row r="235" spans="1:30">
      <c r="A235" s="21" t="s">
        <v>240</v>
      </c>
      <c r="B235" s="21" t="s">
        <v>237</v>
      </c>
      <c r="C235" s="21" t="s">
        <v>265</v>
      </c>
      <c r="D235" s="21" t="s">
        <v>216</v>
      </c>
      <c r="E235" s="21" t="s">
        <v>630</v>
      </c>
      <c r="F235" s="21" t="s">
        <v>420</v>
      </c>
      <c r="G235" s="16">
        <v>993</v>
      </c>
      <c r="H235" s="16">
        <v>736</v>
      </c>
      <c r="I235" s="16">
        <v>228</v>
      </c>
      <c r="J235" s="22" t="s">
        <v>268</v>
      </c>
      <c r="K235" s="22" t="s">
        <v>268</v>
      </c>
      <c r="L235" s="22" t="s">
        <v>268</v>
      </c>
      <c r="M235" s="16">
        <v>228</v>
      </c>
      <c r="N235" s="16">
        <v>508</v>
      </c>
      <c r="O235" s="22" t="s">
        <v>268</v>
      </c>
      <c r="P235" s="16">
        <v>208</v>
      </c>
      <c r="Q235" s="22" t="s">
        <v>268</v>
      </c>
      <c r="R235" s="16">
        <v>122</v>
      </c>
      <c r="S235" s="16">
        <v>2</v>
      </c>
      <c r="T235" s="16">
        <v>7</v>
      </c>
      <c r="U235" s="16">
        <v>27</v>
      </c>
      <c r="V235" s="16">
        <v>76</v>
      </c>
      <c r="W235" s="16">
        <v>4</v>
      </c>
      <c r="X235" s="16">
        <v>62</v>
      </c>
      <c r="Y235" s="16">
        <v>2</v>
      </c>
      <c r="Z235" s="16">
        <v>255</v>
      </c>
      <c r="AA235" s="22" t="s">
        <v>268</v>
      </c>
      <c r="AB235" s="16">
        <v>269</v>
      </c>
      <c r="AC235" s="22" t="s">
        <v>268</v>
      </c>
      <c r="AD235" s="16">
        <v>255</v>
      </c>
    </row>
    <row r="236" spans="1:30">
      <c r="A236" s="21" t="s">
        <v>240</v>
      </c>
      <c r="B236" s="21" t="s">
        <v>237</v>
      </c>
      <c r="C236" s="21" t="s">
        <v>265</v>
      </c>
      <c r="D236" s="21" t="s">
        <v>216</v>
      </c>
      <c r="E236" s="21" t="s">
        <v>630</v>
      </c>
      <c r="F236" s="21" t="s">
        <v>421</v>
      </c>
      <c r="G236" s="16">
        <v>223</v>
      </c>
      <c r="H236" s="16">
        <v>188</v>
      </c>
      <c r="I236" s="16">
        <v>62</v>
      </c>
      <c r="J236" s="22" t="s">
        <v>268</v>
      </c>
      <c r="K236" s="22" t="s">
        <v>268</v>
      </c>
      <c r="L236" s="22" t="s">
        <v>268</v>
      </c>
      <c r="M236" s="16">
        <v>62</v>
      </c>
      <c r="N236" s="16">
        <v>126</v>
      </c>
      <c r="O236" s="22" t="s">
        <v>268</v>
      </c>
      <c r="P236" s="16">
        <v>53</v>
      </c>
      <c r="Q236" s="22" t="s">
        <v>268</v>
      </c>
      <c r="R236" s="16">
        <v>27</v>
      </c>
      <c r="S236" s="16">
        <v>2</v>
      </c>
      <c r="T236" s="22" t="s">
        <v>268</v>
      </c>
      <c r="U236" s="16">
        <v>9</v>
      </c>
      <c r="V236" s="16">
        <v>19</v>
      </c>
      <c r="W236" s="22" t="s">
        <v>268</v>
      </c>
      <c r="X236" s="16">
        <v>16</v>
      </c>
      <c r="Y236" s="16">
        <v>1</v>
      </c>
      <c r="Z236" s="16">
        <v>34</v>
      </c>
      <c r="AA236" s="22" t="s">
        <v>268</v>
      </c>
      <c r="AB236" s="16">
        <v>64</v>
      </c>
      <c r="AC236" s="22" t="s">
        <v>268</v>
      </c>
      <c r="AD236" s="16">
        <v>34</v>
      </c>
    </row>
    <row r="237" spans="1:30">
      <c r="A237" s="21" t="s">
        <v>240</v>
      </c>
      <c r="B237" s="21" t="s">
        <v>237</v>
      </c>
      <c r="C237" s="21" t="s">
        <v>265</v>
      </c>
      <c r="D237" s="21" t="s">
        <v>216</v>
      </c>
      <c r="E237" s="21" t="s">
        <v>630</v>
      </c>
      <c r="F237" s="21" t="s">
        <v>422</v>
      </c>
      <c r="G237" s="16">
        <v>20</v>
      </c>
      <c r="H237" s="16">
        <v>18</v>
      </c>
      <c r="I237" s="16">
        <v>4</v>
      </c>
      <c r="J237" s="22" t="s">
        <v>268</v>
      </c>
      <c r="K237" s="22" t="s">
        <v>268</v>
      </c>
      <c r="L237" s="22" t="s">
        <v>268</v>
      </c>
      <c r="M237" s="16">
        <v>4</v>
      </c>
      <c r="N237" s="16">
        <v>14</v>
      </c>
      <c r="O237" s="22" t="s">
        <v>268</v>
      </c>
      <c r="P237" s="16">
        <v>7</v>
      </c>
      <c r="Q237" s="22" t="s">
        <v>268</v>
      </c>
      <c r="R237" s="16">
        <v>4</v>
      </c>
      <c r="S237" s="22" t="s">
        <v>268</v>
      </c>
      <c r="T237" s="22" t="s">
        <v>268</v>
      </c>
      <c r="U237" s="22" t="s">
        <v>268</v>
      </c>
      <c r="V237" s="16">
        <v>2</v>
      </c>
      <c r="W237" s="22" t="s">
        <v>268</v>
      </c>
      <c r="X237" s="16">
        <v>1</v>
      </c>
      <c r="Y237" s="22" t="s">
        <v>268</v>
      </c>
      <c r="Z237" s="16">
        <v>2</v>
      </c>
      <c r="AA237" s="22" t="s">
        <v>268</v>
      </c>
      <c r="AB237" s="16">
        <v>7</v>
      </c>
      <c r="AC237" s="22" t="s">
        <v>268</v>
      </c>
      <c r="AD237" s="16">
        <v>2</v>
      </c>
    </row>
    <row r="238" spans="1:30">
      <c r="A238" s="21" t="s">
        <v>240</v>
      </c>
      <c r="B238" s="21" t="s">
        <v>237</v>
      </c>
      <c r="C238" s="21" t="s">
        <v>265</v>
      </c>
      <c r="D238" s="21" t="s">
        <v>216</v>
      </c>
      <c r="E238" s="21" t="s">
        <v>630</v>
      </c>
      <c r="F238" s="21" t="s">
        <v>423</v>
      </c>
      <c r="G238" s="22" t="s">
        <v>268</v>
      </c>
      <c r="H238" s="22" t="s">
        <v>268</v>
      </c>
      <c r="I238" s="22" t="s">
        <v>268</v>
      </c>
      <c r="J238" s="22" t="s">
        <v>268</v>
      </c>
      <c r="K238" s="22" t="s">
        <v>268</v>
      </c>
      <c r="L238" s="22" t="s">
        <v>268</v>
      </c>
      <c r="M238" s="22" t="s">
        <v>268</v>
      </c>
      <c r="N238" s="22" t="s">
        <v>268</v>
      </c>
      <c r="O238" s="22" t="s">
        <v>268</v>
      </c>
      <c r="P238" s="22" t="s">
        <v>268</v>
      </c>
      <c r="Q238" s="22" t="s">
        <v>268</v>
      </c>
      <c r="R238" s="22" t="s">
        <v>268</v>
      </c>
      <c r="S238" s="22" t="s">
        <v>268</v>
      </c>
      <c r="T238" s="22" t="s">
        <v>268</v>
      </c>
      <c r="U238" s="22" t="s">
        <v>268</v>
      </c>
      <c r="V238" s="22" t="s">
        <v>268</v>
      </c>
      <c r="W238" s="22" t="s">
        <v>268</v>
      </c>
      <c r="X238" s="22" t="s">
        <v>268</v>
      </c>
      <c r="Y238" s="22" t="s">
        <v>268</v>
      </c>
      <c r="Z238" s="22" t="s">
        <v>268</v>
      </c>
      <c r="AA238" s="22" t="s">
        <v>268</v>
      </c>
      <c r="AB238" s="22" t="s">
        <v>268</v>
      </c>
      <c r="AC238" s="22" t="s">
        <v>268</v>
      </c>
      <c r="AD238" s="22" t="s">
        <v>268</v>
      </c>
    </row>
    <row r="239" spans="1:30">
      <c r="A239" s="21" t="s">
        <v>240</v>
      </c>
      <c r="B239" s="21" t="s">
        <v>237</v>
      </c>
      <c r="C239" s="21" t="s">
        <v>265</v>
      </c>
      <c r="D239" s="21" t="s">
        <v>216</v>
      </c>
      <c r="E239" s="21" t="s">
        <v>630</v>
      </c>
      <c r="F239" s="21" t="s">
        <v>386</v>
      </c>
      <c r="G239" s="22" t="s">
        <v>268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22" t="s">
        <v>268</v>
      </c>
      <c r="M239" s="22" t="s">
        <v>268</v>
      </c>
      <c r="N239" s="22" t="s">
        <v>268</v>
      </c>
      <c r="O239" s="22" t="s">
        <v>268</v>
      </c>
      <c r="P239" s="22" t="s">
        <v>268</v>
      </c>
      <c r="Q239" s="22" t="s">
        <v>268</v>
      </c>
      <c r="R239" s="22" t="s">
        <v>268</v>
      </c>
      <c r="S239" s="22" t="s">
        <v>268</v>
      </c>
      <c r="T239" s="22" t="s">
        <v>268</v>
      </c>
      <c r="U239" s="22" t="s">
        <v>268</v>
      </c>
      <c r="V239" s="22" t="s">
        <v>268</v>
      </c>
      <c r="W239" s="22" t="s">
        <v>268</v>
      </c>
      <c r="X239" s="22" t="s">
        <v>268</v>
      </c>
      <c r="Y239" s="22" t="s">
        <v>268</v>
      </c>
      <c r="Z239" s="22" t="s">
        <v>268</v>
      </c>
      <c r="AA239" s="22" t="s">
        <v>268</v>
      </c>
      <c r="AB239" s="22" t="s">
        <v>268</v>
      </c>
      <c r="AC239" s="22" t="s">
        <v>268</v>
      </c>
      <c r="AD239" s="22" t="s">
        <v>268</v>
      </c>
    </row>
    <row r="240" spans="1:30">
      <c r="A240" s="21" t="s">
        <v>240</v>
      </c>
      <c r="B240" s="21" t="s">
        <v>237</v>
      </c>
      <c r="C240" s="21" t="s">
        <v>265</v>
      </c>
      <c r="D240" s="21" t="s">
        <v>216</v>
      </c>
      <c r="E240" s="21" t="s">
        <v>630</v>
      </c>
      <c r="F240" s="21" t="s">
        <v>387</v>
      </c>
      <c r="G240" s="16">
        <v>3996</v>
      </c>
      <c r="H240" s="16">
        <v>2921</v>
      </c>
      <c r="I240" s="16">
        <v>1900</v>
      </c>
      <c r="J240" s="22" t="s">
        <v>268</v>
      </c>
      <c r="K240" s="16">
        <v>154</v>
      </c>
      <c r="L240" s="16">
        <v>43</v>
      </c>
      <c r="M240" s="16">
        <v>1703</v>
      </c>
      <c r="N240" s="16">
        <v>1021</v>
      </c>
      <c r="O240" s="22" t="s">
        <v>268</v>
      </c>
      <c r="P240" s="16">
        <v>13</v>
      </c>
      <c r="Q240" s="16">
        <v>1</v>
      </c>
      <c r="R240" s="16">
        <v>66</v>
      </c>
      <c r="S240" s="16">
        <v>3</v>
      </c>
      <c r="T240" s="16">
        <v>311</v>
      </c>
      <c r="U240" s="16">
        <v>24</v>
      </c>
      <c r="V240" s="16">
        <v>83</v>
      </c>
      <c r="W240" s="16">
        <v>30</v>
      </c>
      <c r="X240" s="16">
        <v>490</v>
      </c>
      <c r="Y240" s="16">
        <v>97</v>
      </c>
      <c r="Z240" s="16">
        <v>978</v>
      </c>
      <c r="AA240" s="22" t="s">
        <v>268</v>
      </c>
      <c r="AB240" s="16">
        <v>918</v>
      </c>
      <c r="AC240" s="22" t="s">
        <v>268</v>
      </c>
      <c r="AD240" s="22" t="s">
        <v>268</v>
      </c>
    </row>
    <row r="241" spans="1:30">
      <c r="A241" s="21" t="s">
        <v>240</v>
      </c>
      <c r="B241" s="21" t="s">
        <v>237</v>
      </c>
      <c r="C241" s="21" t="s">
        <v>265</v>
      </c>
      <c r="D241" s="21" t="s">
        <v>216</v>
      </c>
      <c r="E241" s="21" t="s">
        <v>630</v>
      </c>
      <c r="F241" s="21" t="s">
        <v>388</v>
      </c>
      <c r="G241" s="16">
        <v>9230</v>
      </c>
      <c r="H241" s="16">
        <v>5327</v>
      </c>
      <c r="I241" s="16">
        <v>2388</v>
      </c>
      <c r="J241" s="22" t="s">
        <v>268</v>
      </c>
      <c r="K241" s="16">
        <v>4</v>
      </c>
      <c r="L241" s="16">
        <v>6</v>
      </c>
      <c r="M241" s="16">
        <v>2378</v>
      </c>
      <c r="N241" s="16">
        <v>2939</v>
      </c>
      <c r="O241" s="22" t="s">
        <v>268</v>
      </c>
      <c r="P241" s="16">
        <v>846</v>
      </c>
      <c r="Q241" s="22" t="s">
        <v>268</v>
      </c>
      <c r="R241" s="16">
        <v>986</v>
      </c>
      <c r="S241" s="16">
        <v>16</v>
      </c>
      <c r="T241" s="16">
        <v>19</v>
      </c>
      <c r="U241" s="16">
        <v>129</v>
      </c>
      <c r="V241" s="16">
        <v>270</v>
      </c>
      <c r="W241" s="16">
        <v>88</v>
      </c>
      <c r="X241" s="16">
        <v>585</v>
      </c>
      <c r="Y241" s="16">
        <v>66</v>
      </c>
      <c r="Z241" s="16">
        <v>3837</v>
      </c>
      <c r="AA241" s="22" t="s">
        <v>268</v>
      </c>
      <c r="AB241" s="16">
        <v>1832</v>
      </c>
      <c r="AC241" s="22" t="s">
        <v>268</v>
      </c>
      <c r="AD241" s="16">
        <v>3837</v>
      </c>
    </row>
    <row r="242" spans="1:30">
      <c r="A242" s="21" t="s">
        <v>240</v>
      </c>
      <c r="B242" s="21" t="s">
        <v>237</v>
      </c>
      <c r="C242" s="21" t="s">
        <v>265</v>
      </c>
      <c r="D242" s="21" t="s">
        <v>216</v>
      </c>
      <c r="E242" s="21" t="s">
        <v>630</v>
      </c>
      <c r="F242" s="21" t="s">
        <v>389</v>
      </c>
      <c r="G242" s="16">
        <v>6684</v>
      </c>
      <c r="H242" s="16">
        <v>4052</v>
      </c>
      <c r="I242" s="16">
        <v>1691</v>
      </c>
      <c r="J242" s="22" t="s">
        <v>268</v>
      </c>
      <c r="K242" s="22" t="s">
        <v>268</v>
      </c>
      <c r="L242" s="22" t="s">
        <v>268</v>
      </c>
      <c r="M242" s="16">
        <v>1691</v>
      </c>
      <c r="N242" s="16">
        <v>2361</v>
      </c>
      <c r="O242" s="22" t="s">
        <v>268</v>
      </c>
      <c r="P242" s="16">
        <v>802</v>
      </c>
      <c r="Q242" s="22" t="s">
        <v>268</v>
      </c>
      <c r="R242" s="16">
        <v>766</v>
      </c>
      <c r="S242" s="16">
        <v>11</v>
      </c>
      <c r="T242" s="16">
        <v>16</v>
      </c>
      <c r="U242" s="16">
        <v>114</v>
      </c>
      <c r="V242" s="16">
        <v>229</v>
      </c>
      <c r="W242" s="16">
        <v>40</v>
      </c>
      <c r="X242" s="16">
        <v>383</v>
      </c>
      <c r="Y242" s="16">
        <v>31</v>
      </c>
      <c r="Z242" s="16">
        <v>2601</v>
      </c>
      <c r="AA242" s="22" t="s">
        <v>268</v>
      </c>
      <c r="AB242" s="16">
        <v>1390</v>
      </c>
      <c r="AC242" s="22" t="s">
        <v>268</v>
      </c>
      <c r="AD242" s="16">
        <v>2601</v>
      </c>
    </row>
    <row r="243" spans="1:30">
      <c r="A243" s="21" t="s">
        <v>240</v>
      </c>
      <c r="B243" s="21" t="s">
        <v>237</v>
      </c>
      <c r="C243" s="21" t="s">
        <v>265</v>
      </c>
      <c r="D243" s="21" t="s">
        <v>216</v>
      </c>
      <c r="E243" s="21" t="s">
        <v>630</v>
      </c>
      <c r="F243" s="21" t="s">
        <v>390</v>
      </c>
      <c r="G243" s="16">
        <v>3122</v>
      </c>
      <c r="H243" s="16">
        <v>2150</v>
      </c>
      <c r="I243" s="16">
        <v>756</v>
      </c>
      <c r="J243" s="22" t="s">
        <v>268</v>
      </c>
      <c r="K243" s="22" t="s">
        <v>268</v>
      </c>
      <c r="L243" s="22" t="s">
        <v>268</v>
      </c>
      <c r="M243" s="16">
        <v>756</v>
      </c>
      <c r="N243" s="16">
        <v>1394</v>
      </c>
      <c r="O243" s="22" t="s">
        <v>268</v>
      </c>
      <c r="P243" s="16">
        <v>546</v>
      </c>
      <c r="Q243" s="22" t="s">
        <v>268</v>
      </c>
      <c r="R243" s="16">
        <v>382</v>
      </c>
      <c r="S243" s="16">
        <v>8</v>
      </c>
      <c r="T243" s="16">
        <v>11</v>
      </c>
      <c r="U243" s="16">
        <v>81</v>
      </c>
      <c r="V243" s="16">
        <v>177</v>
      </c>
      <c r="W243" s="16">
        <v>14</v>
      </c>
      <c r="X243" s="16">
        <v>175</v>
      </c>
      <c r="Y243" s="16">
        <v>10</v>
      </c>
      <c r="Z243" s="16">
        <v>962</v>
      </c>
      <c r="AA243" s="22" t="s">
        <v>268</v>
      </c>
      <c r="AB243" s="16">
        <v>769</v>
      </c>
      <c r="AC243" s="22" t="s">
        <v>268</v>
      </c>
      <c r="AD243" s="16">
        <v>962</v>
      </c>
    </row>
    <row r="244" spans="1:30">
      <c r="A244" s="21" t="s">
        <v>240</v>
      </c>
      <c r="B244" s="21" t="s">
        <v>237</v>
      </c>
      <c r="C244" s="21" t="s">
        <v>265</v>
      </c>
      <c r="D244" s="21" t="s">
        <v>216</v>
      </c>
      <c r="E244" s="21" t="s">
        <v>630</v>
      </c>
      <c r="F244" s="21" t="s">
        <v>391</v>
      </c>
      <c r="G244" s="16">
        <v>5085</v>
      </c>
      <c r="H244" s="16">
        <v>3480</v>
      </c>
      <c r="I244" s="16">
        <v>2218</v>
      </c>
      <c r="J244" s="22" t="s">
        <v>268</v>
      </c>
      <c r="K244" s="16">
        <v>157</v>
      </c>
      <c r="L244" s="16">
        <v>47</v>
      </c>
      <c r="M244" s="16">
        <v>2014</v>
      </c>
      <c r="N244" s="16">
        <v>1262</v>
      </c>
      <c r="O244" s="22" t="s">
        <v>268</v>
      </c>
      <c r="P244" s="16">
        <v>28</v>
      </c>
      <c r="Q244" s="16">
        <v>1</v>
      </c>
      <c r="R244" s="16">
        <v>145</v>
      </c>
      <c r="S244" s="16">
        <v>4</v>
      </c>
      <c r="T244" s="16">
        <v>312</v>
      </c>
      <c r="U244" s="16">
        <v>31</v>
      </c>
      <c r="V244" s="16">
        <v>103</v>
      </c>
      <c r="W244" s="16">
        <v>53</v>
      </c>
      <c r="X244" s="16">
        <v>585</v>
      </c>
      <c r="Y244" s="16">
        <v>117</v>
      </c>
      <c r="Z244" s="16">
        <v>1488</v>
      </c>
      <c r="AA244" s="22" t="s">
        <v>268</v>
      </c>
      <c r="AB244" s="16">
        <v>1101</v>
      </c>
      <c r="AC244" s="22" t="s">
        <v>268</v>
      </c>
      <c r="AD244" s="16">
        <v>511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3" orientation="portrait" r:id="rId1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55D61C3-8AB3-4247-9050-5C86F5F58BAB}">
  <sheetPr>
    <pageSetUpPr fitToPage="1"/>
  </sheetPr>
  <dimension ref="A1:AD244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4" width="12.625" style="20"/>
    <col min="5" max="5" width="18" style="20" bestFit="1" customWidth="1"/>
    <col min="6" max="6" width="19" style="20" bestFit="1" customWidth="1"/>
    <col min="7" max="16384" width="12.625" style="20"/>
  </cols>
  <sheetData>
    <row r="1" spans="1:30" s="11" customFormat="1">
      <c r="A1" s="11" t="s">
        <v>192</v>
      </c>
    </row>
    <row r="2" spans="1:30" s="11" customFormat="1">
      <c r="A2" s="11" t="s">
        <v>631</v>
      </c>
    </row>
    <row r="3" spans="1:30" s="11" customFormat="1"/>
    <row r="4" spans="1:30" s="11" customFormat="1" hidden="1"/>
    <row r="5" spans="1:30" s="11" customFormat="1"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  <c r="R5" s="12" t="s">
        <v>495</v>
      </c>
      <c r="S5" s="12" t="s">
        <v>495</v>
      </c>
      <c r="T5" s="12" t="s">
        <v>495</v>
      </c>
      <c r="U5" s="12" t="s">
        <v>495</v>
      </c>
      <c r="V5" s="12" t="s">
        <v>495</v>
      </c>
      <c r="W5" s="12" t="s">
        <v>495</v>
      </c>
      <c r="X5" s="12" t="s">
        <v>495</v>
      </c>
      <c r="Y5" s="12" t="s">
        <v>495</v>
      </c>
      <c r="Z5" s="12" t="s">
        <v>495</v>
      </c>
      <c r="AA5" s="12" t="s">
        <v>495</v>
      </c>
      <c r="AB5" s="12" t="s">
        <v>495</v>
      </c>
      <c r="AC5" s="12" t="s">
        <v>495</v>
      </c>
      <c r="AD5" s="12" t="s">
        <v>495</v>
      </c>
    </row>
    <row r="6" spans="1:30" s="11" customFormat="1" ht="24"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</row>
    <row r="7" spans="1:30" s="11" customFormat="1">
      <c r="G7" s="12">
        <v>1</v>
      </c>
      <c r="H7" s="12">
        <v>1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2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3</v>
      </c>
      <c r="U7" s="12">
        <v>3</v>
      </c>
      <c r="V7" s="12">
        <v>3</v>
      </c>
      <c r="W7" s="12">
        <v>3</v>
      </c>
      <c r="X7" s="12">
        <v>3</v>
      </c>
      <c r="Y7" s="12">
        <v>1</v>
      </c>
      <c r="Z7" s="12">
        <v>1</v>
      </c>
      <c r="AA7" s="12">
        <v>1</v>
      </c>
      <c r="AB7" s="12">
        <v>1</v>
      </c>
      <c r="AC7" s="12">
        <v>1</v>
      </c>
      <c r="AD7" s="12">
        <v>1</v>
      </c>
    </row>
    <row r="8" spans="1:30" s="11" customFormat="1" ht="60">
      <c r="G8" s="12" t="s">
        <v>214</v>
      </c>
      <c r="H8" s="12" t="s">
        <v>564</v>
      </c>
      <c r="I8" s="12" t="s">
        <v>565</v>
      </c>
      <c r="J8" s="12" t="s">
        <v>566</v>
      </c>
      <c r="K8" s="12" t="s">
        <v>567</v>
      </c>
      <c r="L8" s="12" t="s">
        <v>568</v>
      </c>
      <c r="M8" s="12" t="s">
        <v>569</v>
      </c>
      <c r="N8" s="12" t="s">
        <v>570</v>
      </c>
      <c r="O8" s="12" t="s">
        <v>571</v>
      </c>
      <c r="P8" s="12" t="s">
        <v>575</v>
      </c>
      <c r="Q8" s="12" t="s">
        <v>578</v>
      </c>
      <c r="R8" s="12" t="s">
        <v>581</v>
      </c>
      <c r="S8" s="12" t="s">
        <v>584</v>
      </c>
      <c r="T8" s="12" t="s">
        <v>585</v>
      </c>
      <c r="U8" s="12" t="s">
        <v>586</v>
      </c>
      <c r="V8" s="12" t="s">
        <v>589</v>
      </c>
      <c r="W8" s="12" t="s">
        <v>592</v>
      </c>
      <c r="X8" s="12" t="s">
        <v>593</v>
      </c>
      <c r="Y8" s="12" t="s">
        <v>594</v>
      </c>
      <c r="Z8" s="12" t="s">
        <v>595</v>
      </c>
      <c r="AA8" s="12" t="s">
        <v>596</v>
      </c>
      <c r="AB8" s="12" t="s">
        <v>597</v>
      </c>
      <c r="AC8" s="12" t="s">
        <v>616</v>
      </c>
      <c r="AD8" s="12" t="s">
        <v>617</v>
      </c>
    </row>
    <row r="9" spans="1:30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  <c r="W9" s="13" t="s">
        <v>219</v>
      </c>
      <c r="X9" s="13" t="s">
        <v>219</v>
      </c>
      <c r="Y9" s="13" t="s">
        <v>219</v>
      </c>
      <c r="Z9" s="13" t="s">
        <v>219</v>
      </c>
      <c r="AA9" s="13" t="s">
        <v>219</v>
      </c>
      <c r="AB9" s="13" t="s">
        <v>219</v>
      </c>
      <c r="AC9" s="13" t="s">
        <v>219</v>
      </c>
      <c r="AD9" s="13" t="s">
        <v>219</v>
      </c>
    </row>
    <row r="10" spans="1:30" s="11" customFormat="1">
      <c r="A10" s="14" t="s">
        <v>224</v>
      </c>
      <c r="B10" s="14" t="s">
        <v>259</v>
      </c>
      <c r="C10" s="14" t="s">
        <v>230</v>
      </c>
      <c r="D10" s="14" t="s">
        <v>212</v>
      </c>
      <c r="E10" s="14" t="s">
        <v>465</v>
      </c>
      <c r="F10" s="14" t="s">
        <v>282</v>
      </c>
      <c r="G10" s="14" t="s">
        <v>231</v>
      </c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</row>
    <row r="11" spans="1:30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632</v>
      </c>
      <c r="F11" s="15" t="s">
        <v>401</v>
      </c>
      <c r="G11" s="16">
        <v>7174304</v>
      </c>
      <c r="H11" s="16">
        <v>673322</v>
      </c>
      <c r="I11" s="16">
        <v>508755</v>
      </c>
      <c r="J11" s="22" t="s">
        <v>268</v>
      </c>
      <c r="K11" s="16">
        <v>2722</v>
      </c>
      <c r="L11" s="16">
        <v>93680</v>
      </c>
      <c r="M11" s="16">
        <v>412353</v>
      </c>
      <c r="N11" s="16">
        <v>164567</v>
      </c>
      <c r="O11" s="22" t="s">
        <v>268</v>
      </c>
      <c r="P11" s="16">
        <v>25782</v>
      </c>
      <c r="Q11" s="16">
        <v>19</v>
      </c>
      <c r="R11" s="16">
        <v>42840</v>
      </c>
      <c r="S11" s="16">
        <v>580</v>
      </c>
      <c r="T11" s="16">
        <v>13381</v>
      </c>
      <c r="U11" s="16">
        <v>2701</v>
      </c>
      <c r="V11" s="16">
        <v>7186</v>
      </c>
      <c r="W11" s="16">
        <v>200</v>
      </c>
      <c r="X11" s="16">
        <v>71878</v>
      </c>
      <c r="Y11" s="16">
        <v>49397</v>
      </c>
      <c r="Z11" s="16">
        <v>5981741</v>
      </c>
      <c r="AA11" s="16">
        <v>469844</v>
      </c>
      <c r="AB11" s="16">
        <v>125939</v>
      </c>
      <c r="AC11" s="22" t="s">
        <v>268</v>
      </c>
      <c r="AD11" s="16">
        <v>765665</v>
      </c>
    </row>
    <row r="12" spans="1:30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632</v>
      </c>
      <c r="F12" s="21" t="s">
        <v>405</v>
      </c>
      <c r="G12" s="16">
        <v>30422</v>
      </c>
      <c r="H12" s="16">
        <v>1607</v>
      </c>
      <c r="I12" s="16">
        <v>962</v>
      </c>
      <c r="J12" s="22" t="s">
        <v>268</v>
      </c>
      <c r="K12" s="16">
        <v>44</v>
      </c>
      <c r="L12" s="16">
        <v>10</v>
      </c>
      <c r="M12" s="16">
        <v>908</v>
      </c>
      <c r="N12" s="16">
        <v>645</v>
      </c>
      <c r="O12" s="22" t="s">
        <v>268</v>
      </c>
      <c r="P12" s="22" t="s">
        <v>268</v>
      </c>
      <c r="Q12" s="16">
        <v>2</v>
      </c>
      <c r="R12" s="16">
        <v>8</v>
      </c>
      <c r="S12" s="16">
        <v>9</v>
      </c>
      <c r="T12" s="16">
        <v>178</v>
      </c>
      <c r="U12" s="16">
        <v>22</v>
      </c>
      <c r="V12" s="16">
        <v>53</v>
      </c>
      <c r="W12" s="22" t="s">
        <v>268</v>
      </c>
      <c r="X12" s="16">
        <v>373</v>
      </c>
      <c r="Y12" s="16">
        <v>84</v>
      </c>
      <c r="Z12" s="16">
        <v>28731</v>
      </c>
      <c r="AA12" s="22" t="s">
        <v>268</v>
      </c>
      <c r="AB12" s="16">
        <v>590</v>
      </c>
      <c r="AC12" s="22" t="s">
        <v>268</v>
      </c>
      <c r="AD12" s="22" t="s">
        <v>268</v>
      </c>
    </row>
    <row r="13" spans="1:30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632</v>
      </c>
      <c r="F13" s="21" t="s">
        <v>406</v>
      </c>
      <c r="G13" s="16">
        <v>378515</v>
      </c>
      <c r="H13" s="16">
        <v>8860</v>
      </c>
      <c r="I13" s="16">
        <v>6335</v>
      </c>
      <c r="J13" s="22" t="s">
        <v>268</v>
      </c>
      <c r="K13" s="16">
        <v>483</v>
      </c>
      <c r="L13" s="16">
        <v>595</v>
      </c>
      <c r="M13" s="16">
        <v>5257</v>
      </c>
      <c r="N13" s="16">
        <v>2525</v>
      </c>
      <c r="O13" s="22" t="s">
        <v>268</v>
      </c>
      <c r="P13" s="22" t="s">
        <v>268</v>
      </c>
      <c r="Q13" s="16">
        <v>1</v>
      </c>
      <c r="R13" s="16">
        <v>18</v>
      </c>
      <c r="S13" s="16">
        <v>32</v>
      </c>
      <c r="T13" s="16">
        <v>732</v>
      </c>
      <c r="U13" s="16">
        <v>26</v>
      </c>
      <c r="V13" s="16">
        <v>184</v>
      </c>
      <c r="W13" s="16">
        <v>3</v>
      </c>
      <c r="X13" s="16">
        <v>1529</v>
      </c>
      <c r="Y13" s="16">
        <v>2747</v>
      </c>
      <c r="Z13" s="16">
        <v>366908</v>
      </c>
      <c r="AA13" s="22" t="s">
        <v>268</v>
      </c>
      <c r="AB13" s="16">
        <v>2318</v>
      </c>
      <c r="AC13" s="22" t="s">
        <v>268</v>
      </c>
      <c r="AD13" s="22" t="s">
        <v>268</v>
      </c>
    </row>
    <row r="14" spans="1:30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632</v>
      </c>
      <c r="F14" s="21" t="s">
        <v>407</v>
      </c>
      <c r="G14" s="16">
        <v>516612</v>
      </c>
      <c r="H14" s="16">
        <v>17647</v>
      </c>
      <c r="I14" s="16">
        <v>14245</v>
      </c>
      <c r="J14" s="22" t="s">
        <v>268</v>
      </c>
      <c r="K14" s="16">
        <v>374</v>
      </c>
      <c r="L14" s="16">
        <v>1180</v>
      </c>
      <c r="M14" s="16">
        <v>12691</v>
      </c>
      <c r="N14" s="16">
        <v>3402</v>
      </c>
      <c r="O14" s="22" t="s">
        <v>268</v>
      </c>
      <c r="P14" s="22" t="s">
        <v>268</v>
      </c>
      <c r="Q14" s="16">
        <v>3</v>
      </c>
      <c r="R14" s="16">
        <v>12</v>
      </c>
      <c r="S14" s="16">
        <v>44</v>
      </c>
      <c r="T14" s="16">
        <v>1031</v>
      </c>
      <c r="U14" s="16">
        <v>27</v>
      </c>
      <c r="V14" s="16">
        <v>215</v>
      </c>
      <c r="W14" s="22" t="s">
        <v>268</v>
      </c>
      <c r="X14" s="16">
        <v>2070</v>
      </c>
      <c r="Y14" s="16">
        <v>4218</v>
      </c>
      <c r="Z14" s="16">
        <v>494747</v>
      </c>
      <c r="AA14" s="22" t="s">
        <v>268</v>
      </c>
      <c r="AB14" s="16">
        <v>3090</v>
      </c>
      <c r="AC14" s="22" t="s">
        <v>268</v>
      </c>
      <c r="AD14" s="22" t="s">
        <v>268</v>
      </c>
    </row>
    <row r="15" spans="1:30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632</v>
      </c>
      <c r="F15" s="21" t="s">
        <v>408</v>
      </c>
      <c r="G15" s="16">
        <v>404777</v>
      </c>
      <c r="H15" s="16">
        <v>28100</v>
      </c>
      <c r="I15" s="16">
        <v>23837</v>
      </c>
      <c r="J15" s="22" t="s">
        <v>268</v>
      </c>
      <c r="K15" s="16">
        <v>277</v>
      </c>
      <c r="L15" s="16">
        <v>2089</v>
      </c>
      <c r="M15" s="16">
        <v>21471</v>
      </c>
      <c r="N15" s="16">
        <v>4263</v>
      </c>
      <c r="O15" s="22" t="s">
        <v>268</v>
      </c>
      <c r="P15" s="22" t="s">
        <v>268</v>
      </c>
      <c r="Q15" s="16">
        <v>3</v>
      </c>
      <c r="R15" s="16">
        <v>11</v>
      </c>
      <c r="S15" s="16">
        <v>38</v>
      </c>
      <c r="T15" s="16">
        <v>1434</v>
      </c>
      <c r="U15" s="16">
        <v>24</v>
      </c>
      <c r="V15" s="16">
        <v>240</v>
      </c>
      <c r="W15" s="22" t="s">
        <v>268</v>
      </c>
      <c r="X15" s="16">
        <v>2513</v>
      </c>
      <c r="Y15" s="16">
        <v>3625</v>
      </c>
      <c r="Z15" s="16">
        <v>373052</v>
      </c>
      <c r="AA15" s="22" t="s">
        <v>268</v>
      </c>
      <c r="AB15" s="16">
        <v>3871</v>
      </c>
      <c r="AC15" s="22" t="s">
        <v>268</v>
      </c>
      <c r="AD15" s="22" t="s">
        <v>268</v>
      </c>
    </row>
    <row r="16" spans="1:30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632</v>
      </c>
      <c r="F16" s="21" t="s">
        <v>409</v>
      </c>
      <c r="G16" s="16">
        <v>360118</v>
      </c>
      <c r="H16" s="16">
        <v>42111</v>
      </c>
      <c r="I16" s="16">
        <v>36759</v>
      </c>
      <c r="J16" s="22" t="s">
        <v>268</v>
      </c>
      <c r="K16" s="16">
        <v>279</v>
      </c>
      <c r="L16" s="16">
        <v>3961</v>
      </c>
      <c r="M16" s="16">
        <v>32519</v>
      </c>
      <c r="N16" s="16">
        <v>5352</v>
      </c>
      <c r="O16" s="22" t="s">
        <v>268</v>
      </c>
      <c r="P16" s="16">
        <v>2</v>
      </c>
      <c r="Q16" s="16">
        <v>3</v>
      </c>
      <c r="R16" s="16">
        <v>7</v>
      </c>
      <c r="S16" s="16">
        <v>21</v>
      </c>
      <c r="T16" s="16">
        <v>1923</v>
      </c>
      <c r="U16" s="16">
        <v>28</v>
      </c>
      <c r="V16" s="16">
        <v>233</v>
      </c>
      <c r="W16" s="22" t="s">
        <v>268</v>
      </c>
      <c r="X16" s="16">
        <v>3135</v>
      </c>
      <c r="Y16" s="16">
        <v>3878</v>
      </c>
      <c r="Z16" s="16">
        <v>314129</v>
      </c>
      <c r="AA16" s="22" t="s">
        <v>268</v>
      </c>
      <c r="AB16" s="16">
        <v>4931</v>
      </c>
      <c r="AC16" s="22" t="s">
        <v>268</v>
      </c>
      <c r="AD16" s="22" t="s">
        <v>268</v>
      </c>
    </row>
    <row r="17" spans="1:30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632</v>
      </c>
      <c r="F17" s="21" t="s">
        <v>410</v>
      </c>
      <c r="G17" s="16">
        <v>349050</v>
      </c>
      <c r="H17" s="16">
        <v>57108</v>
      </c>
      <c r="I17" s="16">
        <v>49954</v>
      </c>
      <c r="J17" s="22" t="s">
        <v>268</v>
      </c>
      <c r="K17" s="16">
        <v>370</v>
      </c>
      <c r="L17" s="16">
        <v>6736</v>
      </c>
      <c r="M17" s="16">
        <v>42848</v>
      </c>
      <c r="N17" s="16">
        <v>7154</v>
      </c>
      <c r="O17" s="22" t="s">
        <v>268</v>
      </c>
      <c r="P17" s="16">
        <v>24</v>
      </c>
      <c r="Q17" s="16">
        <v>4</v>
      </c>
      <c r="R17" s="16">
        <v>56</v>
      </c>
      <c r="S17" s="16">
        <v>27</v>
      </c>
      <c r="T17" s="16">
        <v>2381</v>
      </c>
      <c r="U17" s="16">
        <v>56</v>
      </c>
      <c r="V17" s="16">
        <v>224</v>
      </c>
      <c r="W17" s="16">
        <v>2</v>
      </c>
      <c r="X17" s="16">
        <v>4380</v>
      </c>
      <c r="Y17" s="16">
        <v>4632</v>
      </c>
      <c r="Z17" s="16">
        <v>287310</v>
      </c>
      <c r="AA17" s="22" t="s">
        <v>268</v>
      </c>
      <c r="AB17" s="16">
        <v>6638</v>
      </c>
      <c r="AC17" s="22" t="s">
        <v>268</v>
      </c>
      <c r="AD17" s="22" t="s">
        <v>268</v>
      </c>
    </row>
    <row r="18" spans="1:30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632</v>
      </c>
      <c r="F18" s="21" t="s">
        <v>411</v>
      </c>
      <c r="G18" s="16">
        <v>395259</v>
      </c>
      <c r="H18" s="16">
        <v>75958</v>
      </c>
      <c r="I18" s="16">
        <v>65861</v>
      </c>
      <c r="J18" s="22" t="s">
        <v>268</v>
      </c>
      <c r="K18" s="16">
        <v>406</v>
      </c>
      <c r="L18" s="16">
        <v>10891</v>
      </c>
      <c r="M18" s="16">
        <v>54564</v>
      </c>
      <c r="N18" s="16">
        <v>10097</v>
      </c>
      <c r="O18" s="22" t="s">
        <v>268</v>
      </c>
      <c r="P18" s="16">
        <v>73</v>
      </c>
      <c r="Q18" s="16">
        <v>3</v>
      </c>
      <c r="R18" s="16">
        <v>227</v>
      </c>
      <c r="S18" s="16">
        <v>34</v>
      </c>
      <c r="T18" s="16">
        <v>2772</v>
      </c>
      <c r="U18" s="16">
        <v>121</v>
      </c>
      <c r="V18" s="16">
        <v>225</v>
      </c>
      <c r="W18" s="16">
        <v>5</v>
      </c>
      <c r="X18" s="16">
        <v>6637</v>
      </c>
      <c r="Y18" s="16">
        <v>5768</v>
      </c>
      <c r="Z18" s="16">
        <v>313533</v>
      </c>
      <c r="AA18" s="22" t="s">
        <v>268</v>
      </c>
      <c r="AB18" s="16">
        <v>9293</v>
      </c>
      <c r="AC18" s="22" t="s">
        <v>268</v>
      </c>
      <c r="AD18" s="22" t="s">
        <v>268</v>
      </c>
    </row>
    <row r="19" spans="1:30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632</v>
      </c>
      <c r="F19" s="21" t="s">
        <v>412</v>
      </c>
      <c r="G19" s="16">
        <v>344052</v>
      </c>
      <c r="H19" s="16">
        <v>68039</v>
      </c>
      <c r="I19" s="16">
        <v>58136</v>
      </c>
      <c r="J19" s="22" t="s">
        <v>268</v>
      </c>
      <c r="K19" s="16">
        <v>297</v>
      </c>
      <c r="L19" s="16">
        <v>11810</v>
      </c>
      <c r="M19" s="16">
        <v>46029</v>
      </c>
      <c r="N19" s="16">
        <v>9903</v>
      </c>
      <c r="O19" s="22" t="s">
        <v>268</v>
      </c>
      <c r="P19" s="16">
        <v>256</v>
      </c>
      <c r="Q19" s="22" t="s">
        <v>268</v>
      </c>
      <c r="R19" s="16">
        <v>591</v>
      </c>
      <c r="S19" s="16">
        <v>32</v>
      </c>
      <c r="T19" s="16">
        <v>1685</v>
      </c>
      <c r="U19" s="16">
        <v>157</v>
      </c>
      <c r="V19" s="16">
        <v>302</v>
      </c>
      <c r="W19" s="16">
        <v>6</v>
      </c>
      <c r="X19" s="16">
        <v>6874</v>
      </c>
      <c r="Y19" s="16">
        <v>5434</v>
      </c>
      <c r="Z19" s="16">
        <v>270579</v>
      </c>
      <c r="AA19" s="22" t="s">
        <v>268</v>
      </c>
      <c r="AB19" s="16">
        <v>8988</v>
      </c>
      <c r="AC19" s="22" t="s">
        <v>268</v>
      </c>
      <c r="AD19" s="22" t="s">
        <v>268</v>
      </c>
    </row>
    <row r="20" spans="1:30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632</v>
      </c>
      <c r="F20" s="21" t="s">
        <v>413</v>
      </c>
      <c r="G20" s="16">
        <v>260272</v>
      </c>
      <c r="H20" s="16">
        <v>49757</v>
      </c>
      <c r="I20" s="16">
        <v>40959</v>
      </c>
      <c r="J20" s="22" t="s">
        <v>268</v>
      </c>
      <c r="K20" s="16">
        <v>129</v>
      </c>
      <c r="L20" s="16">
        <v>9828</v>
      </c>
      <c r="M20" s="16">
        <v>31002</v>
      </c>
      <c r="N20" s="16">
        <v>8798</v>
      </c>
      <c r="O20" s="22" t="s">
        <v>268</v>
      </c>
      <c r="P20" s="16">
        <v>349</v>
      </c>
      <c r="Q20" s="22" t="s">
        <v>268</v>
      </c>
      <c r="R20" s="16">
        <v>1142</v>
      </c>
      <c r="S20" s="16">
        <v>26</v>
      </c>
      <c r="T20" s="16">
        <v>707</v>
      </c>
      <c r="U20" s="16">
        <v>173</v>
      </c>
      <c r="V20" s="16">
        <v>341</v>
      </c>
      <c r="W20" s="16">
        <v>4</v>
      </c>
      <c r="X20" s="16">
        <v>6056</v>
      </c>
      <c r="Y20" s="16">
        <v>4024</v>
      </c>
      <c r="Z20" s="16">
        <v>206491</v>
      </c>
      <c r="AA20" s="22" t="s">
        <v>268</v>
      </c>
      <c r="AB20" s="16">
        <v>7733</v>
      </c>
      <c r="AC20" s="22" t="s">
        <v>268</v>
      </c>
      <c r="AD20" s="22" t="s">
        <v>268</v>
      </c>
    </row>
    <row r="21" spans="1:30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632</v>
      </c>
      <c r="F21" s="21" t="s">
        <v>414</v>
      </c>
      <c r="G21" s="16">
        <v>197894</v>
      </c>
      <c r="H21" s="16">
        <v>36886</v>
      </c>
      <c r="I21" s="16">
        <v>28501</v>
      </c>
      <c r="J21" s="22" t="s">
        <v>268</v>
      </c>
      <c r="K21" s="16">
        <v>40</v>
      </c>
      <c r="L21" s="16">
        <v>7492</v>
      </c>
      <c r="M21" s="16">
        <v>20969</v>
      </c>
      <c r="N21" s="16">
        <v>8385</v>
      </c>
      <c r="O21" s="22" t="s">
        <v>268</v>
      </c>
      <c r="P21" s="16">
        <v>562</v>
      </c>
      <c r="Q21" s="22" t="s">
        <v>268</v>
      </c>
      <c r="R21" s="16">
        <v>2132</v>
      </c>
      <c r="S21" s="16">
        <v>32</v>
      </c>
      <c r="T21" s="16">
        <v>225</v>
      </c>
      <c r="U21" s="16">
        <v>168</v>
      </c>
      <c r="V21" s="16">
        <v>408</v>
      </c>
      <c r="W21" s="16">
        <v>5</v>
      </c>
      <c r="X21" s="16">
        <v>4853</v>
      </c>
      <c r="Y21" s="16">
        <v>3015</v>
      </c>
      <c r="Z21" s="16">
        <v>157993</v>
      </c>
      <c r="AA21" s="22" t="s">
        <v>268</v>
      </c>
      <c r="AB21" s="16">
        <v>7141</v>
      </c>
      <c r="AC21" s="22" t="s">
        <v>268</v>
      </c>
      <c r="AD21" s="22" t="s">
        <v>268</v>
      </c>
    </row>
    <row r="22" spans="1:30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632</v>
      </c>
      <c r="F22" s="21" t="s">
        <v>415</v>
      </c>
      <c r="G22" s="16">
        <v>202273</v>
      </c>
      <c r="H22" s="16">
        <v>38643</v>
      </c>
      <c r="I22" s="16">
        <v>27739</v>
      </c>
      <c r="J22" s="22" t="s">
        <v>268</v>
      </c>
      <c r="K22" s="16">
        <v>13</v>
      </c>
      <c r="L22" s="16">
        <v>7339</v>
      </c>
      <c r="M22" s="16">
        <v>20387</v>
      </c>
      <c r="N22" s="16">
        <v>10904</v>
      </c>
      <c r="O22" s="22" t="s">
        <v>268</v>
      </c>
      <c r="P22" s="16">
        <v>918</v>
      </c>
      <c r="Q22" s="22" t="s">
        <v>268</v>
      </c>
      <c r="R22" s="16">
        <v>3945</v>
      </c>
      <c r="S22" s="16">
        <v>25</v>
      </c>
      <c r="T22" s="16">
        <v>77</v>
      </c>
      <c r="U22" s="16">
        <v>170</v>
      </c>
      <c r="V22" s="16">
        <v>468</v>
      </c>
      <c r="W22" s="16">
        <v>14</v>
      </c>
      <c r="X22" s="16">
        <v>5287</v>
      </c>
      <c r="Y22" s="16">
        <v>2797</v>
      </c>
      <c r="Z22" s="16">
        <v>160833</v>
      </c>
      <c r="AA22" s="22" t="s">
        <v>268</v>
      </c>
      <c r="AB22" s="16">
        <v>8969</v>
      </c>
      <c r="AC22" s="22" t="s">
        <v>268</v>
      </c>
      <c r="AD22" s="16">
        <v>160833</v>
      </c>
    </row>
    <row r="23" spans="1:30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632</v>
      </c>
      <c r="F23" s="21" t="s">
        <v>416</v>
      </c>
      <c r="G23" s="16">
        <v>238966</v>
      </c>
      <c r="H23" s="16">
        <v>51928</v>
      </c>
      <c r="I23" s="16">
        <v>36316</v>
      </c>
      <c r="J23" s="22" t="s">
        <v>268</v>
      </c>
      <c r="K23" s="16">
        <v>9</v>
      </c>
      <c r="L23" s="16">
        <v>8705</v>
      </c>
      <c r="M23" s="16">
        <v>27602</v>
      </c>
      <c r="N23" s="16">
        <v>15612</v>
      </c>
      <c r="O23" s="22" t="s">
        <v>268</v>
      </c>
      <c r="P23" s="16">
        <v>1687</v>
      </c>
      <c r="Q23" s="22" t="s">
        <v>268</v>
      </c>
      <c r="R23" s="16">
        <v>6363</v>
      </c>
      <c r="S23" s="16">
        <v>38</v>
      </c>
      <c r="T23" s="16">
        <v>34</v>
      </c>
      <c r="U23" s="16">
        <v>214</v>
      </c>
      <c r="V23" s="16">
        <v>575</v>
      </c>
      <c r="W23" s="16">
        <v>21</v>
      </c>
      <c r="X23" s="16">
        <v>6680</v>
      </c>
      <c r="Y23" s="16">
        <v>3130</v>
      </c>
      <c r="Z23" s="16">
        <v>183908</v>
      </c>
      <c r="AA23" s="22" t="s">
        <v>268</v>
      </c>
      <c r="AB23" s="16">
        <v>12394</v>
      </c>
      <c r="AC23" s="22" t="s">
        <v>268</v>
      </c>
      <c r="AD23" s="16">
        <v>183908</v>
      </c>
    </row>
    <row r="24" spans="1:30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632</v>
      </c>
      <c r="F24" s="21" t="s">
        <v>417</v>
      </c>
      <c r="G24" s="16">
        <v>207488</v>
      </c>
      <c r="H24" s="16">
        <v>54832</v>
      </c>
      <c r="I24" s="16">
        <v>37959</v>
      </c>
      <c r="J24" s="22" t="s">
        <v>268</v>
      </c>
      <c r="K24" s="22" t="s">
        <v>268</v>
      </c>
      <c r="L24" s="16">
        <v>8293</v>
      </c>
      <c r="M24" s="16">
        <v>29666</v>
      </c>
      <c r="N24" s="16">
        <v>16873</v>
      </c>
      <c r="O24" s="22" t="s">
        <v>268</v>
      </c>
      <c r="P24" s="16">
        <v>2428</v>
      </c>
      <c r="Q24" s="22" t="s">
        <v>268</v>
      </c>
      <c r="R24" s="16">
        <v>6930</v>
      </c>
      <c r="S24" s="16">
        <v>47</v>
      </c>
      <c r="T24" s="16">
        <v>24</v>
      </c>
      <c r="U24" s="16">
        <v>257</v>
      </c>
      <c r="V24" s="16">
        <v>574</v>
      </c>
      <c r="W24" s="16">
        <v>34</v>
      </c>
      <c r="X24" s="16">
        <v>6579</v>
      </c>
      <c r="Y24" s="16">
        <v>2145</v>
      </c>
      <c r="Z24" s="16">
        <v>150511</v>
      </c>
      <c r="AA24" s="22" t="s">
        <v>268</v>
      </c>
      <c r="AB24" s="16">
        <v>12744</v>
      </c>
      <c r="AC24" s="22" t="s">
        <v>268</v>
      </c>
      <c r="AD24" s="16">
        <v>150511</v>
      </c>
    </row>
    <row r="25" spans="1:30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632</v>
      </c>
      <c r="F25" s="21" t="s">
        <v>418</v>
      </c>
      <c r="G25" s="16">
        <v>186835</v>
      </c>
      <c r="H25" s="16">
        <v>55626</v>
      </c>
      <c r="I25" s="16">
        <v>36449</v>
      </c>
      <c r="J25" s="22" t="s">
        <v>268</v>
      </c>
      <c r="K25" s="16">
        <v>1</v>
      </c>
      <c r="L25" s="16">
        <v>7407</v>
      </c>
      <c r="M25" s="16">
        <v>29041</v>
      </c>
      <c r="N25" s="16">
        <v>19177</v>
      </c>
      <c r="O25" s="22" t="s">
        <v>268</v>
      </c>
      <c r="P25" s="16">
        <v>3924</v>
      </c>
      <c r="Q25" s="22" t="s">
        <v>268</v>
      </c>
      <c r="R25" s="16">
        <v>7831</v>
      </c>
      <c r="S25" s="16">
        <v>43</v>
      </c>
      <c r="T25" s="16">
        <v>37</v>
      </c>
      <c r="U25" s="16">
        <v>309</v>
      </c>
      <c r="V25" s="16">
        <v>776</v>
      </c>
      <c r="W25" s="16">
        <v>31</v>
      </c>
      <c r="X25" s="16">
        <v>6226</v>
      </c>
      <c r="Y25" s="16">
        <v>1679</v>
      </c>
      <c r="Z25" s="16">
        <v>129530</v>
      </c>
      <c r="AA25" s="22" t="s">
        <v>268</v>
      </c>
      <c r="AB25" s="16">
        <v>13695</v>
      </c>
      <c r="AC25" s="22" t="s">
        <v>268</v>
      </c>
      <c r="AD25" s="16">
        <v>129530</v>
      </c>
    </row>
    <row r="26" spans="1:30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632</v>
      </c>
      <c r="F26" s="21" t="s">
        <v>419</v>
      </c>
      <c r="G26" s="16">
        <v>142998</v>
      </c>
      <c r="H26" s="16">
        <v>48028</v>
      </c>
      <c r="I26" s="16">
        <v>27487</v>
      </c>
      <c r="J26" s="22" t="s">
        <v>268</v>
      </c>
      <c r="K26" s="22" t="s">
        <v>268</v>
      </c>
      <c r="L26" s="16">
        <v>4929</v>
      </c>
      <c r="M26" s="16">
        <v>22558</v>
      </c>
      <c r="N26" s="16">
        <v>20541</v>
      </c>
      <c r="O26" s="22" t="s">
        <v>268</v>
      </c>
      <c r="P26" s="16">
        <v>6319</v>
      </c>
      <c r="Q26" s="22" t="s">
        <v>268</v>
      </c>
      <c r="R26" s="16">
        <v>7547</v>
      </c>
      <c r="S26" s="16">
        <v>61</v>
      </c>
      <c r="T26" s="16">
        <v>53</v>
      </c>
      <c r="U26" s="16">
        <v>439</v>
      </c>
      <c r="V26" s="16">
        <v>1034</v>
      </c>
      <c r="W26" s="16">
        <v>35</v>
      </c>
      <c r="X26" s="16">
        <v>5053</v>
      </c>
      <c r="Y26" s="16">
        <v>1147</v>
      </c>
      <c r="Z26" s="16">
        <v>93823</v>
      </c>
      <c r="AA26" s="22" t="s">
        <v>268</v>
      </c>
      <c r="AB26" s="16">
        <v>12871</v>
      </c>
      <c r="AC26" s="22" t="s">
        <v>268</v>
      </c>
      <c r="AD26" s="16">
        <v>93823</v>
      </c>
    </row>
    <row r="27" spans="1:30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632</v>
      </c>
      <c r="F27" s="21" t="s">
        <v>420</v>
      </c>
      <c r="G27" s="16">
        <v>67727</v>
      </c>
      <c r="H27" s="16">
        <v>27708</v>
      </c>
      <c r="I27" s="16">
        <v>12968</v>
      </c>
      <c r="J27" s="22" t="s">
        <v>268</v>
      </c>
      <c r="K27" s="22" t="s">
        <v>268</v>
      </c>
      <c r="L27" s="16">
        <v>1947</v>
      </c>
      <c r="M27" s="16">
        <v>11021</v>
      </c>
      <c r="N27" s="16">
        <v>14740</v>
      </c>
      <c r="O27" s="22" t="s">
        <v>268</v>
      </c>
      <c r="P27" s="16">
        <v>6139</v>
      </c>
      <c r="Q27" s="22" t="s">
        <v>268</v>
      </c>
      <c r="R27" s="16">
        <v>4454</v>
      </c>
      <c r="S27" s="16">
        <v>52</v>
      </c>
      <c r="T27" s="16">
        <v>65</v>
      </c>
      <c r="U27" s="16">
        <v>362</v>
      </c>
      <c r="V27" s="16">
        <v>925</v>
      </c>
      <c r="W27" s="16">
        <v>35</v>
      </c>
      <c r="X27" s="16">
        <v>2708</v>
      </c>
      <c r="Y27" s="16">
        <v>867</v>
      </c>
      <c r="Z27" s="16">
        <v>39152</v>
      </c>
      <c r="AA27" s="22" t="s">
        <v>268</v>
      </c>
      <c r="AB27" s="16">
        <v>7810</v>
      </c>
      <c r="AC27" s="22" t="s">
        <v>268</v>
      </c>
      <c r="AD27" s="16">
        <v>39152</v>
      </c>
    </row>
    <row r="28" spans="1:30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632</v>
      </c>
      <c r="F28" s="21" t="s">
        <v>421</v>
      </c>
      <c r="G28" s="16">
        <v>16021</v>
      </c>
      <c r="H28" s="16">
        <v>8839</v>
      </c>
      <c r="I28" s="16">
        <v>3647</v>
      </c>
      <c r="J28" s="22" t="s">
        <v>268</v>
      </c>
      <c r="K28" s="22" t="s">
        <v>268</v>
      </c>
      <c r="L28" s="16">
        <v>416</v>
      </c>
      <c r="M28" s="16">
        <v>3231</v>
      </c>
      <c r="N28" s="16">
        <v>5192</v>
      </c>
      <c r="O28" s="22" t="s">
        <v>268</v>
      </c>
      <c r="P28" s="16">
        <v>2582</v>
      </c>
      <c r="Q28" s="22" t="s">
        <v>268</v>
      </c>
      <c r="R28" s="16">
        <v>1335</v>
      </c>
      <c r="S28" s="16">
        <v>16</v>
      </c>
      <c r="T28" s="16">
        <v>18</v>
      </c>
      <c r="U28" s="16">
        <v>128</v>
      </c>
      <c r="V28" s="16">
        <v>338</v>
      </c>
      <c r="W28" s="16">
        <v>5</v>
      </c>
      <c r="X28" s="16">
        <v>770</v>
      </c>
      <c r="Y28" s="16">
        <v>179</v>
      </c>
      <c r="Z28" s="16">
        <v>7003</v>
      </c>
      <c r="AA28" s="22" t="s">
        <v>268</v>
      </c>
      <c r="AB28" s="16">
        <v>2404</v>
      </c>
      <c r="AC28" s="22" t="s">
        <v>268</v>
      </c>
      <c r="AD28" s="16">
        <v>7003</v>
      </c>
    </row>
    <row r="29" spans="1:30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632</v>
      </c>
      <c r="F29" s="21" t="s">
        <v>422</v>
      </c>
      <c r="G29" s="16">
        <v>2578</v>
      </c>
      <c r="H29" s="16">
        <v>1645</v>
      </c>
      <c r="I29" s="16">
        <v>641</v>
      </c>
      <c r="J29" s="22" t="s">
        <v>268</v>
      </c>
      <c r="K29" s="22" t="s">
        <v>268</v>
      </c>
      <c r="L29" s="16">
        <v>52</v>
      </c>
      <c r="M29" s="16">
        <v>589</v>
      </c>
      <c r="N29" s="16">
        <v>1004</v>
      </c>
      <c r="O29" s="22" t="s">
        <v>268</v>
      </c>
      <c r="P29" s="16">
        <v>519</v>
      </c>
      <c r="Q29" s="22" t="s">
        <v>268</v>
      </c>
      <c r="R29" s="16">
        <v>231</v>
      </c>
      <c r="S29" s="16">
        <v>3</v>
      </c>
      <c r="T29" s="16">
        <v>5</v>
      </c>
      <c r="U29" s="16">
        <v>20</v>
      </c>
      <c r="V29" s="16">
        <v>71</v>
      </c>
      <c r="W29" s="22" t="s">
        <v>268</v>
      </c>
      <c r="X29" s="16">
        <v>155</v>
      </c>
      <c r="Y29" s="16">
        <v>28</v>
      </c>
      <c r="Z29" s="16">
        <v>905</v>
      </c>
      <c r="AA29" s="22" t="s">
        <v>268</v>
      </c>
      <c r="AB29" s="16">
        <v>459</v>
      </c>
      <c r="AC29" s="22" t="s">
        <v>268</v>
      </c>
      <c r="AD29" s="16">
        <v>905</v>
      </c>
    </row>
    <row r="30" spans="1:30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632</v>
      </c>
      <c r="F30" s="21" t="s">
        <v>423</v>
      </c>
      <c r="G30" s="16">
        <v>2872447</v>
      </c>
      <c r="H30" s="22" t="s">
        <v>268</v>
      </c>
      <c r="I30" s="22" t="s">
        <v>268</v>
      </c>
      <c r="J30" s="22" t="s">
        <v>268</v>
      </c>
      <c r="K30" s="22" t="s">
        <v>268</v>
      </c>
      <c r="L30" s="22" t="s">
        <v>268</v>
      </c>
      <c r="M30" s="22" t="s">
        <v>268</v>
      </c>
      <c r="N30" s="22" t="s">
        <v>268</v>
      </c>
      <c r="O30" s="22" t="s">
        <v>268</v>
      </c>
      <c r="P30" s="22" t="s">
        <v>268</v>
      </c>
      <c r="Q30" s="22" t="s">
        <v>268</v>
      </c>
      <c r="R30" s="22" t="s">
        <v>268</v>
      </c>
      <c r="S30" s="22" t="s">
        <v>268</v>
      </c>
      <c r="T30" s="22" t="s">
        <v>268</v>
      </c>
      <c r="U30" s="22" t="s">
        <v>268</v>
      </c>
      <c r="V30" s="22" t="s">
        <v>268</v>
      </c>
      <c r="W30" s="22" t="s">
        <v>268</v>
      </c>
      <c r="X30" s="22" t="s">
        <v>268</v>
      </c>
      <c r="Y30" s="22" t="s">
        <v>268</v>
      </c>
      <c r="Z30" s="16">
        <v>2402603</v>
      </c>
      <c r="AA30" s="16">
        <v>469844</v>
      </c>
      <c r="AB30" s="22" t="s">
        <v>268</v>
      </c>
      <c r="AC30" s="22" t="s">
        <v>268</v>
      </c>
      <c r="AD30" s="22" t="s">
        <v>268</v>
      </c>
    </row>
    <row r="31" spans="1:30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632</v>
      </c>
      <c r="F31" s="21" t="s">
        <v>386</v>
      </c>
      <c r="G31" s="22" t="s">
        <v>268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22" t="s">
        <v>268</v>
      </c>
      <c r="M31" s="22" t="s">
        <v>268</v>
      </c>
      <c r="N31" s="22" t="s">
        <v>268</v>
      </c>
      <c r="O31" s="22" t="s">
        <v>268</v>
      </c>
      <c r="P31" s="22" t="s">
        <v>268</v>
      </c>
      <c r="Q31" s="22" t="s">
        <v>268</v>
      </c>
      <c r="R31" s="22" t="s">
        <v>268</v>
      </c>
      <c r="S31" s="22" t="s">
        <v>268</v>
      </c>
      <c r="T31" s="22" t="s">
        <v>268</v>
      </c>
      <c r="U31" s="22" t="s">
        <v>268</v>
      </c>
      <c r="V31" s="22" t="s">
        <v>268</v>
      </c>
      <c r="W31" s="22" t="s">
        <v>268</v>
      </c>
      <c r="X31" s="22" t="s">
        <v>268</v>
      </c>
      <c r="Y31" s="22" t="s">
        <v>268</v>
      </c>
      <c r="Z31" s="22" t="s">
        <v>268</v>
      </c>
      <c r="AA31" s="22" t="s">
        <v>268</v>
      </c>
      <c r="AB31" s="22" t="s">
        <v>268</v>
      </c>
      <c r="AC31" s="22" t="s">
        <v>268</v>
      </c>
      <c r="AD31" s="22" t="s">
        <v>268</v>
      </c>
    </row>
    <row r="32" spans="1:30">
      <c r="A32" s="21" t="s">
        <v>232</v>
      </c>
      <c r="B32" s="21" t="s">
        <v>233</v>
      </c>
      <c r="C32" s="21" t="s">
        <v>262</v>
      </c>
      <c r="D32" s="21" t="s">
        <v>214</v>
      </c>
      <c r="E32" s="21" t="s">
        <v>632</v>
      </c>
      <c r="F32" s="21" t="s">
        <v>387</v>
      </c>
      <c r="G32" s="16">
        <v>3236971</v>
      </c>
      <c r="H32" s="16">
        <v>386073</v>
      </c>
      <c r="I32" s="16">
        <v>325549</v>
      </c>
      <c r="J32" s="22" t="s">
        <v>268</v>
      </c>
      <c r="K32" s="16">
        <v>2699</v>
      </c>
      <c r="L32" s="16">
        <v>54592</v>
      </c>
      <c r="M32" s="16">
        <v>268258</v>
      </c>
      <c r="N32" s="16">
        <v>60524</v>
      </c>
      <c r="O32" s="22" t="s">
        <v>268</v>
      </c>
      <c r="P32" s="16">
        <v>1266</v>
      </c>
      <c r="Q32" s="16">
        <v>19</v>
      </c>
      <c r="R32" s="16">
        <v>4204</v>
      </c>
      <c r="S32" s="16">
        <v>295</v>
      </c>
      <c r="T32" s="16">
        <v>13068</v>
      </c>
      <c r="U32" s="16">
        <v>802</v>
      </c>
      <c r="V32" s="16">
        <v>2425</v>
      </c>
      <c r="W32" s="16">
        <v>25</v>
      </c>
      <c r="X32" s="16">
        <v>38420</v>
      </c>
      <c r="Y32" s="16">
        <v>37425</v>
      </c>
      <c r="Z32" s="16">
        <v>2813473</v>
      </c>
      <c r="AA32" s="22" t="s">
        <v>268</v>
      </c>
      <c r="AB32" s="16">
        <v>54593</v>
      </c>
      <c r="AC32" s="22" t="s">
        <v>268</v>
      </c>
      <c r="AD32" s="22" t="s">
        <v>268</v>
      </c>
    </row>
    <row r="33" spans="1:30">
      <c r="A33" s="21" t="s">
        <v>232</v>
      </c>
      <c r="B33" s="21" t="s">
        <v>233</v>
      </c>
      <c r="C33" s="21" t="s">
        <v>262</v>
      </c>
      <c r="D33" s="21" t="s">
        <v>214</v>
      </c>
      <c r="E33" s="21" t="s">
        <v>632</v>
      </c>
      <c r="F33" s="21" t="s">
        <v>388</v>
      </c>
      <c r="G33" s="16">
        <v>1064886</v>
      </c>
      <c r="H33" s="16">
        <v>287249</v>
      </c>
      <c r="I33" s="16">
        <v>183206</v>
      </c>
      <c r="J33" s="22" t="s">
        <v>268</v>
      </c>
      <c r="K33" s="16">
        <v>23</v>
      </c>
      <c r="L33" s="16">
        <v>39088</v>
      </c>
      <c r="M33" s="16">
        <v>144095</v>
      </c>
      <c r="N33" s="16">
        <v>104043</v>
      </c>
      <c r="O33" s="22" t="s">
        <v>268</v>
      </c>
      <c r="P33" s="16">
        <v>24516</v>
      </c>
      <c r="Q33" s="22" t="s">
        <v>268</v>
      </c>
      <c r="R33" s="16">
        <v>38636</v>
      </c>
      <c r="S33" s="16">
        <v>285</v>
      </c>
      <c r="T33" s="16">
        <v>313</v>
      </c>
      <c r="U33" s="16">
        <v>1899</v>
      </c>
      <c r="V33" s="16">
        <v>4761</v>
      </c>
      <c r="W33" s="16">
        <v>175</v>
      </c>
      <c r="X33" s="16">
        <v>33458</v>
      </c>
      <c r="Y33" s="16">
        <v>11972</v>
      </c>
      <c r="Z33" s="16">
        <v>765665</v>
      </c>
      <c r="AA33" s="22" t="s">
        <v>268</v>
      </c>
      <c r="AB33" s="16">
        <v>71346</v>
      </c>
      <c r="AC33" s="22" t="s">
        <v>268</v>
      </c>
      <c r="AD33" s="16">
        <v>765665</v>
      </c>
    </row>
    <row r="34" spans="1:30">
      <c r="A34" s="21" t="s">
        <v>232</v>
      </c>
      <c r="B34" s="21" t="s">
        <v>233</v>
      </c>
      <c r="C34" s="21" t="s">
        <v>262</v>
      </c>
      <c r="D34" s="21" t="s">
        <v>214</v>
      </c>
      <c r="E34" s="21" t="s">
        <v>632</v>
      </c>
      <c r="F34" s="21" t="s">
        <v>389</v>
      </c>
      <c r="G34" s="16">
        <v>623647</v>
      </c>
      <c r="H34" s="16">
        <v>196678</v>
      </c>
      <c r="I34" s="16">
        <v>119151</v>
      </c>
      <c r="J34" s="22" t="s">
        <v>268</v>
      </c>
      <c r="K34" s="16">
        <v>1</v>
      </c>
      <c r="L34" s="16">
        <v>23044</v>
      </c>
      <c r="M34" s="16">
        <v>96106</v>
      </c>
      <c r="N34" s="16">
        <v>77527</v>
      </c>
      <c r="O34" s="22" t="s">
        <v>268</v>
      </c>
      <c r="P34" s="16">
        <v>21911</v>
      </c>
      <c r="Q34" s="22" t="s">
        <v>268</v>
      </c>
      <c r="R34" s="16">
        <v>28328</v>
      </c>
      <c r="S34" s="16">
        <v>222</v>
      </c>
      <c r="T34" s="16">
        <v>202</v>
      </c>
      <c r="U34" s="16">
        <v>1515</v>
      </c>
      <c r="V34" s="16">
        <v>3718</v>
      </c>
      <c r="W34" s="16">
        <v>140</v>
      </c>
      <c r="X34" s="16">
        <v>21491</v>
      </c>
      <c r="Y34" s="16">
        <v>6045</v>
      </c>
      <c r="Z34" s="16">
        <v>420924</v>
      </c>
      <c r="AA34" s="22" t="s">
        <v>268</v>
      </c>
      <c r="AB34" s="16">
        <v>49983</v>
      </c>
      <c r="AC34" s="22" t="s">
        <v>268</v>
      </c>
      <c r="AD34" s="16">
        <v>420924</v>
      </c>
    </row>
    <row r="35" spans="1:30">
      <c r="A35" s="21" t="s">
        <v>232</v>
      </c>
      <c r="B35" s="21" t="s">
        <v>233</v>
      </c>
      <c r="C35" s="21" t="s">
        <v>262</v>
      </c>
      <c r="D35" s="21" t="s">
        <v>214</v>
      </c>
      <c r="E35" s="21" t="s">
        <v>632</v>
      </c>
      <c r="F35" s="21" t="s">
        <v>390</v>
      </c>
      <c r="G35" s="16">
        <v>229324</v>
      </c>
      <c r="H35" s="16">
        <v>86220</v>
      </c>
      <c r="I35" s="16">
        <v>44743</v>
      </c>
      <c r="J35" s="22" t="s">
        <v>268</v>
      </c>
      <c r="K35" s="22" t="s">
        <v>268</v>
      </c>
      <c r="L35" s="16">
        <v>7344</v>
      </c>
      <c r="M35" s="16">
        <v>37399</v>
      </c>
      <c r="N35" s="16">
        <v>41477</v>
      </c>
      <c r="O35" s="22" t="s">
        <v>268</v>
      </c>
      <c r="P35" s="16">
        <v>15559</v>
      </c>
      <c r="Q35" s="22" t="s">
        <v>268</v>
      </c>
      <c r="R35" s="16">
        <v>13567</v>
      </c>
      <c r="S35" s="16">
        <v>132</v>
      </c>
      <c r="T35" s="16">
        <v>141</v>
      </c>
      <c r="U35" s="16">
        <v>949</v>
      </c>
      <c r="V35" s="16">
        <v>2368</v>
      </c>
      <c r="W35" s="16">
        <v>75</v>
      </c>
      <c r="X35" s="16">
        <v>8686</v>
      </c>
      <c r="Y35" s="16">
        <v>2221</v>
      </c>
      <c r="Z35" s="16">
        <v>140883</v>
      </c>
      <c r="AA35" s="22" t="s">
        <v>268</v>
      </c>
      <c r="AB35" s="16">
        <v>23544</v>
      </c>
      <c r="AC35" s="22" t="s">
        <v>268</v>
      </c>
      <c r="AD35" s="16">
        <v>140883</v>
      </c>
    </row>
    <row r="36" spans="1:30">
      <c r="A36" s="21" t="s">
        <v>232</v>
      </c>
      <c r="B36" s="21" t="s">
        <v>233</v>
      </c>
      <c r="C36" s="21" t="s">
        <v>262</v>
      </c>
      <c r="D36" s="21" t="s">
        <v>214</v>
      </c>
      <c r="E36" s="21" t="s">
        <v>632</v>
      </c>
      <c r="F36" s="21" t="s">
        <v>391</v>
      </c>
      <c r="G36" s="16">
        <v>3408822</v>
      </c>
      <c r="H36" s="16">
        <v>423109</v>
      </c>
      <c r="I36" s="16">
        <v>352326</v>
      </c>
      <c r="J36" s="22" t="s">
        <v>268</v>
      </c>
      <c r="K36" s="16">
        <v>2668</v>
      </c>
      <c r="L36" s="16">
        <v>61921</v>
      </c>
      <c r="M36" s="16">
        <v>287737</v>
      </c>
      <c r="N36" s="16">
        <v>70783</v>
      </c>
      <c r="O36" s="22" t="s">
        <v>268</v>
      </c>
      <c r="P36" s="16">
        <v>2184</v>
      </c>
      <c r="Q36" s="16">
        <v>17</v>
      </c>
      <c r="R36" s="16">
        <v>8141</v>
      </c>
      <c r="S36" s="16">
        <v>311</v>
      </c>
      <c r="T36" s="16">
        <v>12967</v>
      </c>
      <c r="U36" s="16">
        <v>950</v>
      </c>
      <c r="V36" s="16">
        <v>2840</v>
      </c>
      <c r="W36" s="16">
        <v>39</v>
      </c>
      <c r="X36" s="16">
        <v>43334</v>
      </c>
      <c r="Y36" s="16">
        <v>40138</v>
      </c>
      <c r="Z36" s="16">
        <v>2945575</v>
      </c>
      <c r="AA36" s="22" t="s">
        <v>268</v>
      </c>
      <c r="AB36" s="16">
        <v>62972</v>
      </c>
      <c r="AC36" s="22" t="s">
        <v>268</v>
      </c>
      <c r="AD36" s="16">
        <v>160833</v>
      </c>
    </row>
    <row r="37" spans="1:30">
      <c r="A37" s="21" t="s">
        <v>232</v>
      </c>
      <c r="B37" s="21" t="s">
        <v>233</v>
      </c>
      <c r="C37" s="21" t="s">
        <v>262</v>
      </c>
      <c r="D37" s="21" t="s">
        <v>215</v>
      </c>
      <c r="E37" s="21" t="s">
        <v>632</v>
      </c>
      <c r="F37" s="21" t="s">
        <v>401</v>
      </c>
      <c r="G37" s="16">
        <v>3954016</v>
      </c>
      <c r="H37" s="16">
        <v>134380</v>
      </c>
      <c r="I37" s="16">
        <v>106365</v>
      </c>
      <c r="J37" s="22" t="s">
        <v>268</v>
      </c>
      <c r="K37" s="16">
        <v>1887</v>
      </c>
      <c r="L37" s="16">
        <v>92807</v>
      </c>
      <c r="M37" s="16">
        <v>11671</v>
      </c>
      <c r="N37" s="16">
        <v>28015</v>
      </c>
      <c r="O37" s="22" t="s">
        <v>268</v>
      </c>
      <c r="P37" s="16">
        <v>3199</v>
      </c>
      <c r="Q37" s="16">
        <v>12</v>
      </c>
      <c r="R37" s="16">
        <v>7012</v>
      </c>
      <c r="S37" s="16">
        <v>189</v>
      </c>
      <c r="T37" s="16">
        <v>2433</v>
      </c>
      <c r="U37" s="16">
        <v>618</v>
      </c>
      <c r="V37" s="16">
        <v>1317</v>
      </c>
      <c r="W37" s="16">
        <v>65</v>
      </c>
      <c r="X37" s="16">
        <v>13170</v>
      </c>
      <c r="Y37" s="16">
        <v>21880</v>
      </c>
      <c r="Z37" s="16">
        <v>3565473</v>
      </c>
      <c r="AA37" s="16">
        <v>232283</v>
      </c>
      <c r="AB37" s="16">
        <v>21841</v>
      </c>
      <c r="AC37" s="22" t="s">
        <v>268</v>
      </c>
      <c r="AD37" s="16">
        <v>352251</v>
      </c>
    </row>
    <row r="38" spans="1:30">
      <c r="A38" s="21" t="s">
        <v>232</v>
      </c>
      <c r="B38" s="21" t="s">
        <v>233</v>
      </c>
      <c r="C38" s="21" t="s">
        <v>262</v>
      </c>
      <c r="D38" s="21" t="s">
        <v>215</v>
      </c>
      <c r="E38" s="21" t="s">
        <v>632</v>
      </c>
      <c r="F38" s="21" t="s">
        <v>405</v>
      </c>
      <c r="G38" s="16">
        <v>17320</v>
      </c>
      <c r="H38" s="16">
        <v>468</v>
      </c>
      <c r="I38" s="16">
        <v>375</v>
      </c>
      <c r="J38" s="22" t="s">
        <v>268</v>
      </c>
      <c r="K38" s="16">
        <v>18</v>
      </c>
      <c r="L38" s="16">
        <v>5</v>
      </c>
      <c r="M38" s="16">
        <v>352</v>
      </c>
      <c r="N38" s="16">
        <v>93</v>
      </c>
      <c r="O38" s="22" t="s">
        <v>268</v>
      </c>
      <c r="P38" s="22" t="s">
        <v>268</v>
      </c>
      <c r="Q38" s="22" t="s">
        <v>268</v>
      </c>
      <c r="R38" s="16">
        <v>7</v>
      </c>
      <c r="S38" s="16">
        <v>2</v>
      </c>
      <c r="T38" s="16">
        <v>16</v>
      </c>
      <c r="U38" s="16">
        <v>12</v>
      </c>
      <c r="V38" s="16">
        <v>23</v>
      </c>
      <c r="W38" s="22" t="s">
        <v>268</v>
      </c>
      <c r="X38" s="16">
        <v>33</v>
      </c>
      <c r="Y38" s="16">
        <v>40</v>
      </c>
      <c r="Z38" s="16">
        <v>16812</v>
      </c>
      <c r="AA38" s="22" t="s">
        <v>268</v>
      </c>
      <c r="AB38" s="16">
        <v>67</v>
      </c>
      <c r="AC38" s="22" t="s">
        <v>268</v>
      </c>
      <c r="AD38" s="22" t="s">
        <v>268</v>
      </c>
    </row>
    <row r="39" spans="1:30">
      <c r="A39" s="21" t="s">
        <v>232</v>
      </c>
      <c r="B39" s="21" t="s">
        <v>233</v>
      </c>
      <c r="C39" s="21" t="s">
        <v>262</v>
      </c>
      <c r="D39" s="21" t="s">
        <v>215</v>
      </c>
      <c r="E39" s="21" t="s">
        <v>632</v>
      </c>
      <c r="F39" s="21" t="s">
        <v>406</v>
      </c>
      <c r="G39" s="16">
        <v>213757</v>
      </c>
      <c r="H39" s="16">
        <v>1535</v>
      </c>
      <c r="I39" s="16">
        <v>1282</v>
      </c>
      <c r="J39" s="22" t="s">
        <v>268</v>
      </c>
      <c r="K39" s="16">
        <v>326</v>
      </c>
      <c r="L39" s="16">
        <v>472</v>
      </c>
      <c r="M39" s="16">
        <v>484</v>
      </c>
      <c r="N39" s="16">
        <v>253</v>
      </c>
      <c r="O39" s="22" t="s">
        <v>268</v>
      </c>
      <c r="P39" s="22" t="s">
        <v>268</v>
      </c>
      <c r="Q39" s="16">
        <v>1</v>
      </c>
      <c r="R39" s="16">
        <v>5</v>
      </c>
      <c r="S39" s="16">
        <v>14</v>
      </c>
      <c r="T39" s="16">
        <v>55</v>
      </c>
      <c r="U39" s="16">
        <v>13</v>
      </c>
      <c r="V39" s="16">
        <v>68</v>
      </c>
      <c r="W39" s="16">
        <v>1</v>
      </c>
      <c r="X39" s="16">
        <v>96</v>
      </c>
      <c r="Y39" s="16">
        <v>1173</v>
      </c>
      <c r="Z39" s="16">
        <v>211049</v>
      </c>
      <c r="AA39" s="22" t="s">
        <v>268</v>
      </c>
      <c r="AB39" s="16">
        <v>188</v>
      </c>
      <c r="AC39" s="22" t="s">
        <v>268</v>
      </c>
      <c r="AD39" s="22" t="s">
        <v>268</v>
      </c>
    </row>
    <row r="40" spans="1:30">
      <c r="A40" s="21" t="s">
        <v>232</v>
      </c>
      <c r="B40" s="21" t="s">
        <v>233</v>
      </c>
      <c r="C40" s="21" t="s">
        <v>262</v>
      </c>
      <c r="D40" s="21" t="s">
        <v>215</v>
      </c>
      <c r="E40" s="21" t="s">
        <v>632</v>
      </c>
      <c r="F40" s="21" t="s">
        <v>407</v>
      </c>
      <c r="G40" s="16">
        <v>315679</v>
      </c>
      <c r="H40" s="16">
        <v>2080</v>
      </c>
      <c r="I40" s="16">
        <v>1765</v>
      </c>
      <c r="J40" s="22" t="s">
        <v>268</v>
      </c>
      <c r="K40" s="16">
        <v>241</v>
      </c>
      <c r="L40" s="16">
        <v>1071</v>
      </c>
      <c r="M40" s="16">
        <v>453</v>
      </c>
      <c r="N40" s="16">
        <v>315</v>
      </c>
      <c r="O40" s="22" t="s">
        <v>268</v>
      </c>
      <c r="P40" s="22" t="s">
        <v>268</v>
      </c>
      <c r="Q40" s="16">
        <v>2</v>
      </c>
      <c r="R40" s="16">
        <v>6</v>
      </c>
      <c r="S40" s="16">
        <v>17</v>
      </c>
      <c r="T40" s="16">
        <v>68</v>
      </c>
      <c r="U40" s="16">
        <v>14</v>
      </c>
      <c r="V40" s="16">
        <v>50</v>
      </c>
      <c r="W40" s="22" t="s">
        <v>268</v>
      </c>
      <c r="X40" s="16">
        <v>158</v>
      </c>
      <c r="Y40" s="16">
        <v>1936</v>
      </c>
      <c r="Z40" s="16">
        <v>311663</v>
      </c>
      <c r="AA40" s="22" t="s">
        <v>268</v>
      </c>
      <c r="AB40" s="16">
        <v>243</v>
      </c>
      <c r="AC40" s="22" t="s">
        <v>268</v>
      </c>
      <c r="AD40" s="22" t="s">
        <v>268</v>
      </c>
    </row>
    <row r="41" spans="1:30">
      <c r="A41" s="21" t="s">
        <v>232</v>
      </c>
      <c r="B41" s="21" t="s">
        <v>233</v>
      </c>
      <c r="C41" s="21" t="s">
        <v>262</v>
      </c>
      <c r="D41" s="21" t="s">
        <v>215</v>
      </c>
      <c r="E41" s="21" t="s">
        <v>632</v>
      </c>
      <c r="F41" s="21" t="s">
        <v>408</v>
      </c>
      <c r="G41" s="16">
        <v>254049</v>
      </c>
      <c r="H41" s="16">
        <v>3241</v>
      </c>
      <c r="I41" s="16">
        <v>2777</v>
      </c>
      <c r="J41" s="22" t="s">
        <v>268</v>
      </c>
      <c r="K41" s="16">
        <v>186</v>
      </c>
      <c r="L41" s="16">
        <v>2024</v>
      </c>
      <c r="M41" s="16">
        <v>567</v>
      </c>
      <c r="N41" s="16">
        <v>464</v>
      </c>
      <c r="O41" s="22" t="s">
        <v>268</v>
      </c>
      <c r="P41" s="22" t="s">
        <v>268</v>
      </c>
      <c r="Q41" s="16">
        <v>1</v>
      </c>
      <c r="R41" s="16">
        <v>7</v>
      </c>
      <c r="S41" s="16">
        <v>12</v>
      </c>
      <c r="T41" s="16">
        <v>135</v>
      </c>
      <c r="U41" s="16">
        <v>10</v>
      </c>
      <c r="V41" s="16">
        <v>60</v>
      </c>
      <c r="W41" s="22" t="s">
        <v>268</v>
      </c>
      <c r="X41" s="16">
        <v>239</v>
      </c>
      <c r="Y41" s="16">
        <v>1740</v>
      </c>
      <c r="Z41" s="16">
        <v>249068</v>
      </c>
      <c r="AA41" s="22" t="s">
        <v>268</v>
      </c>
      <c r="AB41" s="16">
        <v>384</v>
      </c>
      <c r="AC41" s="22" t="s">
        <v>268</v>
      </c>
      <c r="AD41" s="22" t="s">
        <v>268</v>
      </c>
    </row>
    <row r="42" spans="1:30">
      <c r="A42" s="21" t="s">
        <v>232</v>
      </c>
      <c r="B42" s="21" t="s">
        <v>233</v>
      </c>
      <c r="C42" s="21" t="s">
        <v>262</v>
      </c>
      <c r="D42" s="21" t="s">
        <v>215</v>
      </c>
      <c r="E42" s="21" t="s">
        <v>632</v>
      </c>
      <c r="F42" s="21" t="s">
        <v>409</v>
      </c>
      <c r="G42" s="16">
        <v>227203</v>
      </c>
      <c r="H42" s="16">
        <v>5521</v>
      </c>
      <c r="I42" s="16">
        <v>4804</v>
      </c>
      <c r="J42" s="22" t="s">
        <v>268</v>
      </c>
      <c r="K42" s="16">
        <v>207</v>
      </c>
      <c r="L42" s="16">
        <v>3881</v>
      </c>
      <c r="M42" s="16">
        <v>716</v>
      </c>
      <c r="N42" s="16">
        <v>717</v>
      </c>
      <c r="O42" s="22" t="s">
        <v>268</v>
      </c>
      <c r="P42" s="16">
        <v>1</v>
      </c>
      <c r="Q42" s="16">
        <v>2</v>
      </c>
      <c r="R42" s="16">
        <v>6</v>
      </c>
      <c r="S42" s="16">
        <v>7</v>
      </c>
      <c r="T42" s="16">
        <v>257</v>
      </c>
      <c r="U42" s="16">
        <v>12</v>
      </c>
      <c r="V42" s="16">
        <v>55</v>
      </c>
      <c r="W42" s="22" t="s">
        <v>268</v>
      </c>
      <c r="X42" s="16">
        <v>377</v>
      </c>
      <c r="Y42" s="16">
        <v>1862</v>
      </c>
      <c r="Z42" s="16">
        <v>219820</v>
      </c>
      <c r="AA42" s="22" t="s">
        <v>268</v>
      </c>
      <c r="AB42" s="16">
        <v>635</v>
      </c>
      <c r="AC42" s="22" t="s">
        <v>268</v>
      </c>
      <c r="AD42" s="22" t="s">
        <v>268</v>
      </c>
    </row>
    <row r="43" spans="1:30">
      <c r="A43" s="21" t="s">
        <v>232</v>
      </c>
      <c r="B43" s="21" t="s">
        <v>233</v>
      </c>
      <c r="C43" s="21" t="s">
        <v>262</v>
      </c>
      <c r="D43" s="21" t="s">
        <v>215</v>
      </c>
      <c r="E43" s="21" t="s">
        <v>632</v>
      </c>
      <c r="F43" s="21" t="s">
        <v>410</v>
      </c>
      <c r="G43" s="16">
        <v>215967</v>
      </c>
      <c r="H43" s="16">
        <v>9083</v>
      </c>
      <c r="I43" s="16">
        <v>7940</v>
      </c>
      <c r="J43" s="22" t="s">
        <v>268</v>
      </c>
      <c r="K43" s="16">
        <v>265</v>
      </c>
      <c r="L43" s="16">
        <v>6660</v>
      </c>
      <c r="M43" s="16">
        <v>1015</v>
      </c>
      <c r="N43" s="16">
        <v>1143</v>
      </c>
      <c r="O43" s="22" t="s">
        <v>268</v>
      </c>
      <c r="P43" s="16">
        <v>10</v>
      </c>
      <c r="Q43" s="16">
        <v>3</v>
      </c>
      <c r="R43" s="16">
        <v>23</v>
      </c>
      <c r="S43" s="16">
        <v>12</v>
      </c>
      <c r="T43" s="16">
        <v>379</v>
      </c>
      <c r="U43" s="16">
        <v>22</v>
      </c>
      <c r="V43" s="16">
        <v>37</v>
      </c>
      <c r="W43" s="22" t="s">
        <v>268</v>
      </c>
      <c r="X43" s="16">
        <v>657</v>
      </c>
      <c r="Y43" s="16">
        <v>2086</v>
      </c>
      <c r="Z43" s="16">
        <v>204798</v>
      </c>
      <c r="AA43" s="22" t="s">
        <v>268</v>
      </c>
      <c r="AB43" s="16">
        <v>1025</v>
      </c>
      <c r="AC43" s="22" t="s">
        <v>268</v>
      </c>
      <c r="AD43" s="22" t="s">
        <v>268</v>
      </c>
    </row>
    <row r="44" spans="1:30">
      <c r="A44" s="21" t="s">
        <v>232</v>
      </c>
      <c r="B44" s="21" t="s">
        <v>233</v>
      </c>
      <c r="C44" s="21" t="s">
        <v>262</v>
      </c>
      <c r="D44" s="21" t="s">
        <v>215</v>
      </c>
      <c r="E44" s="21" t="s">
        <v>632</v>
      </c>
      <c r="F44" s="21" t="s">
        <v>411</v>
      </c>
      <c r="G44" s="16">
        <v>240264</v>
      </c>
      <c r="H44" s="16">
        <v>14788</v>
      </c>
      <c r="I44" s="16">
        <v>12871</v>
      </c>
      <c r="J44" s="22" t="s">
        <v>268</v>
      </c>
      <c r="K44" s="16">
        <v>310</v>
      </c>
      <c r="L44" s="16">
        <v>10780</v>
      </c>
      <c r="M44" s="16">
        <v>1781</v>
      </c>
      <c r="N44" s="16">
        <v>1917</v>
      </c>
      <c r="O44" s="22" t="s">
        <v>268</v>
      </c>
      <c r="P44" s="16">
        <v>16</v>
      </c>
      <c r="Q44" s="16">
        <v>3</v>
      </c>
      <c r="R44" s="16">
        <v>58</v>
      </c>
      <c r="S44" s="16">
        <v>14</v>
      </c>
      <c r="T44" s="16">
        <v>572</v>
      </c>
      <c r="U44" s="16">
        <v>39</v>
      </c>
      <c r="V44" s="16">
        <v>60</v>
      </c>
      <c r="W44" s="16">
        <v>4</v>
      </c>
      <c r="X44" s="16">
        <v>1151</v>
      </c>
      <c r="Y44" s="16">
        <v>2528</v>
      </c>
      <c r="Z44" s="16">
        <v>222948</v>
      </c>
      <c r="AA44" s="22" t="s">
        <v>268</v>
      </c>
      <c r="AB44" s="16">
        <v>1704</v>
      </c>
      <c r="AC44" s="22" t="s">
        <v>268</v>
      </c>
      <c r="AD44" s="22" t="s">
        <v>268</v>
      </c>
    </row>
    <row r="45" spans="1:30">
      <c r="A45" s="21" t="s">
        <v>232</v>
      </c>
      <c r="B45" s="21" t="s">
        <v>233</v>
      </c>
      <c r="C45" s="21" t="s">
        <v>262</v>
      </c>
      <c r="D45" s="21" t="s">
        <v>215</v>
      </c>
      <c r="E45" s="21" t="s">
        <v>632</v>
      </c>
      <c r="F45" s="21" t="s">
        <v>412</v>
      </c>
      <c r="G45" s="16">
        <v>209833</v>
      </c>
      <c r="H45" s="16">
        <v>16353</v>
      </c>
      <c r="I45" s="16">
        <v>14016</v>
      </c>
      <c r="J45" s="22" t="s">
        <v>268</v>
      </c>
      <c r="K45" s="16">
        <v>228</v>
      </c>
      <c r="L45" s="16">
        <v>11724</v>
      </c>
      <c r="M45" s="16">
        <v>2064</v>
      </c>
      <c r="N45" s="16">
        <v>2337</v>
      </c>
      <c r="O45" s="22" t="s">
        <v>268</v>
      </c>
      <c r="P45" s="16">
        <v>59</v>
      </c>
      <c r="Q45" s="22" t="s">
        <v>268</v>
      </c>
      <c r="R45" s="16">
        <v>142</v>
      </c>
      <c r="S45" s="16">
        <v>17</v>
      </c>
      <c r="T45" s="16">
        <v>474</v>
      </c>
      <c r="U45" s="16">
        <v>47</v>
      </c>
      <c r="V45" s="16">
        <v>77</v>
      </c>
      <c r="W45" s="16">
        <v>3</v>
      </c>
      <c r="X45" s="16">
        <v>1518</v>
      </c>
      <c r="Y45" s="16">
        <v>2447</v>
      </c>
      <c r="Z45" s="16">
        <v>191033</v>
      </c>
      <c r="AA45" s="22" t="s">
        <v>268</v>
      </c>
      <c r="AB45" s="16">
        <v>2107</v>
      </c>
      <c r="AC45" s="22" t="s">
        <v>268</v>
      </c>
      <c r="AD45" s="22" t="s">
        <v>268</v>
      </c>
    </row>
    <row r="46" spans="1:30">
      <c r="A46" s="21" t="s">
        <v>232</v>
      </c>
      <c r="B46" s="21" t="s">
        <v>233</v>
      </c>
      <c r="C46" s="21" t="s">
        <v>262</v>
      </c>
      <c r="D46" s="21" t="s">
        <v>215</v>
      </c>
      <c r="E46" s="21" t="s">
        <v>632</v>
      </c>
      <c r="F46" s="21" t="s">
        <v>413</v>
      </c>
      <c r="G46" s="16">
        <v>159251</v>
      </c>
      <c r="H46" s="16">
        <v>13954</v>
      </c>
      <c r="I46" s="16">
        <v>11691</v>
      </c>
      <c r="J46" s="22" t="s">
        <v>268</v>
      </c>
      <c r="K46" s="16">
        <v>79</v>
      </c>
      <c r="L46" s="16">
        <v>9760</v>
      </c>
      <c r="M46" s="16">
        <v>1852</v>
      </c>
      <c r="N46" s="16">
        <v>2263</v>
      </c>
      <c r="O46" s="22" t="s">
        <v>268</v>
      </c>
      <c r="P46" s="16">
        <v>90</v>
      </c>
      <c r="Q46" s="22" t="s">
        <v>268</v>
      </c>
      <c r="R46" s="16">
        <v>210</v>
      </c>
      <c r="S46" s="16">
        <v>12</v>
      </c>
      <c r="T46" s="16">
        <v>279</v>
      </c>
      <c r="U46" s="16">
        <v>48</v>
      </c>
      <c r="V46" s="16">
        <v>103</v>
      </c>
      <c r="W46" s="22" t="s">
        <v>268</v>
      </c>
      <c r="X46" s="16">
        <v>1521</v>
      </c>
      <c r="Y46" s="16">
        <v>1885</v>
      </c>
      <c r="Z46" s="16">
        <v>143412</v>
      </c>
      <c r="AA46" s="22" t="s">
        <v>268</v>
      </c>
      <c r="AB46" s="16">
        <v>1959</v>
      </c>
      <c r="AC46" s="22" t="s">
        <v>268</v>
      </c>
      <c r="AD46" s="22" t="s">
        <v>268</v>
      </c>
    </row>
    <row r="47" spans="1:30">
      <c r="A47" s="21" t="s">
        <v>232</v>
      </c>
      <c r="B47" s="21" t="s">
        <v>233</v>
      </c>
      <c r="C47" s="21" t="s">
        <v>262</v>
      </c>
      <c r="D47" s="21" t="s">
        <v>215</v>
      </c>
      <c r="E47" s="21" t="s">
        <v>632</v>
      </c>
      <c r="F47" s="21" t="s">
        <v>414</v>
      </c>
      <c r="G47" s="16">
        <v>120247</v>
      </c>
      <c r="H47" s="16">
        <v>10763</v>
      </c>
      <c r="I47" s="16">
        <v>8758</v>
      </c>
      <c r="J47" s="22" t="s">
        <v>268</v>
      </c>
      <c r="K47" s="16">
        <v>22</v>
      </c>
      <c r="L47" s="16">
        <v>7449</v>
      </c>
      <c r="M47" s="16">
        <v>1287</v>
      </c>
      <c r="N47" s="16">
        <v>2005</v>
      </c>
      <c r="O47" s="22" t="s">
        <v>268</v>
      </c>
      <c r="P47" s="16">
        <v>116</v>
      </c>
      <c r="Q47" s="22" t="s">
        <v>268</v>
      </c>
      <c r="R47" s="16">
        <v>363</v>
      </c>
      <c r="S47" s="16">
        <v>10</v>
      </c>
      <c r="T47" s="16">
        <v>105</v>
      </c>
      <c r="U47" s="16">
        <v>48</v>
      </c>
      <c r="V47" s="16">
        <v>118</v>
      </c>
      <c r="W47" s="16">
        <v>1</v>
      </c>
      <c r="X47" s="16">
        <v>1244</v>
      </c>
      <c r="Y47" s="16">
        <v>1443</v>
      </c>
      <c r="Z47" s="16">
        <v>108041</v>
      </c>
      <c r="AA47" s="22" t="s">
        <v>268</v>
      </c>
      <c r="AB47" s="16">
        <v>1705</v>
      </c>
      <c r="AC47" s="22" t="s">
        <v>268</v>
      </c>
      <c r="AD47" s="22" t="s">
        <v>268</v>
      </c>
    </row>
    <row r="48" spans="1:30">
      <c r="A48" s="21" t="s">
        <v>232</v>
      </c>
      <c r="B48" s="21" t="s">
        <v>233</v>
      </c>
      <c r="C48" s="21" t="s">
        <v>262</v>
      </c>
      <c r="D48" s="21" t="s">
        <v>215</v>
      </c>
      <c r="E48" s="21" t="s">
        <v>632</v>
      </c>
      <c r="F48" s="21" t="s">
        <v>415</v>
      </c>
      <c r="G48" s="16">
        <v>117627</v>
      </c>
      <c r="H48" s="16">
        <v>10315</v>
      </c>
      <c r="I48" s="16">
        <v>7982</v>
      </c>
      <c r="J48" s="22" t="s">
        <v>268</v>
      </c>
      <c r="K48" s="16">
        <v>4</v>
      </c>
      <c r="L48" s="16">
        <v>7303</v>
      </c>
      <c r="M48" s="16">
        <v>675</v>
      </c>
      <c r="N48" s="16">
        <v>2333</v>
      </c>
      <c r="O48" s="22" t="s">
        <v>268</v>
      </c>
      <c r="P48" s="16">
        <v>199</v>
      </c>
      <c r="Q48" s="22" t="s">
        <v>268</v>
      </c>
      <c r="R48" s="16">
        <v>749</v>
      </c>
      <c r="S48" s="16">
        <v>9</v>
      </c>
      <c r="T48" s="16">
        <v>41</v>
      </c>
      <c r="U48" s="16">
        <v>52</v>
      </c>
      <c r="V48" s="16">
        <v>109</v>
      </c>
      <c r="W48" s="16">
        <v>2</v>
      </c>
      <c r="X48" s="16">
        <v>1172</v>
      </c>
      <c r="Y48" s="16">
        <v>1349</v>
      </c>
      <c r="Z48" s="16">
        <v>105963</v>
      </c>
      <c r="AA48" s="22" t="s">
        <v>268</v>
      </c>
      <c r="AB48" s="16">
        <v>1894</v>
      </c>
      <c r="AC48" s="22" t="s">
        <v>268</v>
      </c>
      <c r="AD48" s="16">
        <v>105963</v>
      </c>
    </row>
    <row r="49" spans="1:30">
      <c r="A49" s="21" t="s">
        <v>232</v>
      </c>
      <c r="B49" s="21" t="s">
        <v>233</v>
      </c>
      <c r="C49" s="21" t="s">
        <v>262</v>
      </c>
      <c r="D49" s="21" t="s">
        <v>215</v>
      </c>
      <c r="E49" s="21" t="s">
        <v>632</v>
      </c>
      <c r="F49" s="21" t="s">
        <v>416</v>
      </c>
      <c r="G49" s="16">
        <v>118995</v>
      </c>
      <c r="H49" s="16">
        <v>12093</v>
      </c>
      <c r="I49" s="16">
        <v>8968</v>
      </c>
      <c r="J49" s="22" t="s">
        <v>268</v>
      </c>
      <c r="K49" s="16">
        <v>1</v>
      </c>
      <c r="L49" s="16">
        <v>8655</v>
      </c>
      <c r="M49" s="16">
        <v>312</v>
      </c>
      <c r="N49" s="16">
        <v>3125</v>
      </c>
      <c r="O49" s="22" t="s">
        <v>268</v>
      </c>
      <c r="P49" s="16">
        <v>314</v>
      </c>
      <c r="Q49" s="22" t="s">
        <v>268</v>
      </c>
      <c r="R49" s="16">
        <v>1183</v>
      </c>
      <c r="S49" s="16">
        <v>8</v>
      </c>
      <c r="T49" s="16">
        <v>13</v>
      </c>
      <c r="U49" s="16">
        <v>65</v>
      </c>
      <c r="V49" s="16">
        <v>127</v>
      </c>
      <c r="W49" s="16">
        <v>3</v>
      </c>
      <c r="X49" s="16">
        <v>1412</v>
      </c>
      <c r="Y49" s="16">
        <v>1435</v>
      </c>
      <c r="Z49" s="16">
        <v>105467</v>
      </c>
      <c r="AA49" s="22" t="s">
        <v>268</v>
      </c>
      <c r="AB49" s="16">
        <v>2422</v>
      </c>
      <c r="AC49" s="22" t="s">
        <v>268</v>
      </c>
      <c r="AD49" s="16">
        <v>105467</v>
      </c>
    </row>
    <row r="50" spans="1:30">
      <c r="A50" s="21" t="s">
        <v>232</v>
      </c>
      <c r="B50" s="21" t="s">
        <v>233</v>
      </c>
      <c r="C50" s="21" t="s">
        <v>262</v>
      </c>
      <c r="D50" s="21" t="s">
        <v>215</v>
      </c>
      <c r="E50" s="21" t="s">
        <v>632</v>
      </c>
      <c r="F50" s="21" t="s">
        <v>417</v>
      </c>
      <c r="G50" s="16">
        <v>78321</v>
      </c>
      <c r="H50" s="16">
        <v>11312</v>
      </c>
      <c r="I50" s="16">
        <v>8338</v>
      </c>
      <c r="J50" s="22" t="s">
        <v>268</v>
      </c>
      <c r="K50" s="22" t="s">
        <v>268</v>
      </c>
      <c r="L50" s="16">
        <v>8276</v>
      </c>
      <c r="M50" s="16">
        <v>62</v>
      </c>
      <c r="N50" s="16">
        <v>2974</v>
      </c>
      <c r="O50" s="22" t="s">
        <v>268</v>
      </c>
      <c r="P50" s="16">
        <v>376</v>
      </c>
      <c r="Q50" s="22" t="s">
        <v>268</v>
      </c>
      <c r="R50" s="16">
        <v>1178</v>
      </c>
      <c r="S50" s="16">
        <v>11</v>
      </c>
      <c r="T50" s="16">
        <v>11</v>
      </c>
      <c r="U50" s="16">
        <v>48</v>
      </c>
      <c r="V50" s="16">
        <v>110</v>
      </c>
      <c r="W50" s="16">
        <v>5</v>
      </c>
      <c r="X50" s="16">
        <v>1235</v>
      </c>
      <c r="Y50" s="16">
        <v>875</v>
      </c>
      <c r="Z50" s="16">
        <v>66134</v>
      </c>
      <c r="AA50" s="22" t="s">
        <v>268</v>
      </c>
      <c r="AB50" s="16">
        <v>2223</v>
      </c>
      <c r="AC50" s="22" t="s">
        <v>268</v>
      </c>
      <c r="AD50" s="16">
        <v>66134</v>
      </c>
    </row>
    <row r="51" spans="1:30">
      <c r="A51" s="21" t="s">
        <v>232</v>
      </c>
      <c r="B51" s="21" t="s">
        <v>233</v>
      </c>
      <c r="C51" s="21" t="s">
        <v>262</v>
      </c>
      <c r="D51" s="21" t="s">
        <v>215</v>
      </c>
      <c r="E51" s="21" t="s">
        <v>632</v>
      </c>
      <c r="F51" s="21" t="s">
        <v>418</v>
      </c>
      <c r="G51" s="16">
        <v>52789</v>
      </c>
      <c r="H51" s="16">
        <v>10517</v>
      </c>
      <c r="I51" s="16">
        <v>7440</v>
      </c>
      <c r="J51" s="22" t="s">
        <v>268</v>
      </c>
      <c r="K51" s="22" t="s">
        <v>268</v>
      </c>
      <c r="L51" s="16">
        <v>7404</v>
      </c>
      <c r="M51" s="16">
        <v>36</v>
      </c>
      <c r="N51" s="16">
        <v>3077</v>
      </c>
      <c r="O51" s="22" t="s">
        <v>268</v>
      </c>
      <c r="P51" s="16">
        <v>534</v>
      </c>
      <c r="Q51" s="22" t="s">
        <v>268</v>
      </c>
      <c r="R51" s="16">
        <v>1242</v>
      </c>
      <c r="S51" s="16">
        <v>13</v>
      </c>
      <c r="T51" s="16">
        <v>10</v>
      </c>
      <c r="U51" s="16">
        <v>55</v>
      </c>
      <c r="V51" s="16">
        <v>106</v>
      </c>
      <c r="W51" s="16">
        <v>6</v>
      </c>
      <c r="X51" s="16">
        <v>1111</v>
      </c>
      <c r="Y51" s="16">
        <v>525</v>
      </c>
      <c r="Z51" s="16">
        <v>41747</v>
      </c>
      <c r="AA51" s="22" t="s">
        <v>268</v>
      </c>
      <c r="AB51" s="16">
        <v>2213</v>
      </c>
      <c r="AC51" s="22" t="s">
        <v>268</v>
      </c>
      <c r="AD51" s="16">
        <v>41747</v>
      </c>
    </row>
    <row r="52" spans="1:30">
      <c r="A52" s="21" t="s">
        <v>232</v>
      </c>
      <c r="B52" s="21" t="s">
        <v>233</v>
      </c>
      <c r="C52" s="21" t="s">
        <v>262</v>
      </c>
      <c r="D52" s="21" t="s">
        <v>215</v>
      </c>
      <c r="E52" s="21" t="s">
        <v>632</v>
      </c>
      <c r="F52" s="21" t="s">
        <v>419</v>
      </c>
      <c r="G52" s="16">
        <v>30979</v>
      </c>
      <c r="H52" s="16">
        <v>7590</v>
      </c>
      <c r="I52" s="16">
        <v>4943</v>
      </c>
      <c r="J52" s="22" t="s">
        <v>268</v>
      </c>
      <c r="K52" s="22" t="s">
        <v>268</v>
      </c>
      <c r="L52" s="16">
        <v>4928</v>
      </c>
      <c r="M52" s="16">
        <v>15</v>
      </c>
      <c r="N52" s="16">
        <v>2647</v>
      </c>
      <c r="O52" s="22" t="s">
        <v>268</v>
      </c>
      <c r="P52" s="16">
        <v>650</v>
      </c>
      <c r="Q52" s="22" t="s">
        <v>268</v>
      </c>
      <c r="R52" s="16">
        <v>1038</v>
      </c>
      <c r="S52" s="16">
        <v>10</v>
      </c>
      <c r="T52" s="16">
        <v>5</v>
      </c>
      <c r="U52" s="16">
        <v>63</v>
      </c>
      <c r="V52" s="16">
        <v>105</v>
      </c>
      <c r="W52" s="16">
        <v>13</v>
      </c>
      <c r="X52" s="16">
        <v>763</v>
      </c>
      <c r="Y52" s="16">
        <v>237</v>
      </c>
      <c r="Z52" s="16">
        <v>23152</v>
      </c>
      <c r="AA52" s="22" t="s">
        <v>268</v>
      </c>
      <c r="AB52" s="16">
        <v>1762</v>
      </c>
      <c r="AC52" s="22" t="s">
        <v>268</v>
      </c>
      <c r="AD52" s="16">
        <v>23152</v>
      </c>
    </row>
    <row r="53" spans="1:30">
      <c r="A53" s="21" t="s">
        <v>232</v>
      </c>
      <c r="B53" s="21" t="s">
        <v>233</v>
      </c>
      <c r="C53" s="21" t="s">
        <v>262</v>
      </c>
      <c r="D53" s="21" t="s">
        <v>215</v>
      </c>
      <c r="E53" s="21" t="s">
        <v>632</v>
      </c>
      <c r="F53" s="21" t="s">
        <v>420</v>
      </c>
      <c r="G53" s="16">
        <v>12232</v>
      </c>
      <c r="H53" s="16">
        <v>3680</v>
      </c>
      <c r="I53" s="16">
        <v>1947</v>
      </c>
      <c r="J53" s="22" t="s">
        <v>268</v>
      </c>
      <c r="K53" s="22" t="s">
        <v>268</v>
      </c>
      <c r="L53" s="16">
        <v>1947</v>
      </c>
      <c r="M53" s="22" t="s">
        <v>268</v>
      </c>
      <c r="N53" s="16">
        <v>1733</v>
      </c>
      <c r="O53" s="22" t="s">
        <v>268</v>
      </c>
      <c r="P53" s="16">
        <v>560</v>
      </c>
      <c r="Q53" s="22" t="s">
        <v>268</v>
      </c>
      <c r="R53" s="16">
        <v>611</v>
      </c>
      <c r="S53" s="16">
        <v>16</v>
      </c>
      <c r="T53" s="16">
        <v>9</v>
      </c>
      <c r="U53" s="16">
        <v>46</v>
      </c>
      <c r="V53" s="16">
        <v>77</v>
      </c>
      <c r="W53" s="16">
        <v>24</v>
      </c>
      <c r="X53" s="16">
        <v>390</v>
      </c>
      <c r="Y53" s="16">
        <v>269</v>
      </c>
      <c r="Z53" s="16">
        <v>8283</v>
      </c>
      <c r="AA53" s="22" t="s">
        <v>268</v>
      </c>
      <c r="AB53" s="16">
        <v>1000</v>
      </c>
      <c r="AC53" s="22" t="s">
        <v>268</v>
      </c>
      <c r="AD53" s="16">
        <v>8283</v>
      </c>
    </row>
    <row r="54" spans="1:30">
      <c r="A54" s="21" t="s">
        <v>232</v>
      </c>
      <c r="B54" s="21" t="s">
        <v>233</v>
      </c>
      <c r="C54" s="21" t="s">
        <v>262</v>
      </c>
      <c r="D54" s="21" t="s">
        <v>215</v>
      </c>
      <c r="E54" s="21" t="s">
        <v>632</v>
      </c>
      <c r="F54" s="21" t="s">
        <v>421</v>
      </c>
      <c r="G54" s="16">
        <v>2329</v>
      </c>
      <c r="H54" s="16">
        <v>950</v>
      </c>
      <c r="I54" s="16">
        <v>416</v>
      </c>
      <c r="J54" s="22" t="s">
        <v>268</v>
      </c>
      <c r="K54" s="22" t="s">
        <v>268</v>
      </c>
      <c r="L54" s="16">
        <v>416</v>
      </c>
      <c r="M54" s="22" t="s">
        <v>268</v>
      </c>
      <c r="N54" s="16">
        <v>534</v>
      </c>
      <c r="O54" s="22" t="s">
        <v>268</v>
      </c>
      <c r="P54" s="16">
        <v>243</v>
      </c>
      <c r="Q54" s="22" t="s">
        <v>268</v>
      </c>
      <c r="R54" s="16">
        <v>160</v>
      </c>
      <c r="S54" s="16">
        <v>4</v>
      </c>
      <c r="T54" s="16">
        <v>3</v>
      </c>
      <c r="U54" s="16">
        <v>16</v>
      </c>
      <c r="V54" s="16">
        <v>27</v>
      </c>
      <c r="W54" s="16">
        <v>3</v>
      </c>
      <c r="X54" s="16">
        <v>78</v>
      </c>
      <c r="Y54" s="16">
        <v>40</v>
      </c>
      <c r="Z54" s="16">
        <v>1339</v>
      </c>
      <c r="AA54" s="22" t="s">
        <v>268</v>
      </c>
      <c r="AB54" s="16">
        <v>261</v>
      </c>
      <c r="AC54" s="22" t="s">
        <v>268</v>
      </c>
      <c r="AD54" s="16">
        <v>1339</v>
      </c>
    </row>
    <row r="55" spans="1:30">
      <c r="A55" s="21" t="s">
        <v>232</v>
      </c>
      <c r="B55" s="21" t="s">
        <v>233</v>
      </c>
      <c r="C55" s="21" t="s">
        <v>262</v>
      </c>
      <c r="D55" s="21" t="s">
        <v>215</v>
      </c>
      <c r="E55" s="21" t="s">
        <v>632</v>
      </c>
      <c r="F55" s="21" t="s">
        <v>422</v>
      </c>
      <c r="G55" s="16">
        <v>313</v>
      </c>
      <c r="H55" s="16">
        <v>137</v>
      </c>
      <c r="I55" s="16">
        <v>52</v>
      </c>
      <c r="J55" s="22" t="s">
        <v>268</v>
      </c>
      <c r="K55" s="22" t="s">
        <v>268</v>
      </c>
      <c r="L55" s="16">
        <v>52</v>
      </c>
      <c r="M55" s="22" t="s">
        <v>268</v>
      </c>
      <c r="N55" s="16">
        <v>85</v>
      </c>
      <c r="O55" s="22" t="s">
        <v>268</v>
      </c>
      <c r="P55" s="16">
        <v>31</v>
      </c>
      <c r="Q55" s="22" t="s">
        <v>268</v>
      </c>
      <c r="R55" s="16">
        <v>24</v>
      </c>
      <c r="S55" s="16">
        <v>1</v>
      </c>
      <c r="T55" s="16">
        <v>1</v>
      </c>
      <c r="U55" s="16">
        <v>8</v>
      </c>
      <c r="V55" s="16">
        <v>5</v>
      </c>
      <c r="W55" s="22" t="s">
        <v>268</v>
      </c>
      <c r="X55" s="16">
        <v>15</v>
      </c>
      <c r="Y55" s="16">
        <v>10</v>
      </c>
      <c r="Z55" s="16">
        <v>166</v>
      </c>
      <c r="AA55" s="22" t="s">
        <v>268</v>
      </c>
      <c r="AB55" s="16">
        <v>49</v>
      </c>
      <c r="AC55" s="22" t="s">
        <v>268</v>
      </c>
      <c r="AD55" s="16">
        <v>166</v>
      </c>
    </row>
    <row r="56" spans="1:30">
      <c r="A56" s="21" t="s">
        <v>232</v>
      </c>
      <c r="B56" s="21" t="s">
        <v>233</v>
      </c>
      <c r="C56" s="21" t="s">
        <v>262</v>
      </c>
      <c r="D56" s="21" t="s">
        <v>215</v>
      </c>
      <c r="E56" s="21" t="s">
        <v>632</v>
      </c>
      <c r="F56" s="21" t="s">
        <v>423</v>
      </c>
      <c r="G56" s="16">
        <v>1566861</v>
      </c>
      <c r="H56" s="22" t="s">
        <v>268</v>
      </c>
      <c r="I56" s="22" t="s">
        <v>268</v>
      </c>
      <c r="J56" s="22" t="s">
        <v>268</v>
      </c>
      <c r="K56" s="22" t="s">
        <v>268</v>
      </c>
      <c r="L56" s="22" t="s">
        <v>268</v>
      </c>
      <c r="M56" s="22" t="s">
        <v>268</v>
      </c>
      <c r="N56" s="22" t="s">
        <v>268</v>
      </c>
      <c r="O56" s="22" t="s">
        <v>268</v>
      </c>
      <c r="P56" s="22" t="s">
        <v>268</v>
      </c>
      <c r="Q56" s="22" t="s">
        <v>268</v>
      </c>
      <c r="R56" s="22" t="s">
        <v>268</v>
      </c>
      <c r="S56" s="22" t="s">
        <v>268</v>
      </c>
      <c r="T56" s="22" t="s">
        <v>268</v>
      </c>
      <c r="U56" s="22" t="s">
        <v>268</v>
      </c>
      <c r="V56" s="22" t="s">
        <v>268</v>
      </c>
      <c r="W56" s="22" t="s">
        <v>268</v>
      </c>
      <c r="X56" s="22" t="s">
        <v>268</v>
      </c>
      <c r="Y56" s="22" t="s">
        <v>268</v>
      </c>
      <c r="Z56" s="16">
        <v>1334578</v>
      </c>
      <c r="AA56" s="16">
        <v>232283</v>
      </c>
      <c r="AB56" s="22" t="s">
        <v>268</v>
      </c>
      <c r="AC56" s="22" t="s">
        <v>268</v>
      </c>
      <c r="AD56" s="22" t="s">
        <v>268</v>
      </c>
    </row>
    <row r="57" spans="1:30">
      <c r="A57" s="21" t="s">
        <v>232</v>
      </c>
      <c r="B57" s="21" t="s">
        <v>233</v>
      </c>
      <c r="C57" s="21" t="s">
        <v>262</v>
      </c>
      <c r="D57" s="21" t="s">
        <v>215</v>
      </c>
      <c r="E57" s="21" t="s">
        <v>632</v>
      </c>
      <c r="F57" s="21" t="s">
        <v>386</v>
      </c>
      <c r="G57" s="22" t="s">
        <v>268</v>
      </c>
      <c r="H57" s="22" t="s">
        <v>268</v>
      </c>
      <c r="I57" s="22" t="s">
        <v>268</v>
      </c>
      <c r="J57" s="22" t="s">
        <v>268</v>
      </c>
      <c r="K57" s="22" t="s">
        <v>268</v>
      </c>
      <c r="L57" s="22" t="s">
        <v>268</v>
      </c>
      <c r="M57" s="22" t="s">
        <v>268</v>
      </c>
      <c r="N57" s="22" t="s">
        <v>268</v>
      </c>
      <c r="O57" s="22" t="s">
        <v>268</v>
      </c>
      <c r="P57" s="22" t="s">
        <v>268</v>
      </c>
      <c r="Q57" s="22" t="s">
        <v>268</v>
      </c>
      <c r="R57" s="22" t="s">
        <v>268</v>
      </c>
      <c r="S57" s="22" t="s">
        <v>268</v>
      </c>
      <c r="T57" s="22" t="s">
        <v>268</v>
      </c>
      <c r="U57" s="22" t="s">
        <v>268</v>
      </c>
      <c r="V57" s="22" t="s">
        <v>268</v>
      </c>
      <c r="W57" s="22" t="s">
        <v>268</v>
      </c>
      <c r="X57" s="22" t="s">
        <v>268</v>
      </c>
      <c r="Y57" s="22" t="s">
        <v>268</v>
      </c>
      <c r="Z57" s="22" t="s">
        <v>268</v>
      </c>
      <c r="AA57" s="22" t="s">
        <v>268</v>
      </c>
      <c r="AB57" s="22" t="s">
        <v>268</v>
      </c>
      <c r="AC57" s="22" t="s">
        <v>268</v>
      </c>
      <c r="AD57" s="22" t="s">
        <v>268</v>
      </c>
    </row>
    <row r="58" spans="1:30">
      <c r="A58" s="21" t="s">
        <v>232</v>
      </c>
      <c r="B58" s="21" t="s">
        <v>233</v>
      </c>
      <c r="C58" s="21" t="s">
        <v>262</v>
      </c>
      <c r="D58" s="21" t="s">
        <v>215</v>
      </c>
      <c r="E58" s="21" t="s">
        <v>632</v>
      </c>
      <c r="F58" s="21" t="s">
        <v>387</v>
      </c>
      <c r="G58" s="16">
        <v>1973570</v>
      </c>
      <c r="H58" s="16">
        <v>77786</v>
      </c>
      <c r="I58" s="16">
        <v>66279</v>
      </c>
      <c r="J58" s="22" t="s">
        <v>268</v>
      </c>
      <c r="K58" s="16">
        <v>1882</v>
      </c>
      <c r="L58" s="16">
        <v>53826</v>
      </c>
      <c r="M58" s="16">
        <v>10571</v>
      </c>
      <c r="N58" s="16">
        <v>11507</v>
      </c>
      <c r="O58" s="22" t="s">
        <v>268</v>
      </c>
      <c r="P58" s="16">
        <v>292</v>
      </c>
      <c r="Q58" s="16">
        <v>12</v>
      </c>
      <c r="R58" s="16">
        <v>827</v>
      </c>
      <c r="S58" s="16">
        <v>117</v>
      </c>
      <c r="T58" s="16">
        <v>2340</v>
      </c>
      <c r="U58" s="16">
        <v>265</v>
      </c>
      <c r="V58" s="16">
        <v>651</v>
      </c>
      <c r="W58" s="16">
        <v>9</v>
      </c>
      <c r="X58" s="16">
        <v>6994</v>
      </c>
      <c r="Y58" s="16">
        <v>17140</v>
      </c>
      <c r="Z58" s="16">
        <v>1878644</v>
      </c>
      <c r="AA58" s="22" t="s">
        <v>268</v>
      </c>
      <c r="AB58" s="16">
        <v>10017</v>
      </c>
      <c r="AC58" s="22" t="s">
        <v>268</v>
      </c>
      <c r="AD58" s="22" t="s">
        <v>268</v>
      </c>
    </row>
    <row r="59" spans="1:30">
      <c r="A59" s="21" t="s">
        <v>232</v>
      </c>
      <c r="B59" s="21" t="s">
        <v>233</v>
      </c>
      <c r="C59" s="21" t="s">
        <v>262</v>
      </c>
      <c r="D59" s="21" t="s">
        <v>215</v>
      </c>
      <c r="E59" s="21" t="s">
        <v>632</v>
      </c>
      <c r="F59" s="21" t="s">
        <v>388</v>
      </c>
      <c r="G59" s="16">
        <v>413585</v>
      </c>
      <c r="H59" s="16">
        <v>56594</v>
      </c>
      <c r="I59" s="16">
        <v>40086</v>
      </c>
      <c r="J59" s="22" t="s">
        <v>268</v>
      </c>
      <c r="K59" s="16">
        <v>5</v>
      </c>
      <c r="L59" s="16">
        <v>38981</v>
      </c>
      <c r="M59" s="16">
        <v>1100</v>
      </c>
      <c r="N59" s="16">
        <v>16508</v>
      </c>
      <c r="O59" s="22" t="s">
        <v>268</v>
      </c>
      <c r="P59" s="16">
        <v>2907</v>
      </c>
      <c r="Q59" s="22" t="s">
        <v>268</v>
      </c>
      <c r="R59" s="16">
        <v>6185</v>
      </c>
      <c r="S59" s="16">
        <v>72</v>
      </c>
      <c r="T59" s="16">
        <v>93</v>
      </c>
      <c r="U59" s="16">
        <v>353</v>
      </c>
      <c r="V59" s="16">
        <v>666</v>
      </c>
      <c r="W59" s="16">
        <v>56</v>
      </c>
      <c r="X59" s="16">
        <v>6176</v>
      </c>
      <c r="Y59" s="16">
        <v>4740</v>
      </c>
      <c r="Z59" s="16">
        <v>352251</v>
      </c>
      <c r="AA59" s="22" t="s">
        <v>268</v>
      </c>
      <c r="AB59" s="16">
        <v>11824</v>
      </c>
      <c r="AC59" s="22" t="s">
        <v>268</v>
      </c>
      <c r="AD59" s="16">
        <v>352251</v>
      </c>
    </row>
    <row r="60" spans="1:30">
      <c r="A60" s="21" t="s">
        <v>232</v>
      </c>
      <c r="B60" s="21" t="s">
        <v>233</v>
      </c>
      <c r="C60" s="21" t="s">
        <v>262</v>
      </c>
      <c r="D60" s="21" t="s">
        <v>215</v>
      </c>
      <c r="E60" s="21" t="s">
        <v>632</v>
      </c>
      <c r="F60" s="21" t="s">
        <v>389</v>
      </c>
      <c r="G60" s="16">
        <v>176963</v>
      </c>
      <c r="H60" s="16">
        <v>34186</v>
      </c>
      <c r="I60" s="16">
        <v>23136</v>
      </c>
      <c r="J60" s="22" t="s">
        <v>268</v>
      </c>
      <c r="K60" s="22" t="s">
        <v>268</v>
      </c>
      <c r="L60" s="16">
        <v>23023</v>
      </c>
      <c r="M60" s="16">
        <v>113</v>
      </c>
      <c r="N60" s="16">
        <v>11050</v>
      </c>
      <c r="O60" s="22" t="s">
        <v>268</v>
      </c>
      <c r="P60" s="16">
        <v>2394</v>
      </c>
      <c r="Q60" s="22" t="s">
        <v>268</v>
      </c>
      <c r="R60" s="16">
        <v>4253</v>
      </c>
      <c r="S60" s="16">
        <v>55</v>
      </c>
      <c r="T60" s="16">
        <v>39</v>
      </c>
      <c r="U60" s="16">
        <v>236</v>
      </c>
      <c r="V60" s="16">
        <v>430</v>
      </c>
      <c r="W60" s="16">
        <v>51</v>
      </c>
      <c r="X60" s="16">
        <v>3592</v>
      </c>
      <c r="Y60" s="16">
        <v>1956</v>
      </c>
      <c r="Z60" s="16">
        <v>140821</v>
      </c>
      <c r="AA60" s="22" t="s">
        <v>268</v>
      </c>
      <c r="AB60" s="16">
        <v>7508</v>
      </c>
      <c r="AC60" s="22" t="s">
        <v>268</v>
      </c>
      <c r="AD60" s="16">
        <v>140821</v>
      </c>
    </row>
    <row r="61" spans="1:30">
      <c r="A61" s="21" t="s">
        <v>232</v>
      </c>
      <c r="B61" s="21" t="s">
        <v>233</v>
      </c>
      <c r="C61" s="21" t="s">
        <v>262</v>
      </c>
      <c r="D61" s="21" t="s">
        <v>215</v>
      </c>
      <c r="E61" s="21" t="s">
        <v>632</v>
      </c>
      <c r="F61" s="21" t="s">
        <v>390</v>
      </c>
      <c r="G61" s="16">
        <v>45853</v>
      </c>
      <c r="H61" s="16">
        <v>12357</v>
      </c>
      <c r="I61" s="16">
        <v>7358</v>
      </c>
      <c r="J61" s="22" t="s">
        <v>268</v>
      </c>
      <c r="K61" s="22" t="s">
        <v>268</v>
      </c>
      <c r="L61" s="16">
        <v>7343</v>
      </c>
      <c r="M61" s="16">
        <v>15</v>
      </c>
      <c r="N61" s="16">
        <v>4999</v>
      </c>
      <c r="O61" s="22" t="s">
        <v>268</v>
      </c>
      <c r="P61" s="16">
        <v>1484</v>
      </c>
      <c r="Q61" s="22" t="s">
        <v>268</v>
      </c>
      <c r="R61" s="16">
        <v>1833</v>
      </c>
      <c r="S61" s="16">
        <v>31</v>
      </c>
      <c r="T61" s="16">
        <v>18</v>
      </c>
      <c r="U61" s="16">
        <v>133</v>
      </c>
      <c r="V61" s="16">
        <v>214</v>
      </c>
      <c r="W61" s="16">
        <v>40</v>
      </c>
      <c r="X61" s="16">
        <v>1246</v>
      </c>
      <c r="Y61" s="16">
        <v>556</v>
      </c>
      <c r="Z61" s="16">
        <v>32940</v>
      </c>
      <c r="AA61" s="22" t="s">
        <v>268</v>
      </c>
      <c r="AB61" s="16">
        <v>3072</v>
      </c>
      <c r="AC61" s="22" t="s">
        <v>268</v>
      </c>
      <c r="AD61" s="16">
        <v>32940</v>
      </c>
    </row>
    <row r="62" spans="1:30">
      <c r="A62" s="21" t="s">
        <v>232</v>
      </c>
      <c r="B62" s="21" t="s">
        <v>233</v>
      </c>
      <c r="C62" s="21" t="s">
        <v>262</v>
      </c>
      <c r="D62" s="21" t="s">
        <v>215</v>
      </c>
      <c r="E62" s="21" t="s">
        <v>632</v>
      </c>
      <c r="F62" s="21" t="s">
        <v>391</v>
      </c>
      <c r="G62" s="16">
        <v>2073877</v>
      </c>
      <c r="H62" s="16">
        <v>87633</v>
      </c>
      <c r="I62" s="16">
        <v>73886</v>
      </c>
      <c r="J62" s="22" t="s">
        <v>268</v>
      </c>
      <c r="K62" s="16">
        <v>1868</v>
      </c>
      <c r="L62" s="16">
        <v>61124</v>
      </c>
      <c r="M62" s="16">
        <v>10894</v>
      </c>
      <c r="N62" s="16">
        <v>13747</v>
      </c>
      <c r="O62" s="22" t="s">
        <v>268</v>
      </c>
      <c r="P62" s="16">
        <v>491</v>
      </c>
      <c r="Q62" s="16">
        <v>12</v>
      </c>
      <c r="R62" s="16">
        <v>1569</v>
      </c>
      <c r="S62" s="16">
        <v>124</v>
      </c>
      <c r="T62" s="16">
        <v>2365</v>
      </c>
      <c r="U62" s="16">
        <v>305</v>
      </c>
      <c r="V62" s="16">
        <v>737</v>
      </c>
      <c r="W62" s="16">
        <v>11</v>
      </c>
      <c r="X62" s="16">
        <v>8133</v>
      </c>
      <c r="Y62" s="16">
        <v>18449</v>
      </c>
      <c r="Z62" s="16">
        <v>1967795</v>
      </c>
      <c r="AA62" s="22" t="s">
        <v>268</v>
      </c>
      <c r="AB62" s="16">
        <v>11844</v>
      </c>
      <c r="AC62" s="22" t="s">
        <v>268</v>
      </c>
      <c r="AD62" s="16">
        <v>105963</v>
      </c>
    </row>
    <row r="63" spans="1:30">
      <c r="A63" s="21" t="s">
        <v>232</v>
      </c>
      <c r="B63" s="21" t="s">
        <v>233</v>
      </c>
      <c r="C63" s="21" t="s">
        <v>262</v>
      </c>
      <c r="D63" s="21" t="s">
        <v>216</v>
      </c>
      <c r="E63" s="21" t="s">
        <v>632</v>
      </c>
      <c r="F63" s="21" t="s">
        <v>401</v>
      </c>
      <c r="G63" s="16">
        <v>3220288</v>
      </c>
      <c r="H63" s="16">
        <v>538942</v>
      </c>
      <c r="I63" s="16">
        <v>402390</v>
      </c>
      <c r="J63" s="22" t="s">
        <v>268</v>
      </c>
      <c r="K63" s="16">
        <v>835</v>
      </c>
      <c r="L63" s="16">
        <v>873</v>
      </c>
      <c r="M63" s="16">
        <v>400682</v>
      </c>
      <c r="N63" s="16">
        <v>136552</v>
      </c>
      <c r="O63" s="22" t="s">
        <v>268</v>
      </c>
      <c r="P63" s="16">
        <v>22583</v>
      </c>
      <c r="Q63" s="16">
        <v>7</v>
      </c>
      <c r="R63" s="16">
        <v>35828</v>
      </c>
      <c r="S63" s="16">
        <v>391</v>
      </c>
      <c r="T63" s="16">
        <v>10948</v>
      </c>
      <c r="U63" s="16">
        <v>2083</v>
      </c>
      <c r="V63" s="16">
        <v>5869</v>
      </c>
      <c r="W63" s="16">
        <v>135</v>
      </c>
      <c r="X63" s="16">
        <v>58708</v>
      </c>
      <c r="Y63" s="16">
        <v>27517</v>
      </c>
      <c r="Z63" s="16">
        <v>2416268</v>
      </c>
      <c r="AA63" s="16">
        <v>237561</v>
      </c>
      <c r="AB63" s="16">
        <v>104098</v>
      </c>
      <c r="AC63" s="22" t="s">
        <v>268</v>
      </c>
      <c r="AD63" s="16">
        <v>413414</v>
      </c>
    </row>
    <row r="64" spans="1:30">
      <c r="A64" s="21" t="s">
        <v>232</v>
      </c>
      <c r="B64" s="21" t="s">
        <v>233</v>
      </c>
      <c r="C64" s="21" t="s">
        <v>262</v>
      </c>
      <c r="D64" s="21" t="s">
        <v>216</v>
      </c>
      <c r="E64" s="21" t="s">
        <v>632</v>
      </c>
      <c r="F64" s="21" t="s">
        <v>405</v>
      </c>
      <c r="G64" s="16">
        <v>13102</v>
      </c>
      <c r="H64" s="16">
        <v>1139</v>
      </c>
      <c r="I64" s="16">
        <v>587</v>
      </c>
      <c r="J64" s="22" t="s">
        <v>268</v>
      </c>
      <c r="K64" s="16">
        <v>26</v>
      </c>
      <c r="L64" s="16">
        <v>5</v>
      </c>
      <c r="M64" s="16">
        <v>556</v>
      </c>
      <c r="N64" s="16">
        <v>552</v>
      </c>
      <c r="O64" s="22" t="s">
        <v>268</v>
      </c>
      <c r="P64" s="22" t="s">
        <v>268</v>
      </c>
      <c r="Q64" s="16">
        <v>2</v>
      </c>
      <c r="R64" s="16">
        <v>1</v>
      </c>
      <c r="S64" s="16">
        <v>7</v>
      </c>
      <c r="T64" s="16">
        <v>162</v>
      </c>
      <c r="U64" s="16">
        <v>10</v>
      </c>
      <c r="V64" s="16">
        <v>30</v>
      </c>
      <c r="W64" s="22" t="s">
        <v>268</v>
      </c>
      <c r="X64" s="16">
        <v>340</v>
      </c>
      <c r="Y64" s="16">
        <v>44</v>
      </c>
      <c r="Z64" s="16">
        <v>11919</v>
      </c>
      <c r="AA64" s="22" t="s">
        <v>268</v>
      </c>
      <c r="AB64" s="16">
        <v>523</v>
      </c>
      <c r="AC64" s="22" t="s">
        <v>268</v>
      </c>
      <c r="AD64" s="22" t="s">
        <v>268</v>
      </c>
    </row>
    <row r="65" spans="1:30">
      <c r="A65" s="21" t="s">
        <v>232</v>
      </c>
      <c r="B65" s="21" t="s">
        <v>233</v>
      </c>
      <c r="C65" s="21" t="s">
        <v>262</v>
      </c>
      <c r="D65" s="21" t="s">
        <v>216</v>
      </c>
      <c r="E65" s="21" t="s">
        <v>632</v>
      </c>
      <c r="F65" s="21" t="s">
        <v>406</v>
      </c>
      <c r="G65" s="16">
        <v>164758</v>
      </c>
      <c r="H65" s="16">
        <v>7325</v>
      </c>
      <c r="I65" s="16">
        <v>5053</v>
      </c>
      <c r="J65" s="22" t="s">
        <v>268</v>
      </c>
      <c r="K65" s="16">
        <v>157</v>
      </c>
      <c r="L65" s="16">
        <v>123</v>
      </c>
      <c r="M65" s="16">
        <v>4773</v>
      </c>
      <c r="N65" s="16">
        <v>2272</v>
      </c>
      <c r="O65" s="22" t="s">
        <v>268</v>
      </c>
      <c r="P65" s="22" t="s">
        <v>268</v>
      </c>
      <c r="Q65" s="22" t="s">
        <v>268</v>
      </c>
      <c r="R65" s="16">
        <v>13</v>
      </c>
      <c r="S65" s="16">
        <v>18</v>
      </c>
      <c r="T65" s="16">
        <v>677</v>
      </c>
      <c r="U65" s="16">
        <v>13</v>
      </c>
      <c r="V65" s="16">
        <v>116</v>
      </c>
      <c r="W65" s="16">
        <v>2</v>
      </c>
      <c r="X65" s="16">
        <v>1433</v>
      </c>
      <c r="Y65" s="16">
        <v>1574</v>
      </c>
      <c r="Z65" s="16">
        <v>155859</v>
      </c>
      <c r="AA65" s="22" t="s">
        <v>268</v>
      </c>
      <c r="AB65" s="16">
        <v>2130</v>
      </c>
      <c r="AC65" s="22" t="s">
        <v>268</v>
      </c>
      <c r="AD65" s="22" t="s">
        <v>268</v>
      </c>
    </row>
    <row r="66" spans="1:30">
      <c r="A66" s="21" t="s">
        <v>232</v>
      </c>
      <c r="B66" s="21" t="s">
        <v>233</v>
      </c>
      <c r="C66" s="21" t="s">
        <v>262</v>
      </c>
      <c r="D66" s="21" t="s">
        <v>216</v>
      </c>
      <c r="E66" s="21" t="s">
        <v>632</v>
      </c>
      <c r="F66" s="21" t="s">
        <v>407</v>
      </c>
      <c r="G66" s="16">
        <v>200933</v>
      </c>
      <c r="H66" s="16">
        <v>15567</v>
      </c>
      <c r="I66" s="16">
        <v>12480</v>
      </c>
      <c r="J66" s="22" t="s">
        <v>268</v>
      </c>
      <c r="K66" s="16">
        <v>133</v>
      </c>
      <c r="L66" s="16">
        <v>109</v>
      </c>
      <c r="M66" s="16">
        <v>12238</v>
      </c>
      <c r="N66" s="16">
        <v>3087</v>
      </c>
      <c r="O66" s="22" t="s">
        <v>268</v>
      </c>
      <c r="P66" s="22" t="s">
        <v>268</v>
      </c>
      <c r="Q66" s="16">
        <v>1</v>
      </c>
      <c r="R66" s="16">
        <v>6</v>
      </c>
      <c r="S66" s="16">
        <v>27</v>
      </c>
      <c r="T66" s="16">
        <v>963</v>
      </c>
      <c r="U66" s="16">
        <v>13</v>
      </c>
      <c r="V66" s="16">
        <v>165</v>
      </c>
      <c r="W66" s="22" t="s">
        <v>268</v>
      </c>
      <c r="X66" s="16">
        <v>1912</v>
      </c>
      <c r="Y66" s="16">
        <v>2282</v>
      </c>
      <c r="Z66" s="16">
        <v>183084</v>
      </c>
      <c r="AA66" s="22" t="s">
        <v>268</v>
      </c>
      <c r="AB66" s="16">
        <v>2847</v>
      </c>
      <c r="AC66" s="22" t="s">
        <v>268</v>
      </c>
      <c r="AD66" s="22" t="s">
        <v>268</v>
      </c>
    </row>
    <row r="67" spans="1:30">
      <c r="A67" s="21" t="s">
        <v>232</v>
      </c>
      <c r="B67" s="21" t="s">
        <v>233</v>
      </c>
      <c r="C67" s="21" t="s">
        <v>262</v>
      </c>
      <c r="D67" s="21" t="s">
        <v>216</v>
      </c>
      <c r="E67" s="21" t="s">
        <v>632</v>
      </c>
      <c r="F67" s="21" t="s">
        <v>408</v>
      </c>
      <c r="G67" s="16">
        <v>150728</v>
      </c>
      <c r="H67" s="16">
        <v>24859</v>
      </c>
      <c r="I67" s="16">
        <v>21060</v>
      </c>
      <c r="J67" s="22" t="s">
        <v>268</v>
      </c>
      <c r="K67" s="16">
        <v>91</v>
      </c>
      <c r="L67" s="16">
        <v>65</v>
      </c>
      <c r="M67" s="16">
        <v>20904</v>
      </c>
      <c r="N67" s="16">
        <v>3799</v>
      </c>
      <c r="O67" s="22" t="s">
        <v>268</v>
      </c>
      <c r="P67" s="22" t="s">
        <v>268</v>
      </c>
      <c r="Q67" s="16">
        <v>2</v>
      </c>
      <c r="R67" s="16">
        <v>4</v>
      </c>
      <c r="S67" s="16">
        <v>26</v>
      </c>
      <c r="T67" s="16">
        <v>1299</v>
      </c>
      <c r="U67" s="16">
        <v>14</v>
      </c>
      <c r="V67" s="16">
        <v>180</v>
      </c>
      <c r="W67" s="22" t="s">
        <v>268</v>
      </c>
      <c r="X67" s="16">
        <v>2274</v>
      </c>
      <c r="Y67" s="16">
        <v>1885</v>
      </c>
      <c r="Z67" s="16">
        <v>123984</v>
      </c>
      <c r="AA67" s="22" t="s">
        <v>268</v>
      </c>
      <c r="AB67" s="16">
        <v>3487</v>
      </c>
      <c r="AC67" s="22" t="s">
        <v>268</v>
      </c>
      <c r="AD67" s="22" t="s">
        <v>268</v>
      </c>
    </row>
    <row r="68" spans="1:30">
      <c r="A68" s="21" t="s">
        <v>232</v>
      </c>
      <c r="B68" s="21" t="s">
        <v>233</v>
      </c>
      <c r="C68" s="21" t="s">
        <v>262</v>
      </c>
      <c r="D68" s="21" t="s">
        <v>216</v>
      </c>
      <c r="E68" s="21" t="s">
        <v>632</v>
      </c>
      <c r="F68" s="21" t="s">
        <v>409</v>
      </c>
      <c r="G68" s="16">
        <v>132915</v>
      </c>
      <c r="H68" s="16">
        <v>36590</v>
      </c>
      <c r="I68" s="16">
        <v>31955</v>
      </c>
      <c r="J68" s="22" t="s">
        <v>268</v>
      </c>
      <c r="K68" s="16">
        <v>72</v>
      </c>
      <c r="L68" s="16">
        <v>80</v>
      </c>
      <c r="M68" s="16">
        <v>31803</v>
      </c>
      <c r="N68" s="16">
        <v>4635</v>
      </c>
      <c r="O68" s="22" t="s">
        <v>268</v>
      </c>
      <c r="P68" s="16">
        <v>1</v>
      </c>
      <c r="Q68" s="16">
        <v>1</v>
      </c>
      <c r="R68" s="16">
        <v>1</v>
      </c>
      <c r="S68" s="16">
        <v>14</v>
      </c>
      <c r="T68" s="16">
        <v>1666</v>
      </c>
      <c r="U68" s="16">
        <v>16</v>
      </c>
      <c r="V68" s="16">
        <v>178</v>
      </c>
      <c r="W68" s="22" t="s">
        <v>268</v>
      </c>
      <c r="X68" s="16">
        <v>2758</v>
      </c>
      <c r="Y68" s="16">
        <v>2016</v>
      </c>
      <c r="Z68" s="16">
        <v>94309</v>
      </c>
      <c r="AA68" s="22" t="s">
        <v>268</v>
      </c>
      <c r="AB68" s="16">
        <v>4296</v>
      </c>
      <c r="AC68" s="22" t="s">
        <v>268</v>
      </c>
      <c r="AD68" s="22" t="s">
        <v>268</v>
      </c>
    </row>
    <row r="69" spans="1:30">
      <c r="A69" s="21" t="s">
        <v>232</v>
      </c>
      <c r="B69" s="21" t="s">
        <v>233</v>
      </c>
      <c r="C69" s="21" t="s">
        <v>262</v>
      </c>
      <c r="D69" s="21" t="s">
        <v>216</v>
      </c>
      <c r="E69" s="21" t="s">
        <v>632</v>
      </c>
      <c r="F69" s="21" t="s">
        <v>410</v>
      </c>
      <c r="G69" s="16">
        <v>133083</v>
      </c>
      <c r="H69" s="16">
        <v>48025</v>
      </c>
      <c r="I69" s="16">
        <v>42014</v>
      </c>
      <c r="J69" s="22" t="s">
        <v>268</v>
      </c>
      <c r="K69" s="16">
        <v>105</v>
      </c>
      <c r="L69" s="16">
        <v>76</v>
      </c>
      <c r="M69" s="16">
        <v>41833</v>
      </c>
      <c r="N69" s="16">
        <v>6011</v>
      </c>
      <c r="O69" s="22" t="s">
        <v>268</v>
      </c>
      <c r="P69" s="16">
        <v>14</v>
      </c>
      <c r="Q69" s="16">
        <v>1</v>
      </c>
      <c r="R69" s="16">
        <v>33</v>
      </c>
      <c r="S69" s="16">
        <v>15</v>
      </c>
      <c r="T69" s="16">
        <v>2002</v>
      </c>
      <c r="U69" s="16">
        <v>34</v>
      </c>
      <c r="V69" s="16">
        <v>187</v>
      </c>
      <c r="W69" s="16">
        <v>2</v>
      </c>
      <c r="X69" s="16">
        <v>3723</v>
      </c>
      <c r="Y69" s="16">
        <v>2546</v>
      </c>
      <c r="Z69" s="16">
        <v>82512</v>
      </c>
      <c r="AA69" s="22" t="s">
        <v>268</v>
      </c>
      <c r="AB69" s="16">
        <v>5613</v>
      </c>
      <c r="AC69" s="22" t="s">
        <v>268</v>
      </c>
      <c r="AD69" s="22" t="s">
        <v>268</v>
      </c>
    </row>
    <row r="70" spans="1:30">
      <c r="A70" s="21" t="s">
        <v>232</v>
      </c>
      <c r="B70" s="21" t="s">
        <v>233</v>
      </c>
      <c r="C70" s="21" t="s">
        <v>262</v>
      </c>
      <c r="D70" s="21" t="s">
        <v>216</v>
      </c>
      <c r="E70" s="21" t="s">
        <v>632</v>
      </c>
      <c r="F70" s="21" t="s">
        <v>411</v>
      </c>
      <c r="G70" s="16">
        <v>154995</v>
      </c>
      <c r="H70" s="16">
        <v>61170</v>
      </c>
      <c r="I70" s="16">
        <v>52990</v>
      </c>
      <c r="J70" s="22" t="s">
        <v>268</v>
      </c>
      <c r="K70" s="16">
        <v>96</v>
      </c>
      <c r="L70" s="16">
        <v>111</v>
      </c>
      <c r="M70" s="16">
        <v>52783</v>
      </c>
      <c r="N70" s="16">
        <v>8180</v>
      </c>
      <c r="O70" s="22" t="s">
        <v>268</v>
      </c>
      <c r="P70" s="16">
        <v>57</v>
      </c>
      <c r="Q70" s="22" t="s">
        <v>268</v>
      </c>
      <c r="R70" s="16">
        <v>169</v>
      </c>
      <c r="S70" s="16">
        <v>20</v>
      </c>
      <c r="T70" s="16">
        <v>2200</v>
      </c>
      <c r="U70" s="16">
        <v>82</v>
      </c>
      <c r="V70" s="16">
        <v>165</v>
      </c>
      <c r="W70" s="16">
        <v>1</v>
      </c>
      <c r="X70" s="16">
        <v>5486</v>
      </c>
      <c r="Y70" s="16">
        <v>3240</v>
      </c>
      <c r="Z70" s="16">
        <v>90585</v>
      </c>
      <c r="AA70" s="22" t="s">
        <v>268</v>
      </c>
      <c r="AB70" s="16">
        <v>7589</v>
      </c>
      <c r="AC70" s="22" t="s">
        <v>268</v>
      </c>
      <c r="AD70" s="22" t="s">
        <v>268</v>
      </c>
    </row>
    <row r="71" spans="1:30">
      <c r="A71" s="21" t="s">
        <v>232</v>
      </c>
      <c r="B71" s="21" t="s">
        <v>233</v>
      </c>
      <c r="C71" s="21" t="s">
        <v>262</v>
      </c>
      <c r="D71" s="21" t="s">
        <v>216</v>
      </c>
      <c r="E71" s="21" t="s">
        <v>632</v>
      </c>
      <c r="F71" s="21" t="s">
        <v>412</v>
      </c>
      <c r="G71" s="16">
        <v>134219</v>
      </c>
      <c r="H71" s="16">
        <v>51686</v>
      </c>
      <c r="I71" s="16">
        <v>44120</v>
      </c>
      <c r="J71" s="22" t="s">
        <v>268</v>
      </c>
      <c r="K71" s="16">
        <v>69</v>
      </c>
      <c r="L71" s="16">
        <v>86</v>
      </c>
      <c r="M71" s="16">
        <v>43965</v>
      </c>
      <c r="N71" s="16">
        <v>7566</v>
      </c>
      <c r="O71" s="22" t="s">
        <v>268</v>
      </c>
      <c r="P71" s="16">
        <v>197</v>
      </c>
      <c r="Q71" s="22" t="s">
        <v>268</v>
      </c>
      <c r="R71" s="16">
        <v>449</v>
      </c>
      <c r="S71" s="16">
        <v>15</v>
      </c>
      <c r="T71" s="16">
        <v>1211</v>
      </c>
      <c r="U71" s="16">
        <v>110</v>
      </c>
      <c r="V71" s="16">
        <v>225</v>
      </c>
      <c r="W71" s="16">
        <v>3</v>
      </c>
      <c r="X71" s="16">
        <v>5356</v>
      </c>
      <c r="Y71" s="16">
        <v>2987</v>
      </c>
      <c r="Z71" s="16">
        <v>79546</v>
      </c>
      <c r="AA71" s="22" t="s">
        <v>268</v>
      </c>
      <c r="AB71" s="16">
        <v>6881</v>
      </c>
      <c r="AC71" s="22" t="s">
        <v>268</v>
      </c>
      <c r="AD71" s="22" t="s">
        <v>268</v>
      </c>
    </row>
    <row r="72" spans="1:30">
      <c r="A72" s="21" t="s">
        <v>232</v>
      </c>
      <c r="B72" s="21" t="s">
        <v>233</v>
      </c>
      <c r="C72" s="21" t="s">
        <v>262</v>
      </c>
      <c r="D72" s="21" t="s">
        <v>216</v>
      </c>
      <c r="E72" s="21" t="s">
        <v>632</v>
      </c>
      <c r="F72" s="21" t="s">
        <v>413</v>
      </c>
      <c r="G72" s="16">
        <v>101021</v>
      </c>
      <c r="H72" s="16">
        <v>35803</v>
      </c>
      <c r="I72" s="16">
        <v>29268</v>
      </c>
      <c r="J72" s="22" t="s">
        <v>268</v>
      </c>
      <c r="K72" s="16">
        <v>50</v>
      </c>
      <c r="L72" s="16">
        <v>68</v>
      </c>
      <c r="M72" s="16">
        <v>29150</v>
      </c>
      <c r="N72" s="16">
        <v>6535</v>
      </c>
      <c r="O72" s="22" t="s">
        <v>268</v>
      </c>
      <c r="P72" s="16">
        <v>259</v>
      </c>
      <c r="Q72" s="22" t="s">
        <v>268</v>
      </c>
      <c r="R72" s="16">
        <v>932</v>
      </c>
      <c r="S72" s="16">
        <v>14</v>
      </c>
      <c r="T72" s="16">
        <v>428</v>
      </c>
      <c r="U72" s="16">
        <v>125</v>
      </c>
      <c r="V72" s="16">
        <v>238</v>
      </c>
      <c r="W72" s="16">
        <v>4</v>
      </c>
      <c r="X72" s="16">
        <v>4535</v>
      </c>
      <c r="Y72" s="16">
        <v>2139</v>
      </c>
      <c r="Z72" s="16">
        <v>63079</v>
      </c>
      <c r="AA72" s="22" t="s">
        <v>268</v>
      </c>
      <c r="AB72" s="16">
        <v>5774</v>
      </c>
      <c r="AC72" s="22" t="s">
        <v>268</v>
      </c>
      <c r="AD72" s="22" t="s">
        <v>268</v>
      </c>
    </row>
    <row r="73" spans="1:30">
      <c r="A73" s="21" t="s">
        <v>232</v>
      </c>
      <c r="B73" s="21" t="s">
        <v>233</v>
      </c>
      <c r="C73" s="21" t="s">
        <v>262</v>
      </c>
      <c r="D73" s="21" t="s">
        <v>216</v>
      </c>
      <c r="E73" s="21" t="s">
        <v>632</v>
      </c>
      <c r="F73" s="21" t="s">
        <v>414</v>
      </c>
      <c r="G73" s="16">
        <v>77647</v>
      </c>
      <c r="H73" s="16">
        <v>26123</v>
      </c>
      <c r="I73" s="16">
        <v>19743</v>
      </c>
      <c r="J73" s="22" t="s">
        <v>268</v>
      </c>
      <c r="K73" s="16">
        <v>18</v>
      </c>
      <c r="L73" s="16">
        <v>43</v>
      </c>
      <c r="M73" s="16">
        <v>19682</v>
      </c>
      <c r="N73" s="16">
        <v>6380</v>
      </c>
      <c r="O73" s="22" t="s">
        <v>268</v>
      </c>
      <c r="P73" s="16">
        <v>446</v>
      </c>
      <c r="Q73" s="22" t="s">
        <v>268</v>
      </c>
      <c r="R73" s="16">
        <v>1769</v>
      </c>
      <c r="S73" s="16">
        <v>22</v>
      </c>
      <c r="T73" s="16">
        <v>120</v>
      </c>
      <c r="U73" s="16">
        <v>120</v>
      </c>
      <c r="V73" s="16">
        <v>290</v>
      </c>
      <c r="W73" s="16">
        <v>4</v>
      </c>
      <c r="X73" s="16">
        <v>3609</v>
      </c>
      <c r="Y73" s="16">
        <v>1572</v>
      </c>
      <c r="Z73" s="16">
        <v>49952</v>
      </c>
      <c r="AA73" s="22" t="s">
        <v>268</v>
      </c>
      <c r="AB73" s="16">
        <v>5436</v>
      </c>
      <c r="AC73" s="22" t="s">
        <v>268</v>
      </c>
      <c r="AD73" s="22" t="s">
        <v>268</v>
      </c>
    </row>
    <row r="74" spans="1:30">
      <c r="A74" s="21" t="s">
        <v>232</v>
      </c>
      <c r="B74" s="21" t="s">
        <v>233</v>
      </c>
      <c r="C74" s="21" t="s">
        <v>262</v>
      </c>
      <c r="D74" s="21" t="s">
        <v>216</v>
      </c>
      <c r="E74" s="21" t="s">
        <v>632</v>
      </c>
      <c r="F74" s="21" t="s">
        <v>415</v>
      </c>
      <c r="G74" s="16">
        <v>84646</v>
      </c>
      <c r="H74" s="16">
        <v>28328</v>
      </c>
      <c r="I74" s="16">
        <v>19757</v>
      </c>
      <c r="J74" s="22" t="s">
        <v>268</v>
      </c>
      <c r="K74" s="16">
        <v>9</v>
      </c>
      <c r="L74" s="16">
        <v>36</v>
      </c>
      <c r="M74" s="16">
        <v>19712</v>
      </c>
      <c r="N74" s="16">
        <v>8571</v>
      </c>
      <c r="O74" s="22" t="s">
        <v>268</v>
      </c>
      <c r="P74" s="16">
        <v>719</v>
      </c>
      <c r="Q74" s="22" t="s">
        <v>268</v>
      </c>
      <c r="R74" s="16">
        <v>3196</v>
      </c>
      <c r="S74" s="16">
        <v>16</v>
      </c>
      <c r="T74" s="16">
        <v>36</v>
      </c>
      <c r="U74" s="16">
        <v>118</v>
      </c>
      <c r="V74" s="16">
        <v>359</v>
      </c>
      <c r="W74" s="16">
        <v>12</v>
      </c>
      <c r="X74" s="16">
        <v>4115</v>
      </c>
      <c r="Y74" s="16">
        <v>1448</v>
      </c>
      <c r="Z74" s="16">
        <v>54870</v>
      </c>
      <c r="AA74" s="22" t="s">
        <v>268</v>
      </c>
      <c r="AB74" s="16">
        <v>7075</v>
      </c>
      <c r="AC74" s="22" t="s">
        <v>268</v>
      </c>
      <c r="AD74" s="16">
        <v>54870</v>
      </c>
    </row>
    <row r="75" spans="1:30">
      <c r="A75" s="21" t="s">
        <v>232</v>
      </c>
      <c r="B75" s="21" t="s">
        <v>233</v>
      </c>
      <c r="C75" s="21" t="s">
        <v>262</v>
      </c>
      <c r="D75" s="21" t="s">
        <v>216</v>
      </c>
      <c r="E75" s="21" t="s">
        <v>632</v>
      </c>
      <c r="F75" s="21" t="s">
        <v>416</v>
      </c>
      <c r="G75" s="16">
        <v>119971</v>
      </c>
      <c r="H75" s="16">
        <v>39835</v>
      </c>
      <c r="I75" s="16">
        <v>27348</v>
      </c>
      <c r="J75" s="22" t="s">
        <v>268</v>
      </c>
      <c r="K75" s="16">
        <v>8</v>
      </c>
      <c r="L75" s="16">
        <v>50</v>
      </c>
      <c r="M75" s="16">
        <v>27290</v>
      </c>
      <c r="N75" s="16">
        <v>12487</v>
      </c>
      <c r="O75" s="22" t="s">
        <v>268</v>
      </c>
      <c r="P75" s="16">
        <v>1373</v>
      </c>
      <c r="Q75" s="22" t="s">
        <v>268</v>
      </c>
      <c r="R75" s="16">
        <v>5180</v>
      </c>
      <c r="S75" s="16">
        <v>30</v>
      </c>
      <c r="T75" s="16">
        <v>21</v>
      </c>
      <c r="U75" s="16">
        <v>149</v>
      </c>
      <c r="V75" s="16">
        <v>448</v>
      </c>
      <c r="W75" s="16">
        <v>18</v>
      </c>
      <c r="X75" s="16">
        <v>5268</v>
      </c>
      <c r="Y75" s="16">
        <v>1695</v>
      </c>
      <c r="Z75" s="16">
        <v>78441</v>
      </c>
      <c r="AA75" s="22" t="s">
        <v>268</v>
      </c>
      <c r="AB75" s="16">
        <v>9972</v>
      </c>
      <c r="AC75" s="22" t="s">
        <v>268</v>
      </c>
      <c r="AD75" s="16">
        <v>78441</v>
      </c>
    </row>
    <row r="76" spans="1:30">
      <c r="A76" s="21" t="s">
        <v>232</v>
      </c>
      <c r="B76" s="21" t="s">
        <v>233</v>
      </c>
      <c r="C76" s="21" t="s">
        <v>262</v>
      </c>
      <c r="D76" s="21" t="s">
        <v>216</v>
      </c>
      <c r="E76" s="21" t="s">
        <v>632</v>
      </c>
      <c r="F76" s="21" t="s">
        <v>417</v>
      </c>
      <c r="G76" s="16">
        <v>129167</v>
      </c>
      <c r="H76" s="16">
        <v>43520</v>
      </c>
      <c r="I76" s="16">
        <v>29621</v>
      </c>
      <c r="J76" s="22" t="s">
        <v>268</v>
      </c>
      <c r="K76" s="22" t="s">
        <v>268</v>
      </c>
      <c r="L76" s="16">
        <v>17</v>
      </c>
      <c r="M76" s="16">
        <v>29604</v>
      </c>
      <c r="N76" s="16">
        <v>13899</v>
      </c>
      <c r="O76" s="22" t="s">
        <v>268</v>
      </c>
      <c r="P76" s="16">
        <v>2052</v>
      </c>
      <c r="Q76" s="22" t="s">
        <v>268</v>
      </c>
      <c r="R76" s="16">
        <v>5752</v>
      </c>
      <c r="S76" s="16">
        <v>36</v>
      </c>
      <c r="T76" s="16">
        <v>13</v>
      </c>
      <c r="U76" s="16">
        <v>209</v>
      </c>
      <c r="V76" s="16">
        <v>464</v>
      </c>
      <c r="W76" s="16">
        <v>29</v>
      </c>
      <c r="X76" s="16">
        <v>5344</v>
      </c>
      <c r="Y76" s="16">
        <v>1270</v>
      </c>
      <c r="Z76" s="16">
        <v>84377</v>
      </c>
      <c r="AA76" s="22" t="s">
        <v>268</v>
      </c>
      <c r="AB76" s="16">
        <v>10521</v>
      </c>
      <c r="AC76" s="22" t="s">
        <v>268</v>
      </c>
      <c r="AD76" s="16">
        <v>84377</v>
      </c>
    </row>
    <row r="77" spans="1:30">
      <c r="A77" s="21" t="s">
        <v>232</v>
      </c>
      <c r="B77" s="21" t="s">
        <v>233</v>
      </c>
      <c r="C77" s="21" t="s">
        <v>262</v>
      </c>
      <c r="D77" s="21" t="s">
        <v>216</v>
      </c>
      <c r="E77" s="21" t="s">
        <v>632</v>
      </c>
      <c r="F77" s="21" t="s">
        <v>418</v>
      </c>
      <c r="G77" s="16">
        <v>134046</v>
      </c>
      <c r="H77" s="16">
        <v>45109</v>
      </c>
      <c r="I77" s="16">
        <v>29009</v>
      </c>
      <c r="J77" s="22" t="s">
        <v>268</v>
      </c>
      <c r="K77" s="16">
        <v>1</v>
      </c>
      <c r="L77" s="16">
        <v>3</v>
      </c>
      <c r="M77" s="16">
        <v>29005</v>
      </c>
      <c r="N77" s="16">
        <v>16100</v>
      </c>
      <c r="O77" s="22" t="s">
        <v>268</v>
      </c>
      <c r="P77" s="16">
        <v>3390</v>
      </c>
      <c r="Q77" s="22" t="s">
        <v>268</v>
      </c>
      <c r="R77" s="16">
        <v>6589</v>
      </c>
      <c r="S77" s="16">
        <v>30</v>
      </c>
      <c r="T77" s="16">
        <v>27</v>
      </c>
      <c r="U77" s="16">
        <v>254</v>
      </c>
      <c r="V77" s="16">
        <v>670</v>
      </c>
      <c r="W77" s="16">
        <v>25</v>
      </c>
      <c r="X77" s="16">
        <v>5115</v>
      </c>
      <c r="Y77" s="16">
        <v>1154</v>
      </c>
      <c r="Z77" s="16">
        <v>87783</v>
      </c>
      <c r="AA77" s="22" t="s">
        <v>268</v>
      </c>
      <c r="AB77" s="16">
        <v>11482</v>
      </c>
      <c r="AC77" s="22" t="s">
        <v>268</v>
      </c>
      <c r="AD77" s="16">
        <v>87783</v>
      </c>
    </row>
    <row r="78" spans="1:30">
      <c r="A78" s="21" t="s">
        <v>232</v>
      </c>
      <c r="B78" s="21" t="s">
        <v>233</v>
      </c>
      <c r="C78" s="21" t="s">
        <v>262</v>
      </c>
      <c r="D78" s="21" t="s">
        <v>216</v>
      </c>
      <c r="E78" s="21" t="s">
        <v>632</v>
      </c>
      <c r="F78" s="21" t="s">
        <v>419</v>
      </c>
      <c r="G78" s="16">
        <v>112019</v>
      </c>
      <c r="H78" s="16">
        <v>40438</v>
      </c>
      <c r="I78" s="16">
        <v>22544</v>
      </c>
      <c r="J78" s="22" t="s">
        <v>268</v>
      </c>
      <c r="K78" s="22" t="s">
        <v>268</v>
      </c>
      <c r="L78" s="16">
        <v>1</v>
      </c>
      <c r="M78" s="16">
        <v>22543</v>
      </c>
      <c r="N78" s="16">
        <v>17894</v>
      </c>
      <c r="O78" s="22" t="s">
        <v>268</v>
      </c>
      <c r="P78" s="16">
        <v>5669</v>
      </c>
      <c r="Q78" s="22" t="s">
        <v>268</v>
      </c>
      <c r="R78" s="16">
        <v>6509</v>
      </c>
      <c r="S78" s="16">
        <v>51</v>
      </c>
      <c r="T78" s="16">
        <v>48</v>
      </c>
      <c r="U78" s="16">
        <v>376</v>
      </c>
      <c r="V78" s="16">
        <v>929</v>
      </c>
      <c r="W78" s="16">
        <v>22</v>
      </c>
      <c r="X78" s="16">
        <v>4290</v>
      </c>
      <c r="Y78" s="16">
        <v>910</v>
      </c>
      <c r="Z78" s="16">
        <v>70671</v>
      </c>
      <c r="AA78" s="22" t="s">
        <v>268</v>
      </c>
      <c r="AB78" s="16">
        <v>11109</v>
      </c>
      <c r="AC78" s="22" t="s">
        <v>268</v>
      </c>
      <c r="AD78" s="16">
        <v>70671</v>
      </c>
    </row>
    <row r="79" spans="1:30">
      <c r="A79" s="21" t="s">
        <v>232</v>
      </c>
      <c r="B79" s="21" t="s">
        <v>233</v>
      </c>
      <c r="C79" s="21" t="s">
        <v>262</v>
      </c>
      <c r="D79" s="21" t="s">
        <v>216</v>
      </c>
      <c r="E79" s="21" t="s">
        <v>632</v>
      </c>
      <c r="F79" s="21" t="s">
        <v>420</v>
      </c>
      <c r="G79" s="16">
        <v>55495</v>
      </c>
      <c r="H79" s="16">
        <v>24028</v>
      </c>
      <c r="I79" s="16">
        <v>11021</v>
      </c>
      <c r="J79" s="22" t="s">
        <v>268</v>
      </c>
      <c r="K79" s="22" t="s">
        <v>268</v>
      </c>
      <c r="L79" s="22" t="s">
        <v>268</v>
      </c>
      <c r="M79" s="16">
        <v>11021</v>
      </c>
      <c r="N79" s="16">
        <v>13007</v>
      </c>
      <c r="O79" s="22" t="s">
        <v>268</v>
      </c>
      <c r="P79" s="16">
        <v>5579</v>
      </c>
      <c r="Q79" s="22" t="s">
        <v>268</v>
      </c>
      <c r="R79" s="16">
        <v>3843</v>
      </c>
      <c r="S79" s="16">
        <v>36</v>
      </c>
      <c r="T79" s="16">
        <v>56</v>
      </c>
      <c r="U79" s="16">
        <v>316</v>
      </c>
      <c r="V79" s="16">
        <v>848</v>
      </c>
      <c r="W79" s="16">
        <v>11</v>
      </c>
      <c r="X79" s="16">
        <v>2318</v>
      </c>
      <c r="Y79" s="16">
        <v>598</v>
      </c>
      <c r="Z79" s="16">
        <v>30869</v>
      </c>
      <c r="AA79" s="22" t="s">
        <v>268</v>
      </c>
      <c r="AB79" s="16">
        <v>6810</v>
      </c>
      <c r="AC79" s="22" t="s">
        <v>268</v>
      </c>
      <c r="AD79" s="16">
        <v>30869</v>
      </c>
    </row>
    <row r="80" spans="1:30">
      <c r="A80" s="21" t="s">
        <v>232</v>
      </c>
      <c r="B80" s="21" t="s">
        <v>233</v>
      </c>
      <c r="C80" s="21" t="s">
        <v>262</v>
      </c>
      <c r="D80" s="21" t="s">
        <v>216</v>
      </c>
      <c r="E80" s="21" t="s">
        <v>632</v>
      </c>
      <c r="F80" s="21" t="s">
        <v>421</v>
      </c>
      <c r="G80" s="16">
        <v>13692</v>
      </c>
      <c r="H80" s="16">
        <v>7889</v>
      </c>
      <c r="I80" s="16">
        <v>3231</v>
      </c>
      <c r="J80" s="22" t="s">
        <v>268</v>
      </c>
      <c r="K80" s="22" t="s">
        <v>268</v>
      </c>
      <c r="L80" s="22" t="s">
        <v>268</v>
      </c>
      <c r="M80" s="16">
        <v>3231</v>
      </c>
      <c r="N80" s="16">
        <v>4658</v>
      </c>
      <c r="O80" s="22" t="s">
        <v>268</v>
      </c>
      <c r="P80" s="16">
        <v>2339</v>
      </c>
      <c r="Q80" s="22" t="s">
        <v>268</v>
      </c>
      <c r="R80" s="16">
        <v>1175</v>
      </c>
      <c r="S80" s="16">
        <v>12</v>
      </c>
      <c r="T80" s="16">
        <v>15</v>
      </c>
      <c r="U80" s="16">
        <v>112</v>
      </c>
      <c r="V80" s="16">
        <v>311</v>
      </c>
      <c r="W80" s="16">
        <v>2</v>
      </c>
      <c r="X80" s="16">
        <v>692</v>
      </c>
      <c r="Y80" s="16">
        <v>139</v>
      </c>
      <c r="Z80" s="16">
        <v>5664</v>
      </c>
      <c r="AA80" s="22" t="s">
        <v>268</v>
      </c>
      <c r="AB80" s="16">
        <v>2143</v>
      </c>
      <c r="AC80" s="22" t="s">
        <v>268</v>
      </c>
      <c r="AD80" s="16">
        <v>5664</v>
      </c>
    </row>
    <row r="81" spans="1:30">
      <c r="A81" s="21" t="s">
        <v>232</v>
      </c>
      <c r="B81" s="21" t="s">
        <v>233</v>
      </c>
      <c r="C81" s="21" t="s">
        <v>262</v>
      </c>
      <c r="D81" s="21" t="s">
        <v>216</v>
      </c>
      <c r="E81" s="21" t="s">
        <v>632</v>
      </c>
      <c r="F81" s="21" t="s">
        <v>422</v>
      </c>
      <c r="G81" s="16">
        <v>2265</v>
      </c>
      <c r="H81" s="16">
        <v>1508</v>
      </c>
      <c r="I81" s="16">
        <v>589</v>
      </c>
      <c r="J81" s="22" t="s">
        <v>268</v>
      </c>
      <c r="K81" s="22" t="s">
        <v>268</v>
      </c>
      <c r="L81" s="22" t="s">
        <v>268</v>
      </c>
      <c r="M81" s="16">
        <v>589</v>
      </c>
      <c r="N81" s="16">
        <v>919</v>
      </c>
      <c r="O81" s="22" t="s">
        <v>268</v>
      </c>
      <c r="P81" s="16">
        <v>488</v>
      </c>
      <c r="Q81" s="22" t="s">
        <v>268</v>
      </c>
      <c r="R81" s="16">
        <v>207</v>
      </c>
      <c r="S81" s="16">
        <v>2</v>
      </c>
      <c r="T81" s="16">
        <v>4</v>
      </c>
      <c r="U81" s="16">
        <v>12</v>
      </c>
      <c r="V81" s="16">
        <v>66</v>
      </c>
      <c r="W81" s="22" t="s">
        <v>268</v>
      </c>
      <c r="X81" s="16">
        <v>140</v>
      </c>
      <c r="Y81" s="16">
        <v>18</v>
      </c>
      <c r="Z81" s="16">
        <v>739</v>
      </c>
      <c r="AA81" s="22" t="s">
        <v>268</v>
      </c>
      <c r="AB81" s="16">
        <v>410</v>
      </c>
      <c r="AC81" s="22" t="s">
        <v>268</v>
      </c>
      <c r="AD81" s="16">
        <v>739</v>
      </c>
    </row>
    <row r="82" spans="1:30">
      <c r="A82" s="21" t="s">
        <v>232</v>
      </c>
      <c r="B82" s="21" t="s">
        <v>233</v>
      </c>
      <c r="C82" s="21" t="s">
        <v>262</v>
      </c>
      <c r="D82" s="21" t="s">
        <v>216</v>
      </c>
      <c r="E82" s="21" t="s">
        <v>632</v>
      </c>
      <c r="F82" s="21" t="s">
        <v>423</v>
      </c>
      <c r="G82" s="16">
        <v>1305586</v>
      </c>
      <c r="H82" s="22" t="s">
        <v>268</v>
      </c>
      <c r="I82" s="22" t="s">
        <v>268</v>
      </c>
      <c r="J82" s="22" t="s">
        <v>268</v>
      </c>
      <c r="K82" s="22" t="s">
        <v>268</v>
      </c>
      <c r="L82" s="22" t="s">
        <v>268</v>
      </c>
      <c r="M82" s="22" t="s">
        <v>268</v>
      </c>
      <c r="N82" s="22" t="s">
        <v>268</v>
      </c>
      <c r="O82" s="22" t="s">
        <v>268</v>
      </c>
      <c r="P82" s="22" t="s">
        <v>268</v>
      </c>
      <c r="Q82" s="22" t="s">
        <v>268</v>
      </c>
      <c r="R82" s="22" t="s">
        <v>268</v>
      </c>
      <c r="S82" s="22" t="s">
        <v>268</v>
      </c>
      <c r="T82" s="22" t="s">
        <v>268</v>
      </c>
      <c r="U82" s="22" t="s">
        <v>268</v>
      </c>
      <c r="V82" s="22" t="s">
        <v>268</v>
      </c>
      <c r="W82" s="22" t="s">
        <v>268</v>
      </c>
      <c r="X82" s="22" t="s">
        <v>268</v>
      </c>
      <c r="Y82" s="22" t="s">
        <v>268</v>
      </c>
      <c r="Z82" s="16">
        <v>1068025</v>
      </c>
      <c r="AA82" s="16">
        <v>237561</v>
      </c>
      <c r="AB82" s="22" t="s">
        <v>268</v>
      </c>
      <c r="AC82" s="22" t="s">
        <v>268</v>
      </c>
      <c r="AD82" s="22" t="s">
        <v>268</v>
      </c>
    </row>
    <row r="83" spans="1:30">
      <c r="A83" s="21" t="s">
        <v>232</v>
      </c>
      <c r="B83" s="21" t="s">
        <v>233</v>
      </c>
      <c r="C83" s="21" t="s">
        <v>262</v>
      </c>
      <c r="D83" s="21" t="s">
        <v>216</v>
      </c>
      <c r="E83" s="21" t="s">
        <v>632</v>
      </c>
      <c r="F83" s="21" t="s">
        <v>386</v>
      </c>
      <c r="G83" s="22" t="s">
        <v>268</v>
      </c>
      <c r="H83" s="22" t="s">
        <v>268</v>
      </c>
      <c r="I83" s="22" t="s">
        <v>268</v>
      </c>
      <c r="J83" s="22" t="s">
        <v>268</v>
      </c>
      <c r="K83" s="22" t="s">
        <v>268</v>
      </c>
      <c r="L83" s="22" t="s">
        <v>268</v>
      </c>
      <c r="M83" s="22" t="s">
        <v>268</v>
      </c>
      <c r="N83" s="22" t="s">
        <v>268</v>
      </c>
      <c r="O83" s="22" t="s">
        <v>268</v>
      </c>
      <c r="P83" s="22" t="s">
        <v>268</v>
      </c>
      <c r="Q83" s="22" t="s">
        <v>268</v>
      </c>
      <c r="R83" s="22" t="s">
        <v>268</v>
      </c>
      <c r="S83" s="22" t="s">
        <v>268</v>
      </c>
      <c r="T83" s="22" t="s">
        <v>268</v>
      </c>
      <c r="U83" s="22" t="s">
        <v>268</v>
      </c>
      <c r="V83" s="22" t="s">
        <v>268</v>
      </c>
      <c r="W83" s="22" t="s">
        <v>268</v>
      </c>
      <c r="X83" s="22" t="s">
        <v>268</v>
      </c>
      <c r="Y83" s="22" t="s">
        <v>268</v>
      </c>
      <c r="Z83" s="22" t="s">
        <v>268</v>
      </c>
      <c r="AA83" s="22" t="s">
        <v>268</v>
      </c>
      <c r="AB83" s="22" t="s">
        <v>268</v>
      </c>
      <c r="AC83" s="22" t="s">
        <v>268</v>
      </c>
      <c r="AD83" s="22" t="s">
        <v>268</v>
      </c>
    </row>
    <row r="84" spans="1:30">
      <c r="A84" s="21" t="s">
        <v>232</v>
      </c>
      <c r="B84" s="21" t="s">
        <v>233</v>
      </c>
      <c r="C84" s="21" t="s">
        <v>262</v>
      </c>
      <c r="D84" s="21" t="s">
        <v>216</v>
      </c>
      <c r="E84" s="21" t="s">
        <v>632</v>
      </c>
      <c r="F84" s="21" t="s">
        <v>387</v>
      </c>
      <c r="G84" s="16">
        <v>1263401</v>
      </c>
      <c r="H84" s="16">
        <v>308287</v>
      </c>
      <c r="I84" s="16">
        <v>259270</v>
      </c>
      <c r="J84" s="22" t="s">
        <v>268</v>
      </c>
      <c r="K84" s="16">
        <v>817</v>
      </c>
      <c r="L84" s="16">
        <v>766</v>
      </c>
      <c r="M84" s="16">
        <v>257687</v>
      </c>
      <c r="N84" s="16">
        <v>49017</v>
      </c>
      <c r="O84" s="22" t="s">
        <v>268</v>
      </c>
      <c r="P84" s="16">
        <v>974</v>
      </c>
      <c r="Q84" s="16">
        <v>7</v>
      </c>
      <c r="R84" s="16">
        <v>3377</v>
      </c>
      <c r="S84" s="16">
        <v>178</v>
      </c>
      <c r="T84" s="16">
        <v>10728</v>
      </c>
      <c r="U84" s="16">
        <v>537</v>
      </c>
      <c r="V84" s="16">
        <v>1774</v>
      </c>
      <c r="W84" s="16">
        <v>16</v>
      </c>
      <c r="X84" s="16">
        <v>31426</v>
      </c>
      <c r="Y84" s="16">
        <v>20285</v>
      </c>
      <c r="Z84" s="16">
        <v>934829</v>
      </c>
      <c r="AA84" s="22" t="s">
        <v>268</v>
      </c>
      <c r="AB84" s="16">
        <v>44576</v>
      </c>
      <c r="AC84" s="22" t="s">
        <v>268</v>
      </c>
      <c r="AD84" s="22" t="s">
        <v>268</v>
      </c>
    </row>
    <row r="85" spans="1:30">
      <c r="A85" s="21" t="s">
        <v>232</v>
      </c>
      <c r="B85" s="21" t="s">
        <v>233</v>
      </c>
      <c r="C85" s="21" t="s">
        <v>262</v>
      </c>
      <c r="D85" s="21" t="s">
        <v>216</v>
      </c>
      <c r="E85" s="21" t="s">
        <v>632</v>
      </c>
      <c r="F85" s="21" t="s">
        <v>388</v>
      </c>
      <c r="G85" s="16">
        <v>651301</v>
      </c>
      <c r="H85" s="16">
        <v>230655</v>
      </c>
      <c r="I85" s="16">
        <v>143120</v>
      </c>
      <c r="J85" s="22" t="s">
        <v>268</v>
      </c>
      <c r="K85" s="16">
        <v>18</v>
      </c>
      <c r="L85" s="16">
        <v>107</v>
      </c>
      <c r="M85" s="16">
        <v>142995</v>
      </c>
      <c r="N85" s="16">
        <v>87535</v>
      </c>
      <c r="O85" s="22" t="s">
        <v>268</v>
      </c>
      <c r="P85" s="16">
        <v>21609</v>
      </c>
      <c r="Q85" s="22" t="s">
        <v>268</v>
      </c>
      <c r="R85" s="16">
        <v>32451</v>
      </c>
      <c r="S85" s="16">
        <v>213</v>
      </c>
      <c r="T85" s="16">
        <v>220</v>
      </c>
      <c r="U85" s="16">
        <v>1546</v>
      </c>
      <c r="V85" s="16">
        <v>4095</v>
      </c>
      <c r="W85" s="16">
        <v>119</v>
      </c>
      <c r="X85" s="16">
        <v>27282</v>
      </c>
      <c r="Y85" s="16">
        <v>7232</v>
      </c>
      <c r="Z85" s="16">
        <v>413414</v>
      </c>
      <c r="AA85" s="22" t="s">
        <v>268</v>
      </c>
      <c r="AB85" s="16">
        <v>59522</v>
      </c>
      <c r="AC85" s="22" t="s">
        <v>268</v>
      </c>
      <c r="AD85" s="16">
        <v>413414</v>
      </c>
    </row>
    <row r="86" spans="1:30">
      <c r="A86" s="21" t="s">
        <v>232</v>
      </c>
      <c r="B86" s="21" t="s">
        <v>233</v>
      </c>
      <c r="C86" s="21" t="s">
        <v>262</v>
      </c>
      <c r="D86" s="21" t="s">
        <v>216</v>
      </c>
      <c r="E86" s="21" t="s">
        <v>632</v>
      </c>
      <c r="F86" s="21" t="s">
        <v>389</v>
      </c>
      <c r="G86" s="16">
        <v>446684</v>
      </c>
      <c r="H86" s="16">
        <v>162492</v>
      </c>
      <c r="I86" s="16">
        <v>96015</v>
      </c>
      <c r="J86" s="22" t="s">
        <v>268</v>
      </c>
      <c r="K86" s="16">
        <v>1</v>
      </c>
      <c r="L86" s="16">
        <v>21</v>
      </c>
      <c r="M86" s="16">
        <v>95993</v>
      </c>
      <c r="N86" s="16">
        <v>66477</v>
      </c>
      <c r="O86" s="22" t="s">
        <v>268</v>
      </c>
      <c r="P86" s="16">
        <v>19517</v>
      </c>
      <c r="Q86" s="22" t="s">
        <v>268</v>
      </c>
      <c r="R86" s="16">
        <v>24075</v>
      </c>
      <c r="S86" s="16">
        <v>167</v>
      </c>
      <c r="T86" s="16">
        <v>163</v>
      </c>
      <c r="U86" s="16">
        <v>1279</v>
      </c>
      <c r="V86" s="16">
        <v>3288</v>
      </c>
      <c r="W86" s="16">
        <v>89</v>
      </c>
      <c r="X86" s="16">
        <v>17899</v>
      </c>
      <c r="Y86" s="16">
        <v>4089</v>
      </c>
      <c r="Z86" s="16">
        <v>280103</v>
      </c>
      <c r="AA86" s="22" t="s">
        <v>268</v>
      </c>
      <c r="AB86" s="16">
        <v>42475</v>
      </c>
      <c r="AC86" s="22" t="s">
        <v>268</v>
      </c>
      <c r="AD86" s="16">
        <v>280103</v>
      </c>
    </row>
    <row r="87" spans="1:30">
      <c r="A87" s="21" t="s">
        <v>232</v>
      </c>
      <c r="B87" s="21" t="s">
        <v>233</v>
      </c>
      <c r="C87" s="21" t="s">
        <v>262</v>
      </c>
      <c r="D87" s="21" t="s">
        <v>216</v>
      </c>
      <c r="E87" s="21" t="s">
        <v>632</v>
      </c>
      <c r="F87" s="21" t="s">
        <v>390</v>
      </c>
      <c r="G87" s="16">
        <v>183471</v>
      </c>
      <c r="H87" s="16">
        <v>73863</v>
      </c>
      <c r="I87" s="16">
        <v>37385</v>
      </c>
      <c r="J87" s="22" t="s">
        <v>268</v>
      </c>
      <c r="K87" s="22" t="s">
        <v>268</v>
      </c>
      <c r="L87" s="16">
        <v>1</v>
      </c>
      <c r="M87" s="16">
        <v>37384</v>
      </c>
      <c r="N87" s="16">
        <v>36478</v>
      </c>
      <c r="O87" s="22" t="s">
        <v>268</v>
      </c>
      <c r="P87" s="16">
        <v>14075</v>
      </c>
      <c r="Q87" s="22" t="s">
        <v>268</v>
      </c>
      <c r="R87" s="16">
        <v>11734</v>
      </c>
      <c r="S87" s="16">
        <v>101</v>
      </c>
      <c r="T87" s="16">
        <v>123</v>
      </c>
      <c r="U87" s="16">
        <v>816</v>
      </c>
      <c r="V87" s="16">
        <v>2154</v>
      </c>
      <c r="W87" s="16">
        <v>35</v>
      </c>
      <c r="X87" s="16">
        <v>7440</v>
      </c>
      <c r="Y87" s="16">
        <v>1665</v>
      </c>
      <c r="Z87" s="16">
        <v>107943</v>
      </c>
      <c r="AA87" s="22" t="s">
        <v>268</v>
      </c>
      <c r="AB87" s="16">
        <v>20472</v>
      </c>
      <c r="AC87" s="22" t="s">
        <v>268</v>
      </c>
      <c r="AD87" s="16">
        <v>107943</v>
      </c>
    </row>
    <row r="88" spans="1:30">
      <c r="A88" s="21" t="s">
        <v>232</v>
      </c>
      <c r="B88" s="21" t="s">
        <v>233</v>
      </c>
      <c r="C88" s="21" t="s">
        <v>262</v>
      </c>
      <c r="D88" s="21" t="s">
        <v>216</v>
      </c>
      <c r="E88" s="21" t="s">
        <v>632</v>
      </c>
      <c r="F88" s="21" t="s">
        <v>391</v>
      </c>
      <c r="G88" s="16">
        <v>1334945</v>
      </c>
      <c r="H88" s="16">
        <v>335476</v>
      </c>
      <c r="I88" s="16">
        <v>278440</v>
      </c>
      <c r="J88" s="22" t="s">
        <v>268</v>
      </c>
      <c r="K88" s="16">
        <v>800</v>
      </c>
      <c r="L88" s="16">
        <v>797</v>
      </c>
      <c r="M88" s="16">
        <v>276843</v>
      </c>
      <c r="N88" s="16">
        <v>57036</v>
      </c>
      <c r="O88" s="22" t="s">
        <v>268</v>
      </c>
      <c r="P88" s="16">
        <v>1693</v>
      </c>
      <c r="Q88" s="16">
        <v>5</v>
      </c>
      <c r="R88" s="16">
        <v>6572</v>
      </c>
      <c r="S88" s="16">
        <v>187</v>
      </c>
      <c r="T88" s="16">
        <v>10602</v>
      </c>
      <c r="U88" s="16">
        <v>645</v>
      </c>
      <c r="V88" s="16">
        <v>2103</v>
      </c>
      <c r="W88" s="16">
        <v>28</v>
      </c>
      <c r="X88" s="16">
        <v>35201</v>
      </c>
      <c r="Y88" s="16">
        <v>21689</v>
      </c>
      <c r="Z88" s="16">
        <v>977780</v>
      </c>
      <c r="AA88" s="22" t="s">
        <v>268</v>
      </c>
      <c r="AB88" s="16">
        <v>51128</v>
      </c>
      <c r="AC88" s="22" t="s">
        <v>268</v>
      </c>
      <c r="AD88" s="16">
        <v>54870</v>
      </c>
    </row>
    <row r="89" spans="1:30">
      <c r="A89" s="21" t="s">
        <v>232</v>
      </c>
      <c r="B89" s="21" t="s">
        <v>237</v>
      </c>
      <c r="C89" s="21" t="s">
        <v>264</v>
      </c>
      <c r="D89" s="21" t="s">
        <v>214</v>
      </c>
      <c r="E89" s="21" t="s">
        <v>632</v>
      </c>
      <c r="F89" s="21" t="s">
        <v>401</v>
      </c>
      <c r="G89" s="16">
        <v>53669</v>
      </c>
      <c r="H89" s="16">
        <v>6675</v>
      </c>
      <c r="I89" s="16">
        <v>4616</v>
      </c>
      <c r="J89" s="22" t="s">
        <v>268</v>
      </c>
      <c r="K89" s="16">
        <v>37</v>
      </c>
      <c r="L89" s="16">
        <v>827</v>
      </c>
      <c r="M89" s="16">
        <v>3752</v>
      </c>
      <c r="N89" s="16">
        <v>2059</v>
      </c>
      <c r="O89" s="22" t="s">
        <v>268</v>
      </c>
      <c r="P89" s="16">
        <v>313</v>
      </c>
      <c r="Q89" s="22" t="s">
        <v>268</v>
      </c>
      <c r="R89" s="16">
        <v>466</v>
      </c>
      <c r="S89" s="16">
        <v>4</v>
      </c>
      <c r="T89" s="16">
        <v>172</v>
      </c>
      <c r="U89" s="16">
        <v>41</v>
      </c>
      <c r="V89" s="16">
        <v>116</v>
      </c>
      <c r="W89" s="16">
        <v>1</v>
      </c>
      <c r="X89" s="16">
        <v>946</v>
      </c>
      <c r="Y89" s="16">
        <v>355</v>
      </c>
      <c r="Z89" s="16">
        <v>43005</v>
      </c>
      <c r="AA89" s="16">
        <v>3634</v>
      </c>
      <c r="AB89" s="16">
        <v>1619</v>
      </c>
      <c r="AC89" s="22" t="s">
        <v>268</v>
      </c>
      <c r="AD89" s="16">
        <v>5483</v>
      </c>
    </row>
    <row r="90" spans="1:30">
      <c r="A90" s="21" t="s">
        <v>232</v>
      </c>
      <c r="B90" s="21" t="s">
        <v>237</v>
      </c>
      <c r="C90" s="21" t="s">
        <v>264</v>
      </c>
      <c r="D90" s="21" t="s">
        <v>214</v>
      </c>
      <c r="E90" s="21" t="s">
        <v>632</v>
      </c>
      <c r="F90" s="21" t="s">
        <v>405</v>
      </c>
      <c r="G90" s="16">
        <v>221</v>
      </c>
      <c r="H90" s="16">
        <v>17</v>
      </c>
      <c r="I90" s="16">
        <v>7</v>
      </c>
      <c r="J90" s="22" t="s">
        <v>268</v>
      </c>
      <c r="K90" s="16">
        <v>1</v>
      </c>
      <c r="L90" s="22" t="s">
        <v>268</v>
      </c>
      <c r="M90" s="16">
        <v>6</v>
      </c>
      <c r="N90" s="16">
        <v>10</v>
      </c>
      <c r="O90" s="22" t="s">
        <v>268</v>
      </c>
      <c r="P90" s="22" t="s">
        <v>268</v>
      </c>
      <c r="Q90" s="22" t="s">
        <v>268</v>
      </c>
      <c r="R90" s="22" t="s">
        <v>268</v>
      </c>
      <c r="S90" s="22" t="s">
        <v>268</v>
      </c>
      <c r="T90" s="16">
        <v>6</v>
      </c>
      <c r="U90" s="16">
        <v>1</v>
      </c>
      <c r="V90" s="22" t="s">
        <v>268</v>
      </c>
      <c r="W90" s="22" t="s">
        <v>268</v>
      </c>
      <c r="X90" s="16">
        <v>3</v>
      </c>
      <c r="Y90" s="22" t="s">
        <v>268</v>
      </c>
      <c r="Z90" s="16">
        <v>204</v>
      </c>
      <c r="AA90" s="22" t="s">
        <v>268</v>
      </c>
      <c r="AB90" s="16">
        <v>10</v>
      </c>
      <c r="AC90" s="22" t="s">
        <v>268</v>
      </c>
      <c r="AD90" s="22" t="s">
        <v>268</v>
      </c>
    </row>
    <row r="91" spans="1:30">
      <c r="A91" s="21" t="s">
        <v>232</v>
      </c>
      <c r="B91" s="21" t="s">
        <v>237</v>
      </c>
      <c r="C91" s="21" t="s">
        <v>264</v>
      </c>
      <c r="D91" s="21" t="s">
        <v>214</v>
      </c>
      <c r="E91" s="21" t="s">
        <v>632</v>
      </c>
      <c r="F91" s="21" t="s">
        <v>406</v>
      </c>
      <c r="G91" s="16">
        <v>2167</v>
      </c>
      <c r="H91" s="16">
        <v>110</v>
      </c>
      <c r="I91" s="16">
        <v>69</v>
      </c>
      <c r="J91" s="22" t="s">
        <v>268</v>
      </c>
      <c r="K91" s="16">
        <v>4</v>
      </c>
      <c r="L91" s="16">
        <v>5</v>
      </c>
      <c r="M91" s="16">
        <v>60</v>
      </c>
      <c r="N91" s="16">
        <v>41</v>
      </c>
      <c r="O91" s="22" t="s">
        <v>268</v>
      </c>
      <c r="P91" s="22" t="s">
        <v>268</v>
      </c>
      <c r="Q91" s="22" t="s">
        <v>268</v>
      </c>
      <c r="R91" s="22" t="s">
        <v>268</v>
      </c>
      <c r="S91" s="16">
        <v>1</v>
      </c>
      <c r="T91" s="16">
        <v>13</v>
      </c>
      <c r="U91" s="22" t="s">
        <v>268</v>
      </c>
      <c r="V91" s="16">
        <v>2</v>
      </c>
      <c r="W91" s="22" t="s">
        <v>268</v>
      </c>
      <c r="X91" s="16">
        <v>25</v>
      </c>
      <c r="Y91" s="16">
        <v>20</v>
      </c>
      <c r="Z91" s="16">
        <v>2037</v>
      </c>
      <c r="AA91" s="22" t="s">
        <v>268</v>
      </c>
      <c r="AB91" s="16">
        <v>37</v>
      </c>
      <c r="AC91" s="22" t="s">
        <v>268</v>
      </c>
      <c r="AD91" s="22" t="s">
        <v>268</v>
      </c>
    </row>
    <row r="92" spans="1:30">
      <c r="A92" s="21" t="s">
        <v>232</v>
      </c>
      <c r="B92" s="21" t="s">
        <v>237</v>
      </c>
      <c r="C92" s="21" t="s">
        <v>264</v>
      </c>
      <c r="D92" s="21" t="s">
        <v>214</v>
      </c>
      <c r="E92" s="21" t="s">
        <v>632</v>
      </c>
      <c r="F92" s="21" t="s">
        <v>407</v>
      </c>
      <c r="G92" s="16">
        <v>2794</v>
      </c>
      <c r="H92" s="16">
        <v>219</v>
      </c>
      <c r="I92" s="16">
        <v>175</v>
      </c>
      <c r="J92" s="22" t="s">
        <v>268</v>
      </c>
      <c r="K92" s="16">
        <v>7</v>
      </c>
      <c r="L92" s="16">
        <v>24</v>
      </c>
      <c r="M92" s="16">
        <v>144</v>
      </c>
      <c r="N92" s="16">
        <v>44</v>
      </c>
      <c r="O92" s="22" t="s">
        <v>268</v>
      </c>
      <c r="P92" s="22" t="s">
        <v>268</v>
      </c>
      <c r="Q92" s="22" t="s">
        <v>268</v>
      </c>
      <c r="R92" s="22" t="s">
        <v>268</v>
      </c>
      <c r="S92" s="22" t="s">
        <v>268</v>
      </c>
      <c r="T92" s="16">
        <v>10</v>
      </c>
      <c r="U92" s="22" t="s">
        <v>268</v>
      </c>
      <c r="V92" s="16">
        <v>3</v>
      </c>
      <c r="W92" s="22" t="s">
        <v>268</v>
      </c>
      <c r="X92" s="16">
        <v>31</v>
      </c>
      <c r="Y92" s="16">
        <v>21</v>
      </c>
      <c r="Z92" s="16">
        <v>2554</v>
      </c>
      <c r="AA92" s="22" t="s">
        <v>268</v>
      </c>
      <c r="AB92" s="16">
        <v>45</v>
      </c>
      <c r="AC92" s="22" t="s">
        <v>268</v>
      </c>
      <c r="AD92" s="22" t="s">
        <v>268</v>
      </c>
    </row>
    <row r="93" spans="1:30">
      <c r="A93" s="21" t="s">
        <v>232</v>
      </c>
      <c r="B93" s="21" t="s">
        <v>237</v>
      </c>
      <c r="C93" s="21" t="s">
        <v>264</v>
      </c>
      <c r="D93" s="21" t="s">
        <v>214</v>
      </c>
      <c r="E93" s="21" t="s">
        <v>632</v>
      </c>
      <c r="F93" s="21" t="s">
        <v>408</v>
      </c>
      <c r="G93" s="16">
        <v>2312</v>
      </c>
      <c r="H93" s="16">
        <v>337</v>
      </c>
      <c r="I93" s="16">
        <v>282</v>
      </c>
      <c r="J93" s="22" t="s">
        <v>268</v>
      </c>
      <c r="K93" s="16">
        <v>4</v>
      </c>
      <c r="L93" s="16">
        <v>26</v>
      </c>
      <c r="M93" s="16">
        <v>252</v>
      </c>
      <c r="N93" s="16">
        <v>55</v>
      </c>
      <c r="O93" s="22" t="s">
        <v>268</v>
      </c>
      <c r="P93" s="22" t="s">
        <v>268</v>
      </c>
      <c r="Q93" s="22" t="s">
        <v>268</v>
      </c>
      <c r="R93" s="22" t="s">
        <v>268</v>
      </c>
      <c r="S93" s="22" t="s">
        <v>268</v>
      </c>
      <c r="T93" s="16">
        <v>13</v>
      </c>
      <c r="U93" s="16">
        <v>1</v>
      </c>
      <c r="V93" s="16">
        <v>2</v>
      </c>
      <c r="W93" s="22" t="s">
        <v>268</v>
      </c>
      <c r="X93" s="16">
        <v>39</v>
      </c>
      <c r="Y93" s="16">
        <v>15</v>
      </c>
      <c r="Z93" s="16">
        <v>1960</v>
      </c>
      <c r="AA93" s="22" t="s">
        <v>268</v>
      </c>
      <c r="AB93" s="16">
        <v>49</v>
      </c>
      <c r="AC93" s="22" t="s">
        <v>268</v>
      </c>
      <c r="AD93" s="22" t="s">
        <v>268</v>
      </c>
    </row>
    <row r="94" spans="1:30">
      <c r="A94" s="21" t="s">
        <v>232</v>
      </c>
      <c r="B94" s="21" t="s">
        <v>237</v>
      </c>
      <c r="C94" s="21" t="s">
        <v>264</v>
      </c>
      <c r="D94" s="21" t="s">
        <v>214</v>
      </c>
      <c r="E94" s="21" t="s">
        <v>632</v>
      </c>
      <c r="F94" s="21" t="s">
        <v>409</v>
      </c>
      <c r="G94" s="16">
        <v>2336</v>
      </c>
      <c r="H94" s="16">
        <v>476</v>
      </c>
      <c r="I94" s="16">
        <v>399</v>
      </c>
      <c r="J94" s="22" t="s">
        <v>268</v>
      </c>
      <c r="K94" s="16">
        <v>4</v>
      </c>
      <c r="L94" s="16">
        <v>50</v>
      </c>
      <c r="M94" s="16">
        <v>345</v>
      </c>
      <c r="N94" s="16">
        <v>77</v>
      </c>
      <c r="O94" s="22" t="s">
        <v>268</v>
      </c>
      <c r="P94" s="22" t="s">
        <v>268</v>
      </c>
      <c r="Q94" s="22" t="s">
        <v>268</v>
      </c>
      <c r="R94" s="22" t="s">
        <v>268</v>
      </c>
      <c r="S94" s="22" t="s">
        <v>268</v>
      </c>
      <c r="T94" s="16">
        <v>21</v>
      </c>
      <c r="U94" s="22" t="s">
        <v>268</v>
      </c>
      <c r="V94" s="16">
        <v>5</v>
      </c>
      <c r="W94" s="22" t="s">
        <v>268</v>
      </c>
      <c r="X94" s="16">
        <v>51</v>
      </c>
      <c r="Y94" s="16">
        <v>28</v>
      </c>
      <c r="Z94" s="16">
        <v>1832</v>
      </c>
      <c r="AA94" s="22" t="s">
        <v>268</v>
      </c>
      <c r="AB94" s="16">
        <v>71</v>
      </c>
      <c r="AC94" s="22" t="s">
        <v>268</v>
      </c>
      <c r="AD94" s="22" t="s">
        <v>268</v>
      </c>
    </row>
    <row r="95" spans="1:30">
      <c r="A95" s="21" t="s">
        <v>232</v>
      </c>
      <c r="B95" s="21" t="s">
        <v>237</v>
      </c>
      <c r="C95" s="21" t="s">
        <v>264</v>
      </c>
      <c r="D95" s="21" t="s">
        <v>214</v>
      </c>
      <c r="E95" s="21" t="s">
        <v>632</v>
      </c>
      <c r="F95" s="21" t="s">
        <v>410</v>
      </c>
      <c r="G95" s="16">
        <v>2444</v>
      </c>
      <c r="H95" s="16">
        <v>613</v>
      </c>
      <c r="I95" s="16">
        <v>524</v>
      </c>
      <c r="J95" s="22" t="s">
        <v>268</v>
      </c>
      <c r="K95" s="16">
        <v>3</v>
      </c>
      <c r="L95" s="16">
        <v>76</v>
      </c>
      <c r="M95" s="16">
        <v>445</v>
      </c>
      <c r="N95" s="16">
        <v>89</v>
      </c>
      <c r="O95" s="22" t="s">
        <v>268</v>
      </c>
      <c r="P95" s="16">
        <v>1</v>
      </c>
      <c r="Q95" s="22" t="s">
        <v>268</v>
      </c>
      <c r="R95" s="16">
        <v>1</v>
      </c>
      <c r="S95" s="22" t="s">
        <v>268</v>
      </c>
      <c r="T95" s="16">
        <v>32</v>
      </c>
      <c r="U95" s="22" t="s">
        <v>268</v>
      </c>
      <c r="V95" s="16">
        <v>4</v>
      </c>
      <c r="W95" s="22" t="s">
        <v>268</v>
      </c>
      <c r="X95" s="16">
        <v>51</v>
      </c>
      <c r="Y95" s="16">
        <v>45</v>
      </c>
      <c r="Z95" s="16">
        <v>1786</v>
      </c>
      <c r="AA95" s="22" t="s">
        <v>268</v>
      </c>
      <c r="AB95" s="16">
        <v>83</v>
      </c>
      <c r="AC95" s="22" t="s">
        <v>268</v>
      </c>
      <c r="AD95" s="22" t="s">
        <v>268</v>
      </c>
    </row>
    <row r="96" spans="1:30">
      <c r="A96" s="21" t="s">
        <v>232</v>
      </c>
      <c r="B96" s="21" t="s">
        <v>237</v>
      </c>
      <c r="C96" s="21" t="s">
        <v>264</v>
      </c>
      <c r="D96" s="21" t="s">
        <v>214</v>
      </c>
      <c r="E96" s="21" t="s">
        <v>632</v>
      </c>
      <c r="F96" s="21" t="s">
        <v>411</v>
      </c>
      <c r="G96" s="16">
        <v>2573</v>
      </c>
      <c r="H96" s="16">
        <v>676</v>
      </c>
      <c r="I96" s="16">
        <v>543</v>
      </c>
      <c r="J96" s="22" t="s">
        <v>268</v>
      </c>
      <c r="K96" s="16">
        <v>6</v>
      </c>
      <c r="L96" s="16">
        <v>81</v>
      </c>
      <c r="M96" s="16">
        <v>456</v>
      </c>
      <c r="N96" s="16">
        <v>133</v>
      </c>
      <c r="O96" s="22" t="s">
        <v>268</v>
      </c>
      <c r="P96" s="16">
        <v>1</v>
      </c>
      <c r="Q96" s="22" t="s">
        <v>268</v>
      </c>
      <c r="R96" s="16">
        <v>3</v>
      </c>
      <c r="S96" s="22" t="s">
        <v>268</v>
      </c>
      <c r="T96" s="16">
        <v>38</v>
      </c>
      <c r="U96" s="16">
        <v>3</v>
      </c>
      <c r="V96" s="16">
        <v>2</v>
      </c>
      <c r="W96" s="22" t="s">
        <v>268</v>
      </c>
      <c r="X96" s="16">
        <v>86</v>
      </c>
      <c r="Y96" s="16">
        <v>44</v>
      </c>
      <c r="Z96" s="16">
        <v>1853</v>
      </c>
      <c r="AA96" s="22" t="s">
        <v>268</v>
      </c>
      <c r="AB96" s="16">
        <v>126</v>
      </c>
      <c r="AC96" s="22" t="s">
        <v>268</v>
      </c>
      <c r="AD96" s="22" t="s">
        <v>268</v>
      </c>
    </row>
    <row r="97" spans="1:30">
      <c r="A97" s="21" t="s">
        <v>232</v>
      </c>
      <c r="B97" s="21" t="s">
        <v>237</v>
      </c>
      <c r="C97" s="21" t="s">
        <v>264</v>
      </c>
      <c r="D97" s="21" t="s">
        <v>214</v>
      </c>
      <c r="E97" s="21" t="s">
        <v>632</v>
      </c>
      <c r="F97" s="21" t="s">
        <v>412</v>
      </c>
      <c r="G97" s="16">
        <v>2144</v>
      </c>
      <c r="H97" s="16">
        <v>563</v>
      </c>
      <c r="I97" s="16">
        <v>440</v>
      </c>
      <c r="J97" s="22" t="s">
        <v>268</v>
      </c>
      <c r="K97" s="16">
        <v>3</v>
      </c>
      <c r="L97" s="16">
        <v>97</v>
      </c>
      <c r="M97" s="16">
        <v>340</v>
      </c>
      <c r="N97" s="16">
        <v>123</v>
      </c>
      <c r="O97" s="22" t="s">
        <v>268</v>
      </c>
      <c r="P97" s="16">
        <v>1</v>
      </c>
      <c r="Q97" s="22" t="s">
        <v>268</v>
      </c>
      <c r="R97" s="16">
        <v>12</v>
      </c>
      <c r="S97" s="16">
        <v>1</v>
      </c>
      <c r="T97" s="16">
        <v>17</v>
      </c>
      <c r="U97" s="16">
        <v>3</v>
      </c>
      <c r="V97" s="16">
        <v>4</v>
      </c>
      <c r="W97" s="22" t="s">
        <v>268</v>
      </c>
      <c r="X97" s="16">
        <v>85</v>
      </c>
      <c r="Y97" s="16">
        <v>37</v>
      </c>
      <c r="Z97" s="16">
        <v>1544</v>
      </c>
      <c r="AA97" s="22" t="s">
        <v>268</v>
      </c>
      <c r="AB97" s="16">
        <v>110</v>
      </c>
      <c r="AC97" s="22" t="s">
        <v>268</v>
      </c>
      <c r="AD97" s="22" t="s">
        <v>268</v>
      </c>
    </row>
    <row r="98" spans="1:30">
      <c r="A98" s="21" t="s">
        <v>232</v>
      </c>
      <c r="B98" s="21" t="s">
        <v>237</v>
      </c>
      <c r="C98" s="21" t="s">
        <v>264</v>
      </c>
      <c r="D98" s="21" t="s">
        <v>214</v>
      </c>
      <c r="E98" s="21" t="s">
        <v>632</v>
      </c>
      <c r="F98" s="21" t="s">
        <v>413</v>
      </c>
      <c r="G98" s="16">
        <v>1819</v>
      </c>
      <c r="H98" s="16">
        <v>416</v>
      </c>
      <c r="I98" s="16">
        <v>297</v>
      </c>
      <c r="J98" s="22" t="s">
        <v>268</v>
      </c>
      <c r="K98" s="16">
        <v>5</v>
      </c>
      <c r="L98" s="16">
        <v>65</v>
      </c>
      <c r="M98" s="16">
        <v>227</v>
      </c>
      <c r="N98" s="16">
        <v>119</v>
      </c>
      <c r="O98" s="22" t="s">
        <v>268</v>
      </c>
      <c r="P98" s="16">
        <v>1</v>
      </c>
      <c r="Q98" s="22" t="s">
        <v>268</v>
      </c>
      <c r="R98" s="16">
        <v>20</v>
      </c>
      <c r="S98" s="22" t="s">
        <v>268</v>
      </c>
      <c r="T98" s="16">
        <v>9</v>
      </c>
      <c r="U98" s="16">
        <v>3</v>
      </c>
      <c r="V98" s="16">
        <v>9</v>
      </c>
      <c r="W98" s="22" t="s">
        <v>268</v>
      </c>
      <c r="X98" s="16">
        <v>77</v>
      </c>
      <c r="Y98" s="16">
        <v>27</v>
      </c>
      <c r="Z98" s="16">
        <v>1376</v>
      </c>
      <c r="AA98" s="22" t="s">
        <v>268</v>
      </c>
      <c r="AB98" s="16">
        <v>112</v>
      </c>
      <c r="AC98" s="22" t="s">
        <v>268</v>
      </c>
      <c r="AD98" s="22" t="s">
        <v>268</v>
      </c>
    </row>
    <row r="99" spans="1:30">
      <c r="A99" s="21" t="s">
        <v>232</v>
      </c>
      <c r="B99" s="21" t="s">
        <v>237</v>
      </c>
      <c r="C99" s="21" t="s">
        <v>264</v>
      </c>
      <c r="D99" s="21" t="s">
        <v>214</v>
      </c>
      <c r="E99" s="21" t="s">
        <v>632</v>
      </c>
      <c r="F99" s="21" t="s">
        <v>414</v>
      </c>
      <c r="G99" s="16">
        <v>1719</v>
      </c>
      <c r="H99" s="16">
        <v>383</v>
      </c>
      <c r="I99" s="16">
        <v>255</v>
      </c>
      <c r="J99" s="22" t="s">
        <v>268</v>
      </c>
      <c r="K99" s="22" t="s">
        <v>268</v>
      </c>
      <c r="L99" s="16">
        <v>61</v>
      </c>
      <c r="M99" s="16">
        <v>194</v>
      </c>
      <c r="N99" s="16">
        <v>128</v>
      </c>
      <c r="O99" s="22" t="s">
        <v>268</v>
      </c>
      <c r="P99" s="16">
        <v>5</v>
      </c>
      <c r="Q99" s="22" t="s">
        <v>268</v>
      </c>
      <c r="R99" s="16">
        <v>29</v>
      </c>
      <c r="S99" s="22" t="s">
        <v>268</v>
      </c>
      <c r="T99" s="16">
        <v>4</v>
      </c>
      <c r="U99" s="16">
        <v>3</v>
      </c>
      <c r="V99" s="16">
        <v>9</v>
      </c>
      <c r="W99" s="22" t="s">
        <v>268</v>
      </c>
      <c r="X99" s="16">
        <v>78</v>
      </c>
      <c r="Y99" s="16">
        <v>25</v>
      </c>
      <c r="Z99" s="16">
        <v>1311</v>
      </c>
      <c r="AA99" s="22" t="s">
        <v>268</v>
      </c>
      <c r="AB99" s="16">
        <v>116</v>
      </c>
      <c r="AC99" s="22" t="s">
        <v>268</v>
      </c>
      <c r="AD99" s="22" t="s">
        <v>268</v>
      </c>
    </row>
    <row r="100" spans="1:30">
      <c r="A100" s="21" t="s">
        <v>232</v>
      </c>
      <c r="B100" s="21" t="s">
        <v>237</v>
      </c>
      <c r="C100" s="21" t="s">
        <v>264</v>
      </c>
      <c r="D100" s="21" t="s">
        <v>214</v>
      </c>
      <c r="E100" s="21" t="s">
        <v>632</v>
      </c>
      <c r="F100" s="21" t="s">
        <v>415</v>
      </c>
      <c r="G100" s="16">
        <v>1756</v>
      </c>
      <c r="H100" s="16">
        <v>378</v>
      </c>
      <c r="I100" s="16">
        <v>250</v>
      </c>
      <c r="J100" s="22" t="s">
        <v>268</v>
      </c>
      <c r="K100" s="22" t="s">
        <v>268</v>
      </c>
      <c r="L100" s="16">
        <v>65</v>
      </c>
      <c r="M100" s="16">
        <v>185</v>
      </c>
      <c r="N100" s="16">
        <v>128</v>
      </c>
      <c r="O100" s="22" t="s">
        <v>268</v>
      </c>
      <c r="P100" s="16">
        <v>8</v>
      </c>
      <c r="Q100" s="22" t="s">
        <v>268</v>
      </c>
      <c r="R100" s="16">
        <v>41</v>
      </c>
      <c r="S100" s="22" t="s">
        <v>268</v>
      </c>
      <c r="T100" s="16">
        <v>1</v>
      </c>
      <c r="U100" s="16">
        <v>1</v>
      </c>
      <c r="V100" s="16">
        <v>8</v>
      </c>
      <c r="W100" s="22" t="s">
        <v>268</v>
      </c>
      <c r="X100" s="16">
        <v>69</v>
      </c>
      <c r="Y100" s="16">
        <v>17</v>
      </c>
      <c r="Z100" s="16">
        <v>1361</v>
      </c>
      <c r="AA100" s="22" t="s">
        <v>268</v>
      </c>
      <c r="AB100" s="16">
        <v>109</v>
      </c>
      <c r="AC100" s="22" t="s">
        <v>268</v>
      </c>
      <c r="AD100" s="16">
        <v>1361</v>
      </c>
    </row>
    <row r="101" spans="1:30">
      <c r="A101" s="21" t="s">
        <v>232</v>
      </c>
      <c r="B101" s="21" t="s">
        <v>237</v>
      </c>
      <c r="C101" s="21" t="s">
        <v>264</v>
      </c>
      <c r="D101" s="21" t="s">
        <v>214</v>
      </c>
      <c r="E101" s="21" t="s">
        <v>632</v>
      </c>
      <c r="F101" s="21" t="s">
        <v>416</v>
      </c>
      <c r="G101" s="16">
        <v>1832</v>
      </c>
      <c r="H101" s="16">
        <v>483</v>
      </c>
      <c r="I101" s="16">
        <v>313</v>
      </c>
      <c r="J101" s="22" t="s">
        <v>268</v>
      </c>
      <c r="K101" s="22" t="s">
        <v>268</v>
      </c>
      <c r="L101" s="16">
        <v>86</v>
      </c>
      <c r="M101" s="16">
        <v>227</v>
      </c>
      <c r="N101" s="16">
        <v>170</v>
      </c>
      <c r="O101" s="22" t="s">
        <v>268</v>
      </c>
      <c r="P101" s="16">
        <v>15</v>
      </c>
      <c r="Q101" s="22" t="s">
        <v>268</v>
      </c>
      <c r="R101" s="16">
        <v>59</v>
      </c>
      <c r="S101" s="22" t="s">
        <v>268</v>
      </c>
      <c r="T101" s="16">
        <v>3</v>
      </c>
      <c r="U101" s="16">
        <v>3</v>
      </c>
      <c r="V101" s="16">
        <v>6</v>
      </c>
      <c r="W101" s="22" t="s">
        <v>268</v>
      </c>
      <c r="X101" s="16">
        <v>84</v>
      </c>
      <c r="Y101" s="16">
        <v>23</v>
      </c>
      <c r="Z101" s="16">
        <v>1326</v>
      </c>
      <c r="AA101" s="22" t="s">
        <v>268</v>
      </c>
      <c r="AB101" s="16">
        <v>141</v>
      </c>
      <c r="AC101" s="22" t="s">
        <v>268</v>
      </c>
      <c r="AD101" s="16">
        <v>1326</v>
      </c>
    </row>
    <row r="102" spans="1:30">
      <c r="A102" s="21" t="s">
        <v>232</v>
      </c>
      <c r="B102" s="21" t="s">
        <v>237</v>
      </c>
      <c r="C102" s="21" t="s">
        <v>264</v>
      </c>
      <c r="D102" s="21" t="s">
        <v>214</v>
      </c>
      <c r="E102" s="21" t="s">
        <v>632</v>
      </c>
      <c r="F102" s="21" t="s">
        <v>417</v>
      </c>
      <c r="G102" s="16">
        <v>1452</v>
      </c>
      <c r="H102" s="16">
        <v>435</v>
      </c>
      <c r="I102" s="16">
        <v>245</v>
      </c>
      <c r="J102" s="22" t="s">
        <v>268</v>
      </c>
      <c r="K102" s="22" t="s">
        <v>268</v>
      </c>
      <c r="L102" s="16">
        <v>56</v>
      </c>
      <c r="M102" s="16">
        <v>189</v>
      </c>
      <c r="N102" s="16">
        <v>190</v>
      </c>
      <c r="O102" s="22" t="s">
        <v>268</v>
      </c>
      <c r="P102" s="16">
        <v>24</v>
      </c>
      <c r="Q102" s="22" t="s">
        <v>268</v>
      </c>
      <c r="R102" s="16">
        <v>72</v>
      </c>
      <c r="S102" s="22" t="s">
        <v>268</v>
      </c>
      <c r="T102" s="16">
        <v>2</v>
      </c>
      <c r="U102" s="16">
        <v>5</v>
      </c>
      <c r="V102" s="16">
        <v>9</v>
      </c>
      <c r="W102" s="22" t="s">
        <v>268</v>
      </c>
      <c r="X102" s="16">
        <v>78</v>
      </c>
      <c r="Y102" s="16">
        <v>18</v>
      </c>
      <c r="Z102" s="16">
        <v>999</v>
      </c>
      <c r="AA102" s="22" t="s">
        <v>268</v>
      </c>
      <c r="AB102" s="16">
        <v>150</v>
      </c>
      <c r="AC102" s="22" t="s">
        <v>268</v>
      </c>
      <c r="AD102" s="16">
        <v>999</v>
      </c>
    </row>
    <row r="103" spans="1:30">
      <c r="A103" s="21" t="s">
        <v>232</v>
      </c>
      <c r="B103" s="21" t="s">
        <v>237</v>
      </c>
      <c r="C103" s="21" t="s">
        <v>264</v>
      </c>
      <c r="D103" s="21" t="s">
        <v>214</v>
      </c>
      <c r="E103" s="21" t="s">
        <v>632</v>
      </c>
      <c r="F103" s="21" t="s">
        <v>418</v>
      </c>
      <c r="G103" s="16">
        <v>1443</v>
      </c>
      <c r="H103" s="16">
        <v>538</v>
      </c>
      <c r="I103" s="16">
        <v>319</v>
      </c>
      <c r="J103" s="22" t="s">
        <v>268</v>
      </c>
      <c r="K103" s="22" t="s">
        <v>268</v>
      </c>
      <c r="L103" s="16">
        <v>61</v>
      </c>
      <c r="M103" s="16">
        <v>258</v>
      </c>
      <c r="N103" s="16">
        <v>219</v>
      </c>
      <c r="O103" s="22" t="s">
        <v>268</v>
      </c>
      <c r="P103" s="16">
        <v>44</v>
      </c>
      <c r="Q103" s="22" t="s">
        <v>268</v>
      </c>
      <c r="R103" s="16">
        <v>87</v>
      </c>
      <c r="S103" s="22" t="s">
        <v>268</v>
      </c>
      <c r="T103" s="22" t="s">
        <v>268</v>
      </c>
      <c r="U103" s="16">
        <v>5</v>
      </c>
      <c r="V103" s="16">
        <v>10</v>
      </c>
      <c r="W103" s="22" t="s">
        <v>268</v>
      </c>
      <c r="X103" s="16">
        <v>73</v>
      </c>
      <c r="Y103" s="16">
        <v>14</v>
      </c>
      <c r="Z103" s="16">
        <v>891</v>
      </c>
      <c r="AA103" s="22" t="s">
        <v>268</v>
      </c>
      <c r="AB103" s="16">
        <v>166</v>
      </c>
      <c r="AC103" s="22" t="s">
        <v>268</v>
      </c>
      <c r="AD103" s="16">
        <v>891</v>
      </c>
    </row>
    <row r="104" spans="1:30">
      <c r="A104" s="21" t="s">
        <v>232</v>
      </c>
      <c r="B104" s="21" t="s">
        <v>237</v>
      </c>
      <c r="C104" s="21" t="s">
        <v>264</v>
      </c>
      <c r="D104" s="21" t="s">
        <v>214</v>
      </c>
      <c r="E104" s="21" t="s">
        <v>632</v>
      </c>
      <c r="F104" s="21" t="s">
        <v>419</v>
      </c>
      <c r="G104" s="16">
        <v>1141</v>
      </c>
      <c r="H104" s="16">
        <v>511</v>
      </c>
      <c r="I104" s="16">
        <v>270</v>
      </c>
      <c r="J104" s="22" t="s">
        <v>268</v>
      </c>
      <c r="K104" s="22" t="s">
        <v>268</v>
      </c>
      <c r="L104" s="16">
        <v>38</v>
      </c>
      <c r="M104" s="16">
        <v>232</v>
      </c>
      <c r="N104" s="16">
        <v>241</v>
      </c>
      <c r="O104" s="22" t="s">
        <v>268</v>
      </c>
      <c r="P104" s="16">
        <v>80</v>
      </c>
      <c r="Q104" s="22" t="s">
        <v>268</v>
      </c>
      <c r="R104" s="16">
        <v>71</v>
      </c>
      <c r="S104" s="22" t="s">
        <v>268</v>
      </c>
      <c r="T104" s="16">
        <v>2</v>
      </c>
      <c r="U104" s="16">
        <v>4</v>
      </c>
      <c r="V104" s="16">
        <v>24</v>
      </c>
      <c r="W104" s="22" t="s">
        <v>268</v>
      </c>
      <c r="X104" s="16">
        <v>60</v>
      </c>
      <c r="Y104" s="16">
        <v>16</v>
      </c>
      <c r="Z104" s="16">
        <v>614</v>
      </c>
      <c r="AA104" s="22" t="s">
        <v>268</v>
      </c>
      <c r="AB104" s="16">
        <v>149</v>
      </c>
      <c r="AC104" s="22" t="s">
        <v>268</v>
      </c>
      <c r="AD104" s="16">
        <v>614</v>
      </c>
    </row>
    <row r="105" spans="1:30">
      <c r="A105" s="21" t="s">
        <v>232</v>
      </c>
      <c r="B105" s="21" t="s">
        <v>237</v>
      </c>
      <c r="C105" s="21" t="s">
        <v>264</v>
      </c>
      <c r="D105" s="21" t="s">
        <v>214</v>
      </c>
      <c r="E105" s="21" t="s">
        <v>632</v>
      </c>
      <c r="F105" s="21" t="s">
        <v>420</v>
      </c>
      <c r="G105" s="16">
        <v>614</v>
      </c>
      <c r="H105" s="16">
        <v>370</v>
      </c>
      <c r="I105" s="16">
        <v>167</v>
      </c>
      <c r="J105" s="22" t="s">
        <v>268</v>
      </c>
      <c r="K105" s="22" t="s">
        <v>268</v>
      </c>
      <c r="L105" s="16">
        <v>27</v>
      </c>
      <c r="M105" s="16">
        <v>140</v>
      </c>
      <c r="N105" s="16">
        <v>203</v>
      </c>
      <c r="O105" s="22" t="s">
        <v>268</v>
      </c>
      <c r="P105" s="16">
        <v>85</v>
      </c>
      <c r="Q105" s="22" t="s">
        <v>268</v>
      </c>
      <c r="R105" s="16">
        <v>56</v>
      </c>
      <c r="S105" s="16">
        <v>1</v>
      </c>
      <c r="T105" s="16">
        <v>1</v>
      </c>
      <c r="U105" s="16">
        <v>8</v>
      </c>
      <c r="V105" s="16">
        <v>16</v>
      </c>
      <c r="W105" s="22" t="s">
        <v>268</v>
      </c>
      <c r="X105" s="16">
        <v>36</v>
      </c>
      <c r="Y105" s="16">
        <v>4</v>
      </c>
      <c r="Z105" s="16">
        <v>240</v>
      </c>
      <c r="AA105" s="22" t="s">
        <v>268</v>
      </c>
      <c r="AB105" s="16">
        <v>109</v>
      </c>
      <c r="AC105" s="22" t="s">
        <v>268</v>
      </c>
      <c r="AD105" s="16">
        <v>240</v>
      </c>
    </row>
    <row r="106" spans="1:30">
      <c r="A106" s="21" t="s">
        <v>232</v>
      </c>
      <c r="B106" s="21" t="s">
        <v>237</v>
      </c>
      <c r="C106" s="21" t="s">
        <v>264</v>
      </c>
      <c r="D106" s="21" t="s">
        <v>214</v>
      </c>
      <c r="E106" s="21" t="s">
        <v>632</v>
      </c>
      <c r="F106" s="21" t="s">
        <v>421</v>
      </c>
      <c r="G106" s="16">
        <v>174</v>
      </c>
      <c r="H106" s="16">
        <v>127</v>
      </c>
      <c r="I106" s="16">
        <v>55</v>
      </c>
      <c r="J106" s="22" t="s">
        <v>268</v>
      </c>
      <c r="K106" s="22" t="s">
        <v>268</v>
      </c>
      <c r="L106" s="16">
        <v>8</v>
      </c>
      <c r="M106" s="16">
        <v>47</v>
      </c>
      <c r="N106" s="16">
        <v>72</v>
      </c>
      <c r="O106" s="22" t="s">
        <v>268</v>
      </c>
      <c r="P106" s="16">
        <v>39</v>
      </c>
      <c r="Q106" s="22" t="s">
        <v>268</v>
      </c>
      <c r="R106" s="16">
        <v>12</v>
      </c>
      <c r="S106" s="22" t="s">
        <v>268</v>
      </c>
      <c r="T106" s="22" t="s">
        <v>268</v>
      </c>
      <c r="U106" s="16">
        <v>1</v>
      </c>
      <c r="V106" s="16">
        <v>2</v>
      </c>
      <c r="W106" s="16">
        <v>1</v>
      </c>
      <c r="X106" s="16">
        <v>17</v>
      </c>
      <c r="Y106" s="16">
        <v>1</v>
      </c>
      <c r="Z106" s="16">
        <v>46</v>
      </c>
      <c r="AA106" s="22" t="s">
        <v>268</v>
      </c>
      <c r="AB106" s="16">
        <v>30</v>
      </c>
      <c r="AC106" s="22" t="s">
        <v>268</v>
      </c>
      <c r="AD106" s="16">
        <v>46</v>
      </c>
    </row>
    <row r="107" spans="1:30">
      <c r="A107" s="21" t="s">
        <v>232</v>
      </c>
      <c r="B107" s="21" t="s">
        <v>237</v>
      </c>
      <c r="C107" s="21" t="s">
        <v>264</v>
      </c>
      <c r="D107" s="21" t="s">
        <v>214</v>
      </c>
      <c r="E107" s="21" t="s">
        <v>632</v>
      </c>
      <c r="F107" s="21" t="s">
        <v>422</v>
      </c>
      <c r="G107" s="16">
        <v>29</v>
      </c>
      <c r="H107" s="16">
        <v>23</v>
      </c>
      <c r="I107" s="16">
        <v>6</v>
      </c>
      <c r="J107" s="22" t="s">
        <v>268</v>
      </c>
      <c r="K107" s="22" t="s">
        <v>268</v>
      </c>
      <c r="L107" s="16">
        <v>1</v>
      </c>
      <c r="M107" s="16">
        <v>5</v>
      </c>
      <c r="N107" s="16">
        <v>17</v>
      </c>
      <c r="O107" s="22" t="s">
        <v>268</v>
      </c>
      <c r="P107" s="16">
        <v>9</v>
      </c>
      <c r="Q107" s="22" t="s">
        <v>268</v>
      </c>
      <c r="R107" s="16">
        <v>3</v>
      </c>
      <c r="S107" s="16">
        <v>1</v>
      </c>
      <c r="T107" s="22" t="s">
        <v>268</v>
      </c>
      <c r="U107" s="22" t="s">
        <v>268</v>
      </c>
      <c r="V107" s="16">
        <v>1</v>
      </c>
      <c r="W107" s="22" t="s">
        <v>268</v>
      </c>
      <c r="X107" s="16">
        <v>3</v>
      </c>
      <c r="Y107" s="22" t="s">
        <v>268</v>
      </c>
      <c r="Z107" s="16">
        <v>6</v>
      </c>
      <c r="AA107" s="22" t="s">
        <v>268</v>
      </c>
      <c r="AB107" s="16">
        <v>6</v>
      </c>
      <c r="AC107" s="22" t="s">
        <v>268</v>
      </c>
      <c r="AD107" s="16">
        <v>6</v>
      </c>
    </row>
    <row r="108" spans="1:30">
      <c r="A108" s="21" t="s">
        <v>232</v>
      </c>
      <c r="B108" s="21" t="s">
        <v>237</v>
      </c>
      <c r="C108" s="21" t="s">
        <v>264</v>
      </c>
      <c r="D108" s="21" t="s">
        <v>214</v>
      </c>
      <c r="E108" s="21" t="s">
        <v>632</v>
      </c>
      <c r="F108" s="21" t="s">
        <v>423</v>
      </c>
      <c r="G108" s="16">
        <v>24699</v>
      </c>
      <c r="H108" s="22" t="s">
        <v>268</v>
      </c>
      <c r="I108" s="22" t="s">
        <v>268</v>
      </c>
      <c r="J108" s="22" t="s">
        <v>268</v>
      </c>
      <c r="K108" s="22" t="s">
        <v>268</v>
      </c>
      <c r="L108" s="22" t="s">
        <v>268</v>
      </c>
      <c r="M108" s="22" t="s">
        <v>268</v>
      </c>
      <c r="N108" s="22" t="s">
        <v>268</v>
      </c>
      <c r="O108" s="22" t="s">
        <v>268</v>
      </c>
      <c r="P108" s="22" t="s">
        <v>268</v>
      </c>
      <c r="Q108" s="22" t="s">
        <v>268</v>
      </c>
      <c r="R108" s="22" t="s">
        <v>268</v>
      </c>
      <c r="S108" s="22" t="s">
        <v>268</v>
      </c>
      <c r="T108" s="22" t="s">
        <v>268</v>
      </c>
      <c r="U108" s="22" t="s">
        <v>268</v>
      </c>
      <c r="V108" s="22" t="s">
        <v>268</v>
      </c>
      <c r="W108" s="22" t="s">
        <v>268</v>
      </c>
      <c r="X108" s="22" t="s">
        <v>268</v>
      </c>
      <c r="Y108" s="22" t="s">
        <v>268</v>
      </c>
      <c r="Z108" s="16">
        <v>21065</v>
      </c>
      <c r="AA108" s="16">
        <v>3634</v>
      </c>
      <c r="AB108" s="22" t="s">
        <v>268</v>
      </c>
      <c r="AC108" s="22" t="s">
        <v>268</v>
      </c>
      <c r="AD108" s="22" t="s">
        <v>268</v>
      </c>
    </row>
    <row r="109" spans="1:30">
      <c r="A109" s="21" t="s">
        <v>232</v>
      </c>
      <c r="B109" s="21" t="s">
        <v>237</v>
      </c>
      <c r="C109" s="21" t="s">
        <v>264</v>
      </c>
      <c r="D109" s="21" t="s">
        <v>214</v>
      </c>
      <c r="E109" s="21" t="s">
        <v>632</v>
      </c>
      <c r="F109" s="21" t="s">
        <v>386</v>
      </c>
      <c r="G109" s="22" t="s">
        <v>268</v>
      </c>
      <c r="H109" s="22" t="s">
        <v>268</v>
      </c>
      <c r="I109" s="22" t="s">
        <v>268</v>
      </c>
      <c r="J109" s="22" t="s">
        <v>268</v>
      </c>
      <c r="K109" s="22" t="s">
        <v>268</v>
      </c>
      <c r="L109" s="22" t="s">
        <v>268</v>
      </c>
      <c r="M109" s="22" t="s">
        <v>268</v>
      </c>
      <c r="N109" s="22" t="s">
        <v>268</v>
      </c>
      <c r="O109" s="22" t="s">
        <v>268</v>
      </c>
      <c r="P109" s="22" t="s">
        <v>268</v>
      </c>
      <c r="Q109" s="22" t="s">
        <v>268</v>
      </c>
      <c r="R109" s="22" t="s">
        <v>268</v>
      </c>
      <c r="S109" s="22" t="s">
        <v>268</v>
      </c>
      <c r="T109" s="22" t="s">
        <v>268</v>
      </c>
      <c r="U109" s="22" t="s">
        <v>268</v>
      </c>
      <c r="V109" s="22" t="s">
        <v>268</v>
      </c>
      <c r="W109" s="22" t="s">
        <v>268</v>
      </c>
      <c r="X109" s="22" t="s">
        <v>268</v>
      </c>
      <c r="Y109" s="22" t="s">
        <v>268</v>
      </c>
      <c r="Z109" s="22" t="s">
        <v>268</v>
      </c>
      <c r="AA109" s="22" t="s">
        <v>268</v>
      </c>
      <c r="AB109" s="22" t="s">
        <v>268</v>
      </c>
      <c r="AC109" s="22" t="s">
        <v>268</v>
      </c>
      <c r="AD109" s="22" t="s">
        <v>268</v>
      </c>
    </row>
    <row r="110" spans="1:30">
      <c r="A110" s="21" t="s">
        <v>232</v>
      </c>
      <c r="B110" s="21" t="s">
        <v>237</v>
      </c>
      <c r="C110" s="21" t="s">
        <v>264</v>
      </c>
      <c r="D110" s="21" t="s">
        <v>214</v>
      </c>
      <c r="E110" s="21" t="s">
        <v>632</v>
      </c>
      <c r="F110" s="21" t="s">
        <v>387</v>
      </c>
      <c r="G110" s="16">
        <v>20529</v>
      </c>
      <c r="H110" s="16">
        <v>3810</v>
      </c>
      <c r="I110" s="16">
        <v>2991</v>
      </c>
      <c r="J110" s="22" t="s">
        <v>268</v>
      </c>
      <c r="K110" s="16">
        <v>37</v>
      </c>
      <c r="L110" s="16">
        <v>485</v>
      </c>
      <c r="M110" s="16">
        <v>2469</v>
      </c>
      <c r="N110" s="16">
        <v>819</v>
      </c>
      <c r="O110" s="22" t="s">
        <v>268</v>
      </c>
      <c r="P110" s="16">
        <v>9</v>
      </c>
      <c r="Q110" s="22" t="s">
        <v>268</v>
      </c>
      <c r="R110" s="16">
        <v>65</v>
      </c>
      <c r="S110" s="16">
        <v>2</v>
      </c>
      <c r="T110" s="16">
        <v>163</v>
      </c>
      <c r="U110" s="16">
        <v>14</v>
      </c>
      <c r="V110" s="16">
        <v>40</v>
      </c>
      <c r="W110" s="22" t="s">
        <v>268</v>
      </c>
      <c r="X110" s="16">
        <v>526</v>
      </c>
      <c r="Y110" s="16">
        <v>262</v>
      </c>
      <c r="Z110" s="16">
        <v>16457</v>
      </c>
      <c r="AA110" s="22" t="s">
        <v>268</v>
      </c>
      <c r="AB110" s="16">
        <v>759</v>
      </c>
      <c r="AC110" s="22" t="s">
        <v>268</v>
      </c>
      <c r="AD110" s="22" t="s">
        <v>268</v>
      </c>
    </row>
    <row r="111" spans="1:30">
      <c r="A111" s="21" t="s">
        <v>232</v>
      </c>
      <c r="B111" s="21" t="s">
        <v>237</v>
      </c>
      <c r="C111" s="21" t="s">
        <v>264</v>
      </c>
      <c r="D111" s="21" t="s">
        <v>214</v>
      </c>
      <c r="E111" s="21" t="s">
        <v>632</v>
      </c>
      <c r="F111" s="21" t="s">
        <v>388</v>
      </c>
      <c r="G111" s="16">
        <v>8441</v>
      </c>
      <c r="H111" s="16">
        <v>2865</v>
      </c>
      <c r="I111" s="16">
        <v>1625</v>
      </c>
      <c r="J111" s="22" t="s">
        <v>268</v>
      </c>
      <c r="K111" s="22" t="s">
        <v>268</v>
      </c>
      <c r="L111" s="16">
        <v>342</v>
      </c>
      <c r="M111" s="16">
        <v>1283</v>
      </c>
      <c r="N111" s="16">
        <v>1240</v>
      </c>
      <c r="O111" s="22" t="s">
        <v>268</v>
      </c>
      <c r="P111" s="16">
        <v>304</v>
      </c>
      <c r="Q111" s="22" t="s">
        <v>268</v>
      </c>
      <c r="R111" s="16">
        <v>401</v>
      </c>
      <c r="S111" s="16">
        <v>2</v>
      </c>
      <c r="T111" s="16">
        <v>9</v>
      </c>
      <c r="U111" s="16">
        <v>27</v>
      </c>
      <c r="V111" s="16">
        <v>76</v>
      </c>
      <c r="W111" s="16">
        <v>1</v>
      </c>
      <c r="X111" s="16">
        <v>420</v>
      </c>
      <c r="Y111" s="16">
        <v>93</v>
      </c>
      <c r="Z111" s="16">
        <v>5483</v>
      </c>
      <c r="AA111" s="22" t="s">
        <v>268</v>
      </c>
      <c r="AB111" s="16">
        <v>860</v>
      </c>
      <c r="AC111" s="22" t="s">
        <v>268</v>
      </c>
      <c r="AD111" s="16">
        <v>5483</v>
      </c>
    </row>
    <row r="112" spans="1:30">
      <c r="A112" s="21" t="s">
        <v>232</v>
      </c>
      <c r="B112" s="21" t="s">
        <v>237</v>
      </c>
      <c r="C112" s="21" t="s">
        <v>264</v>
      </c>
      <c r="D112" s="21" t="s">
        <v>214</v>
      </c>
      <c r="E112" s="21" t="s">
        <v>632</v>
      </c>
      <c r="F112" s="21" t="s">
        <v>389</v>
      </c>
      <c r="G112" s="16">
        <v>4853</v>
      </c>
      <c r="H112" s="16">
        <v>2004</v>
      </c>
      <c r="I112" s="16">
        <v>1062</v>
      </c>
      <c r="J112" s="22" t="s">
        <v>268</v>
      </c>
      <c r="K112" s="22" t="s">
        <v>268</v>
      </c>
      <c r="L112" s="16">
        <v>191</v>
      </c>
      <c r="M112" s="16">
        <v>871</v>
      </c>
      <c r="N112" s="16">
        <v>942</v>
      </c>
      <c r="O112" s="22" t="s">
        <v>268</v>
      </c>
      <c r="P112" s="16">
        <v>281</v>
      </c>
      <c r="Q112" s="22" t="s">
        <v>268</v>
      </c>
      <c r="R112" s="16">
        <v>301</v>
      </c>
      <c r="S112" s="16">
        <v>2</v>
      </c>
      <c r="T112" s="16">
        <v>5</v>
      </c>
      <c r="U112" s="16">
        <v>23</v>
      </c>
      <c r="V112" s="16">
        <v>62</v>
      </c>
      <c r="W112" s="16">
        <v>1</v>
      </c>
      <c r="X112" s="16">
        <v>267</v>
      </c>
      <c r="Y112" s="16">
        <v>53</v>
      </c>
      <c r="Z112" s="16">
        <v>2796</v>
      </c>
      <c r="AA112" s="22" t="s">
        <v>268</v>
      </c>
      <c r="AB112" s="16">
        <v>610</v>
      </c>
      <c r="AC112" s="22" t="s">
        <v>268</v>
      </c>
      <c r="AD112" s="16">
        <v>2796</v>
      </c>
    </row>
    <row r="113" spans="1:30">
      <c r="A113" s="21" t="s">
        <v>232</v>
      </c>
      <c r="B113" s="21" t="s">
        <v>237</v>
      </c>
      <c r="C113" s="21" t="s">
        <v>264</v>
      </c>
      <c r="D113" s="21" t="s">
        <v>214</v>
      </c>
      <c r="E113" s="21" t="s">
        <v>632</v>
      </c>
      <c r="F113" s="21" t="s">
        <v>390</v>
      </c>
      <c r="G113" s="16">
        <v>1958</v>
      </c>
      <c r="H113" s="16">
        <v>1031</v>
      </c>
      <c r="I113" s="16">
        <v>498</v>
      </c>
      <c r="J113" s="22" t="s">
        <v>268</v>
      </c>
      <c r="K113" s="22" t="s">
        <v>268</v>
      </c>
      <c r="L113" s="16">
        <v>74</v>
      </c>
      <c r="M113" s="16">
        <v>424</v>
      </c>
      <c r="N113" s="16">
        <v>533</v>
      </c>
      <c r="O113" s="22" t="s">
        <v>268</v>
      </c>
      <c r="P113" s="16">
        <v>213</v>
      </c>
      <c r="Q113" s="22" t="s">
        <v>268</v>
      </c>
      <c r="R113" s="16">
        <v>142</v>
      </c>
      <c r="S113" s="16">
        <v>2</v>
      </c>
      <c r="T113" s="16">
        <v>3</v>
      </c>
      <c r="U113" s="16">
        <v>13</v>
      </c>
      <c r="V113" s="16">
        <v>43</v>
      </c>
      <c r="W113" s="16">
        <v>1</v>
      </c>
      <c r="X113" s="16">
        <v>116</v>
      </c>
      <c r="Y113" s="16">
        <v>21</v>
      </c>
      <c r="Z113" s="16">
        <v>906</v>
      </c>
      <c r="AA113" s="22" t="s">
        <v>268</v>
      </c>
      <c r="AB113" s="16">
        <v>294</v>
      </c>
      <c r="AC113" s="22" t="s">
        <v>268</v>
      </c>
      <c r="AD113" s="16">
        <v>906</v>
      </c>
    </row>
    <row r="114" spans="1:30">
      <c r="A114" s="21" t="s">
        <v>232</v>
      </c>
      <c r="B114" s="21" t="s">
        <v>237</v>
      </c>
      <c r="C114" s="21" t="s">
        <v>264</v>
      </c>
      <c r="D114" s="21" t="s">
        <v>214</v>
      </c>
      <c r="E114" s="21" t="s">
        <v>632</v>
      </c>
      <c r="F114" s="21" t="s">
        <v>391</v>
      </c>
      <c r="G114" s="16">
        <v>22064</v>
      </c>
      <c r="H114" s="16">
        <v>4171</v>
      </c>
      <c r="I114" s="16">
        <v>3234</v>
      </c>
      <c r="J114" s="22" t="s">
        <v>268</v>
      </c>
      <c r="K114" s="16">
        <v>36</v>
      </c>
      <c r="L114" s="16">
        <v>550</v>
      </c>
      <c r="M114" s="16">
        <v>2648</v>
      </c>
      <c r="N114" s="16">
        <v>937</v>
      </c>
      <c r="O114" s="22" t="s">
        <v>268</v>
      </c>
      <c r="P114" s="16">
        <v>17</v>
      </c>
      <c r="Q114" s="22" t="s">
        <v>268</v>
      </c>
      <c r="R114" s="16">
        <v>106</v>
      </c>
      <c r="S114" s="16">
        <v>2</v>
      </c>
      <c r="T114" s="16">
        <v>158</v>
      </c>
      <c r="U114" s="16">
        <v>14</v>
      </c>
      <c r="V114" s="16">
        <v>48</v>
      </c>
      <c r="W114" s="22" t="s">
        <v>268</v>
      </c>
      <c r="X114" s="16">
        <v>592</v>
      </c>
      <c r="Y114" s="16">
        <v>279</v>
      </c>
      <c r="Z114" s="16">
        <v>17614</v>
      </c>
      <c r="AA114" s="22" t="s">
        <v>268</v>
      </c>
      <c r="AB114" s="16">
        <v>858</v>
      </c>
      <c r="AC114" s="22" t="s">
        <v>268</v>
      </c>
      <c r="AD114" s="16">
        <v>1361</v>
      </c>
    </row>
    <row r="115" spans="1:30">
      <c r="A115" s="21" t="s">
        <v>232</v>
      </c>
      <c r="B115" s="21" t="s">
        <v>237</v>
      </c>
      <c r="C115" s="21" t="s">
        <v>264</v>
      </c>
      <c r="D115" s="21" t="s">
        <v>215</v>
      </c>
      <c r="E115" s="21" t="s">
        <v>632</v>
      </c>
      <c r="F115" s="21" t="s">
        <v>401</v>
      </c>
      <c r="G115" s="16">
        <v>28824</v>
      </c>
      <c r="H115" s="16">
        <v>1310</v>
      </c>
      <c r="I115" s="16">
        <v>965</v>
      </c>
      <c r="J115" s="22" t="s">
        <v>268</v>
      </c>
      <c r="K115" s="16">
        <v>24</v>
      </c>
      <c r="L115" s="16">
        <v>812</v>
      </c>
      <c r="M115" s="16">
        <v>129</v>
      </c>
      <c r="N115" s="16">
        <v>345</v>
      </c>
      <c r="O115" s="22" t="s">
        <v>268</v>
      </c>
      <c r="P115" s="16">
        <v>42</v>
      </c>
      <c r="Q115" s="22" t="s">
        <v>268</v>
      </c>
      <c r="R115" s="16">
        <v>75</v>
      </c>
      <c r="S115" s="16">
        <v>2</v>
      </c>
      <c r="T115" s="16">
        <v>35</v>
      </c>
      <c r="U115" s="16">
        <v>7</v>
      </c>
      <c r="V115" s="16">
        <v>18</v>
      </c>
      <c r="W115" s="22" t="s">
        <v>268</v>
      </c>
      <c r="X115" s="16">
        <v>166</v>
      </c>
      <c r="Y115" s="16">
        <v>152</v>
      </c>
      <c r="Z115" s="16">
        <v>25613</v>
      </c>
      <c r="AA115" s="16">
        <v>1749</v>
      </c>
      <c r="AB115" s="16">
        <v>272</v>
      </c>
      <c r="AC115" s="22" t="s">
        <v>268</v>
      </c>
      <c r="AD115" s="16">
        <v>2445</v>
      </c>
    </row>
    <row r="116" spans="1:30">
      <c r="A116" s="21" t="s">
        <v>232</v>
      </c>
      <c r="B116" s="21" t="s">
        <v>237</v>
      </c>
      <c r="C116" s="21" t="s">
        <v>264</v>
      </c>
      <c r="D116" s="21" t="s">
        <v>215</v>
      </c>
      <c r="E116" s="21" t="s">
        <v>632</v>
      </c>
      <c r="F116" s="21" t="s">
        <v>405</v>
      </c>
      <c r="G116" s="16">
        <v>119</v>
      </c>
      <c r="H116" s="16">
        <v>3</v>
      </c>
      <c r="I116" s="16">
        <v>2</v>
      </c>
      <c r="J116" s="22" t="s">
        <v>268</v>
      </c>
      <c r="K116" s="16">
        <v>1</v>
      </c>
      <c r="L116" s="22" t="s">
        <v>268</v>
      </c>
      <c r="M116" s="16">
        <v>1</v>
      </c>
      <c r="N116" s="16">
        <v>1</v>
      </c>
      <c r="O116" s="22" t="s">
        <v>268</v>
      </c>
      <c r="P116" s="22" t="s">
        <v>268</v>
      </c>
      <c r="Q116" s="22" t="s">
        <v>268</v>
      </c>
      <c r="R116" s="22" t="s">
        <v>268</v>
      </c>
      <c r="S116" s="22" t="s">
        <v>268</v>
      </c>
      <c r="T116" s="22" t="s">
        <v>268</v>
      </c>
      <c r="U116" s="16">
        <v>1</v>
      </c>
      <c r="V116" s="22" t="s">
        <v>268</v>
      </c>
      <c r="W116" s="22" t="s">
        <v>268</v>
      </c>
      <c r="X116" s="22" t="s">
        <v>268</v>
      </c>
      <c r="Y116" s="22" t="s">
        <v>268</v>
      </c>
      <c r="Z116" s="16">
        <v>116</v>
      </c>
      <c r="AA116" s="22" t="s">
        <v>268</v>
      </c>
      <c r="AB116" s="16">
        <v>1</v>
      </c>
      <c r="AC116" s="22" t="s">
        <v>268</v>
      </c>
      <c r="AD116" s="22" t="s">
        <v>268</v>
      </c>
    </row>
    <row r="117" spans="1:30">
      <c r="A117" s="21" t="s">
        <v>232</v>
      </c>
      <c r="B117" s="21" t="s">
        <v>237</v>
      </c>
      <c r="C117" s="21" t="s">
        <v>264</v>
      </c>
      <c r="D117" s="21" t="s">
        <v>215</v>
      </c>
      <c r="E117" s="21" t="s">
        <v>632</v>
      </c>
      <c r="F117" s="21" t="s">
        <v>406</v>
      </c>
      <c r="G117" s="16">
        <v>1288</v>
      </c>
      <c r="H117" s="16">
        <v>18</v>
      </c>
      <c r="I117" s="16">
        <v>10</v>
      </c>
      <c r="J117" s="22" t="s">
        <v>268</v>
      </c>
      <c r="K117" s="16">
        <v>1</v>
      </c>
      <c r="L117" s="16">
        <v>4</v>
      </c>
      <c r="M117" s="16">
        <v>5</v>
      </c>
      <c r="N117" s="16">
        <v>8</v>
      </c>
      <c r="O117" s="22" t="s">
        <v>268</v>
      </c>
      <c r="P117" s="22" t="s">
        <v>268</v>
      </c>
      <c r="Q117" s="22" t="s">
        <v>268</v>
      </c>
      <c r="R117" s="22" t="s">
        <v>268</v>
      </c>
      <c r="S117" s="22" t="s">
        <v>268</v>
      </c>
      <c r="T117" s="16">
        <v>2</v>
      </c>
      <c r="U117" s="22" t="s">
        <v>268</v>
      </c>
      <c r="V117" s="16">
        <v>1</v>
      </c>
      <c r="W117" s="22" t="s">
        <v>268</v>
      </c>
      <c r="X117" s="16">
        <v>5</v>
      </c>
      <c r="Y117" s="16">
        <v>9</v>
      </c>
      <c r="Z117" s="16">
        <v>1261</v>
      </c>
      <c r="AA117" s="22" t="s">
        <v>268</v>
      </c>
      <c r="AB117" s="16">
        <v>6</v>
      </c>
      <c r="AC117" s="22" t="s">
        <v>268</v>
      </c>
      <c r="AD117" s="22" t="s">
        <v>268</v>
      </c>
    </row>
    <row r="118" spans="1:30">
      <c r="A118" s="21" t="s">
        <v>232</v>
      </c>
      <c r="B118" s="21" t="s">
        <v>237</v>
      </c>
      <c r="C118" s="21" t="s">
        <v>264</v>
      </c>
      <c r="D118" s="21" t="s">
        <v>215</v>
      </c>
      <c r="E118" s="21" t="s">
        <v>632</v>
      </c>
      <c r="F118" s="21" t="s">
        <v>407</v>
      </c>
      <c r="G118" s="16">
        <v>1691</v>
      </c>
      <c r="H118" s="16">
        <v>35</v>
      </c>
      <c r="I118" s="16">
        <v>32</v>
      </c>
      <c r="J118" s="22" t="s">
        <v>268</v>
      </c>
      <c r="K118" s="16">
        <v>4</v>
      </c>
      <c r="L118" s="16">
        <v>20</v>
      </c>
      <c r="M118" s="16">
        <v>8</v>
      </c>
      <c r="N118" s="16">
        <v>3</v>
      </c>
      <c r="O118" s="22" t="s">
        <v>268</v>
      </c>
      <c r="P118" s="22" t="s">
        <v>268</v>
      </c>
      <c r="Q118" s="22" t="s">
        <v>268</v>
      </c>
      <c r="R118" s="22" t="s">
        <v>268</v>
      </c>
      <c r="S118" s="22" t="s">
        <v>268</v>
      </c>
      <c r="T118" s="22" t="s">
        <v>268</v>
      </c>
      <c r="U118" s="22" t="s">
        <v>268</v>
      </c>
      <c r="V118" s="16">
        <v>1</v>
      </c>
      <c r="W118" s="22" t="s">
        <v>268</v>
      </c>
      <c r="X118" s="16">
        <v>2</v>
      </c>
      <c r="Y118" s="16">
        <v>6</v>
      </c>
      <c r="Z118" s="16">
        <v>1650</v>
      </c>
      <c r="AA118" s="22" t="s">
        <v>268</v>
      </c>
      <c r="AB118" s="16">
        <v>2</v>
      </c>
      <c r="AC118" s="22" t="s">
        <v>268</v>
      </c>
      <c r="AD118" s="22" t="s">
        <v>268</v>
      </c>
    </row>
    <row r="119" spans="1:30">
      <c r="A119" s="21" t="s">
        <v>232</v>
      </c>
      <c r="B119" s="21" t="s">
        <v>237</v>
      </c>
      <c r="C119" s="21" t="s">
        <v>264</v>
      </c>
      <c r="D119" s="21" t="s">
        <v>215</v>
      </c>
      <c r="E119" s="21" t="s">
        <v>632</v>
      </c>
      <c r="F119" s="21" t="s">
        <v>408</v>
      </c>
      <c r="G119" s="16">
        <v>1417</v>
      </c>
      <c r="H119" s="16">
        <v>45</v>
      </c>
      <c r="I119" s="16">
        <v>36</v>
      </c>
      <c r="J119" s="22" t="s">
        <v>268</v>
      </c>
      <c r="K119" s="16">
        <v>3</v>
      </c>
      <c r="L119" s="16">
        <v>25</v>
      </c>
      <c r="M119" s="16">
        <v>8</v>
      </c>
      <c r="N119" s="16">
        <v>9</v>
      </c>
      <c r="O119" s="22" t="s">
        <v>268</v>
      </c>
      <c r="P119" s="22" t="s">
        <v>268</v>
      </c>
      <c r="Q119" s="22" t="s">
        <v>268</v>
      </c>
      <c r="R119" s="22" t="s">
        <v>268</v>
      </c>
      <c r="S119" s="22" t="s">
        <v>268</v>
      </c>
      <c r="T119" s="16">
        <v>2</v>
      </c>
      <c r="U119" s="22" t="s">
        <v>268</v>
      </c>
      <c r="V119" s="22" t="s">
        <v>268</v>
      </c>
      <c r="W119" s="22" t="s">
        <v>268</v>
      </c>
      <c r="X119" s="16">
        <v>7</v>
      </c>
      <c r="Y119" s="16">
        <v>10</v>
      </c>
      <c r="Z119" s="16">
        <v>1362</v>
      </c>
      <c r="AA119" s="22" t="s">
        <v>268</v>
      </c>
      <c r="AB119" s="16">
        <v>8</v>
      </c>
      <c r="AC119" s="22" t="s">
        <v>268</v>
      </c>
      <c r="AD119" s="22" t="s">
        <v>268</v>
      </c>
    </row>
    <row r="120" spans="1:30">
      <c r="A120" s="21" t="s">
        <v>232</v>
      </c>
      <c r="B120" s="21" t="s">
        <v>237</v>
      </c>
      <c r="C120" s="21" t="s">
        <v>264</v>
      </c>
      <c r="D120" s="21" t="s">
        <v>215</v>
      </c>
      <c r="E120" s="21" t="s">
        <v>632</v>
      </c>
      <c r="F120" s="21" t="s">
        <v>409</v>
      </c>
      <c r="G120" s="16">
        <v>1391</v>
      </c>
      <c r="H120" s="16">
        <v>81</v>
      </c>
      <c r="I120" s="16">
        <v>66</v>
      </c>
      <c r="J120" s="22" t="s">
        <v>268</v>
      </c>
      <c r="K120" s="16">
        <v>4</v>
      </c>
      <c r="L120" s="16">
        <v>48</v>
      </c>
      <c r="M120" s="16">
        <v>14</v>
      </c>
      <c r="N120" s="16">
        <v>15</v>
      </c>
      <c r="O120" s="22" t="s">
        <v>268</v>
      </c>
      <c r="P120" s="22" t="s">
        <v>268</v>
      </c>
      <c r="Q120" s="22" t="s">
        <v>268</v>
      </c>
      <c r="R120" s="22" t="s">
        <v>268</v>
      </c>
      <c r="S120" s="22" t="s">
        <v>268</v>
      </c>
      <c r="T120" s="16">
        <v>6</v>
      </c>
      <c r="U120" s="22" t="s">
        <v>268</v>
      </c>
      <c r="V120" s="22" t="s">
        <v>268</v>
      </c>
      <c r="W120" s="22" t="s">
        <v>268</v>
      </c>
      <c r="X120" s="16">
        <v>9</v>
      </c>
      <c r="Y120" s="16">
        <v>11</v>
      </c>
      <c r="Z120" s="16">
        <v>1299</v>
      </c>
      <c r="AA120" s="22" t="s">
        <v>268</v>
      </c>
      <c r="AB120" s="16">
        <v>12</v>
      </c>
      <c r="AC120" s="22" t="s">
        <v>268</v>
      </c>
      <c r="AD120" s="22" t="s">
        <v>268</v>
      </c>
    </row>
    <row r="121" spans="1:30">
      <c r="A121" s="21" t="s">
        <v>232</v>
      </c>
      <c r="B121" s="21" t="s">
        <v>237</v>
      </c>
      <c r="C121" s="21" t="s">
        <v>264</v>
      </c>
      <c r="D121" s="21" t="s">
        <v>215</v>
      </c>
      <c r="E121" s="21" t="s">
        <v>632</v>
      </c>
      <c r="F121" s="21" t="s">
        <v>410</v>
      </c>
      <c r="G121" s="16">
        <v>1397</v>
      </c>
      <c r="H121" s="16">
        <v>95</v>
      </c>
      <c r="I121" s="16">
        <v>84</v>
      </c>
      <c r="J121" s="22" t="s">
        <v>268</v>
      </c>
      <c r="K121" s="16">
        <v>2</v>
      </c>
      <c r="L121" s="16">
        <v>76</v>
      </c>
      <c r="M121" s="16">
        <v>6</v>
      </c>
      <c r="N121" s="16">
        <v>11</v>
      </c>
      <c r="O121" s="22" t="s">
        <v>268</v>
      </c>
      <c r="P121" s="22" t="s">
        <v>268</v>
      </c>
      <c r="Q121" s="22" t="s">
        <v>268</v>
      </c>
      <c r="R121" s="16">
        <v>1</v>
      </c>
      <c r="S121" s="22" t="s">
        <v>268</v>
      </c>
      <c r="T121" s="16">
        <v>5</v>
      </c>
      <c r="U121" s="22" t="s">
        <v>268</v>
      </c>
      <c r="V121" s="22" t="s">
        <v>268</v>
      </c>
      <c r="W121" s="22" t="s">
        <v>268</v>
      </c>
      <c r="X121" s="16">
        <v>5</v>
      </c>
      <c r="Y121" s="16">
        <v>23</v>
      </c>
      <c r="Z121" s="16">
        <v>1279</v>
      </c>
      <c r="AA121" s="22" t="s">
        <v>268</v>
      </c>
      <c r="AB121" s="16">
        <v>11</v>
      </c>
      <c r="AC121" s="22" t="s">
        <v>268</v>
      </c>
      <c r="AD121" s="22" t="s">
        <v>268</v>
      </c>
    </row>
    <row r="122" spans="1:30">
      <c r="A122" s="21" t="s">
        <v>232</v>
      </c>
      <c r="B122" s="21" t="s">
        <v>237</v>
      </c>
      <c r="C122" s="21" t="s">
        <v>264</v>
      </c>
      <c r="D122" s="21" t="s">
        <v>215</v>
      </c>
      <c r="E122" s="21" t="s">
        <v>632</v>
      </c>
      <c r="F122" s="21" t="s">
        <v>411</v>
      </c>
      <c r="G122" s="16">
        <v>1470</v>
      </c>
      <c r="H122" s="16">
        <v>120</v>
      </c>
      <c r="I122" s="16">
        <v>98</v>
      </c>
      <c r="J122" s="22" t="s">
        <v>268</v>
      </c>
      <c r="K122" s="16">
        <v>3</v>
      </c>
      <c r="L122" s="16">
        <v>81</v>
      </c>
      <c r="M122" s="16">
        <v>14</v>
      </c>
      <c r="N122" s="16">
        <v>22</v>
      </c>
      <c r="O122" s="22" t="s">
        <v>268</v>
      </c>
      <c r="P122" s="22" t="s">
        <v>268</v>
      </c>
      <c r="Q122" s="22" t="s">
        <v>268</v>
      </c>
      <c r="R122" s="16">
        <v>1</v>
      </c>
      <c r="S122" s="22" t="s">
        <v>268</v>
      </c>
      <c r="T122" s="16">
        <v>7</v>
      </c>
      <c r="U122" s="22" t="s">
        <v>268</v>
      </c>
      <c r="V122" s="22" t="s">
        <v>268</v>
      </c>
      <c r="W122" s="22" t="s">
        <v>268</v>
      </c>
      <c r="X122" s="16">
        <v>14</v>
      </c>
      <c r="Y122" s="16">
        <v>14</v>
      </c>
      <c r="Z122" s="16">
        <v>1336</v>
      </c>
      <c r="AA122" s="22" t="s">
        <v>268</v>
      </c>
      <c r="AB122" s="16">
        <v>20</v>
      </c>
      <c r="AC122" s="22" t="s">
        <v>268</v>
      </c>
      <c r="AD122" s="22" t="s">
        <v>268</v>
      </c>
    </row>
    <row r="123" spans="1:30">
      <c r="A123" s="21" t="s">
        <v>232</v>
      </c>
      <c r="B123" s="21" t="s">
        <v>237</v>
      </c>
      <c r="C123" s="21" t="s">
        <v>264</v>
      </c>
      <c r="D123" s="21" t="s">
        <v>215</v>
      </c>
      <c r="E123" s="21" t="s">
        <v>632</v>
      </c>
      <c r="F123" s="21" t="s">
        <v>412</v>
      </c>
      <c r="G123" s="16">
        <v>1300</v>
      </c>
      <c r="H123" s="16">
        <v>148</v>
      </c>
      <c r="I123" s="16">
        <v>112</v>
      </c>
      <c r="J123" s="22" t="s">
        <v>268</v>
      </c>
      <c r="K123" s="16">
        <v>2</v>
      </c>
      <c r="L123" s="16">
        <v>95</v>
      </c>
      <c r="M123" s="16">
        <v>15</v>
      </c>
      <c r="N123" s="16">
        <v>36</v>
      </c>
      <c r="O123" s="22" t="s">
        <v>268</v>
      </c>
      <c r="P123" s="22" t="s">
        <v>268</v>
      </c>
      <c r="Q123" s="22" t="s">
        <v>268</v>
      </c>
      <c r="R123" s="16">
        <v>4</v>
      </c>
      <c r="S123" s="16">
        <v>1</v>
      </c>
      <c r="T123" s="16">
        <v>8</v>
      </c>
      <c r="U123" s="16">
        <v>1</v>
      </c>
      <c r="V123" s="16">
        <v>2</v>
      </c>
      <c r="W123" s="22" t="s">
        <v>268</v>
      </c>
      <c r="X123" s="16">
        <v>20</v>
      </c>
      <c r="Y123" s="16">
        <v>23</v>
      </c>
      <c r="Z123" s="16">
        <v>1129</v>
      </c>
      <c r="AA123" s="22" t="s">
        <v>268</v>
      </c>
      <c r="AB123" s="16">
        <v>33</v>
      </c>
      <c r="AC123" s="22" t="s">
        <v>268</v>
      </c>
      <c r="AD123" s="22" t="s">
        <v>268</v>
      </c>
    </row>
    <row r="124" spans="1:30">
      <c r="A124" s="21" t="s">
        <v>232</v>
      </c>
      <c r="B124" s="21" t="s">
        <v>237</v>
      </c>
      <c r="C124" s="21" t="s">
        <v>264</v>
      </c>
      <c r="D124" s="21" t="s">
        <v>215</v>
      </c>
      <c r="E124" s="21" t="s">
        <v>632</v>
      </c>
      <c r="F124" s="21" t="s">
        <v>413</v>
      </c>
      <c r="G124" s="16">
        <v>1043</v>
      </c>
      <c r="H124" s="16">
        <v>112</v>
      </c>
      <c r="I124" s="16">
        <v>87</v>
      </c>
      <c r="J124" s="22" t="s">
        <v>268</v>
      </c>
      <c r="K124" s="16">
        <v>4</v>
      </c>
      <c r="L124" s="16">
        <v>64</v>
      </c>
      <c r="M124" s="16">
        <v>19</v>
      </c>
      <c r="N124" s="16">
        <v>25</v>
      </c>
      <c r="O124" s="22" t="s">
        <v>268</v>
      </c>
      <c r="P124" s="22" t="s">
        <v>268</v>
      </c>
      <c r="Q124" s="22" t="s">
        <v>268</v>
      </c>
      <c r="R124" s="16">
        <v>1</v>
      </c>
      <c r="S124" s="22" t="s">
        <v>268</v>
      </c>
      <c r="T124" s="16">
        <v>2</v>
      </c>
      <c r="U124" s="22" t="s">
        <v>268</v>
      </c>
      <c r="V124" s="16">
        <v>3</v>
      </c>
      <c r="W124" s="22" t="s">
        <v>268</v>
      </c>
      <c r="X124" s="16">
        <v>19</v>
      </c>
      <c r="Y124" s="16">
        <v>11</v>
      </c>
      <c r="Z124" s="16">
        <v>920</v>
      </c>
      <c r="AA124" s="22" t="s">
        <v>268</v>
      </c>
      <c r="AB124" s="16">
        <v>22</v>
      </c>
      <c r="AC124" s="22" t="s">
        <v>268</v>
      </c>
      <c r="AD124" s="22" t="s">
        <v>268</v>
      </c>
    </row>
    <row r="125" spans="1:30">
      <c r="A125" s="21" t="s">
        <v>232</v>
      </c>
      <c r="B125" s="21" t="s">
        <v>237</v>
      </c>
      <c r="C125" s="21" t="s">
        <v>264</v>
      </c>
      <c r="D125" s="21" t="s">
        <v>215</v>
      </c>
      <c r="E125" s="21" t="s">
        <v>632</v>
      </c>
      <c r="F125" s="21" t="s">
        <v>414</v>
      </c>
      <c r="G125" s="16">
        <v>1005</v>
      </c>
      <c r="H125" s="16">
        <v>109</v>
      </c>
      <c r="I125" s="16">
        <v>79</v>
      </c>
      <c r="J125" s="22" t="s">
        <v>268</v>
      </c>
      <c r="K125" s="22" t="s">
        <v>268</v>
      </c>
      <c r="L125" s="16">
        <v>59</v>
      </c>
      <c r="M125" s="16">
        <v>20</v>
      </c>
      <c r="N125" s="16">
        <v>30</v>
      </c>
      <c r="O125" s="22" t="s">
        <v>268</v>
      </c>
      <c r="P125" s="16">
        <v>1</v>
      </c>
      <c r="Q125" s="22" t="s">
        <v>268</v>
      </c>
      <c r="R125" s="16">
        <v>3</v>
      </c>
      <c r="S125" s="22" t="s">
        <v>268</v>
      </c>
      <c r="T125" s="16">
        <v>1</v>
      </c>
      <c r="U125" s="16">
        <v>1</v>
      </c>
      <c r="V125" s="16">
        <v>6</v>
      </c>
      <c r="W125" s="22" t="s">
        <v>268</v>
      </c>
      <c r="X125" s="16">
        <v>18</v>
      </c>
      <c r="Y125" s="16">
        <v>10</v>
      </c>
      <c r="Z125" s="16">
        <v>886</v>
      </c>
      <c r="AA125" s="22" t="s">
        <v>268</v>
      </c>
      <c r="AB125" s="16">
        <v>28</v>
      </c>
      <c r="AC125" s="22" t="s">
        <v>268</v>
      </c>
      <c r="AD125" s="22" t="s">
        <v>268</v>
      </c>
    </row>
    <row r="126" spans="1:30">
      <c r="A126" s="21" t="s">
        <v>232</v>
      </c>
      <c r="B126" s="21" t="s">
        <v>237</v>
      </c>
      <c r="C126" s="21" t="s">
        <v>264</v>
      </c>
      <c r="D126" s="21" t="s">
        <v>215</v>
      </c>
      <c r="E126" s="21" t="s">
        <v>632</v>
      </c>
      <c r="F126" s="21" t="s">
        <v>415</v>
      </c>
      <c r="G126" s="16">
        <v>975</v>
      </c>
      <c r="H126" s="16">
        <v>109</v>
      </c>
      <c r="I126" s="16">
        <v>75</v>
      </c>
      <c r="J126" s="22" t="s">
        <v>268</v>
      </c>
      <c r="K126" s="22" t="s">
        <v>268</v>
      </c>
      <c r="L126" s="16">
        <v>63</v>
      </c>
      <c r="M126" s="16">
        <v>12</v>
      </c>
      <c r="N126" s="16">
        <v>34</v>
      </c>
      <c r="O126" s="22" t="s">
        <v>268</v>
      </c>
      <c r="P126" s="16">
        <v>1</v>
      </c>
      <c r="Q126" s="22" t="s">
        <v>268</v>
      </c>
      <c r="R126" s="16">
        <v>13</v>
      </c>
      <c r="S126" s="22" t="s">
        <v>268</v>
      </c>
      <c r="T126" s="22" t="s">
        <v>268</v>
      </c>
      <c r="U126" s="22" t="s">
        <v>268</v>
      </c>
      <c r="V126" s="16">
        <v>3</v>
      </c>
      <c r="W126" s="22" t="s">
        <v>268</v>
      </c>
      <c r="X126" s="16">
        <v>17</v>
      </c>
      <c r="Y126" s="16">
        <v>9</v>
      </c>
      <c r="Z126" s="16">
        <v>857</v>
      </c>
      <c r="AA126" s="22" t="s">
        <v>268</v>
      </c>
      <c r="AB126" s="16">
        <v>33</v>
      </c>
      <c r="AC126" s="22" t="s">
        <v>268</v>
      </c>
      <c r="AD126" s="16">
        <v>857</v>
      </c>
    </row>
    <row r="127" spans="1:30">
      <c r="A127" s="21" t="s">
        <v>232</v>
      </c>
      <c r="B127" s="21" t="s">
        <v>237</v>
      </c>
      <c r="C127" s="21" t="s">
        <v>264</v>
      </c>
      <c r="D127" s="21" t="s">
        <v>215</v>
      </c>
      <c r="E127" s="21" t="s">
        <v>632</v>
      </c>
      <c r="F127" s="21" t="s">
        <v>416</v>
      </c>
      <c r="G127" s="16">
        <v>852</v>
      </c>
      <c r="H127" s="16">
        <v>124</v>
      </c>
      <c r="I127" s="16">
        <v>91</v>
      </c>
      <c r="J127" s="22" t="s">
        <v>268</v>
      </c>
      <c r="K127" s="22" t="s">
        <v>268</v>
      </c>
      <c r="L127" s="16">
        <v>86</v>
      </c>
      <c r="M127" s="16">
        <v>5</v>
      </c>
      <c r="N127" s="16">
        <v>33</v>
      </c>
      <c r="O127" s="22" t="s">
        <v>268</v>
      </c>
      <c r="P127" s="16">
        <v>3</v>
      </c>
      <c r="Q127" s="22" t="s">
        <v>268</v>
      </c>
      <c r="R127" s="16">
        <v>15</v>
      </c>
      <c r="S127" s="22" t="s">
        <v>268</v>
      </c>
      <c r="T127" s="16">
        <v>1</v>
      </c>
      <c r="U127" s="16">
        <v>1</v>
      </c>
      <c r="V127" s="22" t="s">
        <v>268</v>
      </c>
      <c r="W127" s="22" t="s">
        <v>268</v>
      </c>
      <c r="X127" s="16">
        <v>13</v>
      </c>
      <c r="Y127" s="16">
        <v>12</v>
      </c>
      <c r="Z127" s="16">
        <v>716</v>
      </c>
      <c r="AA127" s="22" t="s">
        <v>268</v>
      </c>
      <c r="AB127" s="16">
        <v>28</v>
      </c>
      <c r="AC127" s="22" t="s">
        <v>268</v>
      </c>
      <c r="AD127" s="16">
        <v>716</v>
      </c>
    </row>
    <row r="128" spans="1:30">
      <c r="A128" s="21" t="s">
        <v>232</v>
      </c>
      <c r="B128" s="21" t="s">
        <v>237</v>
      </c>
      <c r="C128" s="21" t="s">
        <v>264</v>
      </c>
      <c r="D128" s="21" t="s">
        <v>215</v>
      </c>
      <c r="E128" s="21" t="s">
        <v>632</v>
      </c>
      <c r="F128" s="21" t="s">
        <v>417</v>
      </c>
      <c r="G128" s="16">
        <v>490</v>
      </c>
      <c r="H128" s="16">
        <v>88</v>
      </c>
      <c r="I128" s="16">
        <v>57</v>
      </c>
      <c r="J128" s="22" t="s">
        <v>268</v>
      </c>
      <c r="K128" s="22" t="s">
        <v>268</v>
      </c>
      <c r="L128" s="16">
        <v>56</v>
      </c>
      <c r="M128" s="16">
        <v>1</v>
      </c>
      <c r="N128" s="16">
        <v>31</v>
      </c>
      <c r="O128" s="22" t="s">
        <v>268</v>
      </c>
      <c r="P128" s="16">
        <v>8</v>
      </c>
      <c r="Q128" s="22" t="s">
        <v>268</v>
      </c>
      <c r="R128" s="16">
        <v>9</v>
      </c>
      <c r="S128" s="22" t="s">
        <v>268</v>
      </c>
      <c r="T128" s="16">
        <v>1</v>
      </c>
      <c r="U128" s="22" t="s">
        <v>268</v>
      </c>
      <c r="V128" s="16">
        <v>1</v>
      </c>
      <c r="W128" s="22" t="s">
        <v>268</v>
      </c>
      <c r="X128" s="16">
        <v>12</v>
      </c>
      <c r="Y128" s="16">
        <v>9</v>
      </c>
      <c r="Z128" s="16">
        <v>393</v>
      </c>
      <c r="AA128" s="22" t="s">
        <v>268</v>
      </c>
      <c r="AB128" s="16">
        <v>20</v>
      </c>
      <c r="AC128" s="22" t="s">
        <v>268</v>
      </c>
      <c r="AD128" s="16">
        <v>393</v>
      </c>
    </row>
    <row r="129" spans="1:30">
      <c r="A129" s="21" t="s">
        <v>232</v>
      </c>
      <c r="B129" s="21" t="s">
        <v>237</v>
      </c>
      <c r="C129" s="21" t="s">
        <v>264</v>
      </c>
      <c r="D129" s="21" t="s">
        <v>215</v>
      </c>
      <c r="E129" s="21" t="s">
        <v>632</v>
      </c>
      <c r="F129" s="21" t="s">
        <v>418</v>
      </c>
      <c r="G129" s="16">
        <v>361</v>
      </c>
      <c r="H129" s="16">
        <v>97</v>
      </c>
      <c r="I129" s="16">
        <v>62</v>
      </c>
      <c r="J129" s="22" t="s">
        <v>268</v>
      </c>
      <c r="K129" s="22" t="s">
        <v>268</v>
      </c>
      <c r="L129" s="16">
        <v>61</v>
      </c>
      <c r="M129" s="16">
        <v>1</v>
      </c>
      <c r="N129" s="16">
        <v>35</v>
      </c>
      <c r="O129" s="22" t="s">
        <v>268</v>
      </c>
      <c r="P129" s="16">
        <v>9</v>
      </c>
      <c r="Q129" s="22" t="s">
        <v>268</v>
      </c>
      <c r="R129" s="16">
        <v>13</v>
      </c>
      <c r="S129" s="22" t="s">
        <v>268</v>
      </c>
      <c r="T129" s="22" t="s">
        <v>268</v>
      </c>
      <c r="U129" s="22" t="s">
        <v>268</v>
      </c>
      <c r="V129" s="22" t="s">
        <v>268</v>
      </c>
      <c r="W129" s="22" t="s">
        <v>268</v>
      </c>
      <c r="X129" s="16">
        <v>13</v>
      </c>
      <c r="Y129" s="16">
        <v>2</v>
      </c>
      <c r="Z129" s="16">
        <v>262</v>
      </c>
      <c r="AA129" s="22" t="s">
        <v>268</v>
      </c>
      <c r="AB129" s="16">
        <v>22</v>
      </c>
      <c r="AC129" s="22" t="s">
        <v>268</v>
      </c>
      <c r="AD129" s="16">
        <v>262</v>
      </c>
    </row>
    <row r="130" spans="1:30">
      <c r="A130" s="21" t="s">
        <v>232</v>
      </c>
      <c r="B130" s="21" t="s">
        <v>237</v>
      </c>
      <c r="C130" s="21" t="s">
        <v>264</v>
      </c>
      <c r="D130" s="21" t="s">
        <v>215</v>
      </c>
      <c r="E130" s="21" t="s">
        <v>632</v>
      </c>
      <c r="F130" s="21" t="s">
        <v>419</v>
      </c>
      <c r="G130" s="16">
        <v>234</v>
      </c>
      <c r="H130" s="16">
        <v>61</v>
      </c>
      <c r="I130" s="16">
        <v>38</v>
      </c>
      <c r="J130" s="22" t="s">
        <v>268</v>
      </c>
      <c r="K130" s="22" t="s">
        <v>268</v>
      </c>
      <c r="L130" s="16">
        <v>38</v>
      </c>
      <c r="M130" s="22" t="s">
        <v>268</v>
      </c>
      <c r="N130" s="16">
        <v>23</v>
      </c>
      <c r="O130" s="22" t="s">
        <v>268</v>
      </c>
      <c r="P130" s="16">
        <v>8</v>
      </c>
      <c r="Q130" s="22" t="s">
        <v>268</v>
      </c>
      <c r="R130" s="16">
        <v>9</v>
      </c>
      <c r="S130" s="22" t="s">
        <v>268</v>
      </c>
      <c r="T130" s="22" t="s">
        <v>268</v>
      </c>
      <c r="U130" s="22" t="s">
        <v>268</v>
      </c>
      <c r="V130" s="22" t="s">
        <v>268</v>
      </c>
      <c r="W130" s="22" t="s">
        <v>268</v>
      </c>
      <c r="X130" s="16">
        <v>6</v>
      </c>
      <c r="Y130" s="16">
        <v>2</v>
      </c>
      <c r="Z130" s="16">
        <v>171</v>
      </c>
      <c r="AA130" s="22" t="s">
        <v>268</v>
      </c>
      <c r="AB130" s="16">
        <v>13</v>
      </c>
      <c r="AC130" s="22" t="s">
        <v>268</v>
      </c>
      <c r="AD130" s="16">
        <v>171</v>
      </c>
    </row>
    <row r="131" spans="1:30">
      <c r="A131" s="21" t="s">
        <v>232</v>
      </c>
      <c r="B131" s="21" t="s">
        <v>237</v>
      </c>
      <c r="C131" s="21" t="s">
        <v>264</v>
      </c>
      <c r="D131" s="21" t="s">
        <v>215</v>
      </c>
      <c r="E131" s="21" t="s">
        <v>632</v>
      </c>
      <c r="F131" s="21" t="s">
        <v>420</v>
      </c>
      <c r="G131" s="16">
        <v>81</v>
      </c>
      <c r="H131" s="16">
        <v>43</v>
      </c>
      <c r="I131" s="16">
        <v>27</v>
      </c>
      <c r="J131" s="22" t="s">
        <v>268</v>
      </c>
      <c r="K131" s="22" t="s">
        <v>268</v>
      </c>
      <c r="L131" s="16">
        <v>27</v>
      </c>
      <c r="M131" s="22" t="s">
        <v>268</v>
      </c>
      <c r="N131" s="16">
        <v>16</v>
      </c>
      <c r="O131" s="22" t="s">
        <v>268</v>
      </c>
      <c r="P131" s="16">
        <v>7</v>
      </c>
      <c r="Q131" s="22" t="s">
        <v>268</v>
      </c>
      <c r="R131" s="16">
        <v>4</v>
      </c>
      <c r="S131" s="16">
        <v>1</v>
      </c>
      <c r="T131" s="22" t="s">
        <v>268</v>
      </c>
      <c r="U131" s="16">
        <v>3</v>
      </c>
      <c r="V131" s="16">
        <v>1</v>
      </c>
      <c r="W131" s="22" t="s">
        <v>268</v>
      </c>
      <c r="X131" s="22" t="s">
        <v>268</v>
      </c>
      <c r="Y131" s="16">
        <v>1</v>
      </c>
      <c r="Z131" s="16">
        <v>37</v>
      </c>
      <c r="AA131" s="22" t="s">
        <v>268</v>
      </c>
      <c r="AB131" s="16">
        <v>7</v>
      </c>
      <c r="AC131" s="22" t="s">
        <v>268</v>
      </c>
      <c r="AD131" s="16">
        <v>37</v>
      </c>
    </row>
    <row r="132" spans="1:30">
      <c r="A132" s="21" t="s">
        <v>232</v>
      </c>
      <c r="B132" s="21" t="s">
        <v>237</v>
      </c>
      <c r="C132" s="21" t="s">
        <v>264</v>
      </c>
      <c r="D132" s="21" t="s">
        <v>215</v>
      </c>
      <c r="E132" s="21" t="s">
        <v>632</v>
      </c>
      <c r="F132" s="21" t="s">
        <v>421</v>
      </c>
      <c r="G132" s="16">
        <v>27</v>
      </c>
      <c r="H132" s="16">
        <v>19</v>
      </c>
      <c r="I132" s="16">
        <v>8</v>
      </c>
      <c r="J132" s="22" t="s">
        <v>268</v>
      </c>
      <c r="K132" s="22" t="s">
        <v>268</v>
      </c>
      <c r="L132" s="16">
        <v>8</v>
      </c>
      <c r="M132" s="22" t="s">
        <v>268</v>
      </c>
      <c r="N132" s="16">
        <v>11</v>
      </c>
      <c r="O132" s="22" t="s">
        <v>268</v>
      </c>
      <c r="P132" s="16">
        <v>5</v>
      </c>
      <c r="Q132" s="22" t="s">
        <v>268</v>
      </c>
      <c r="R132" s="16">
        <v>2</v>
      </c>
      <c r="S132" s="22" t="s">
        <v>268</v>
      </c>
      <c r="T132" s="22" t="s">
        <v>268</v>
      </c>
      <c r="U132" s="22" t="s">
        <v>268</v>
      </c>
      <c r="V132" s="22" t="s">
        <v>268</v>
      </c>
      <c r="W132" s="22" t="s">
        <v>268</v>
      </c>
      <c r="X132" s="16">
        <v>4</v>
      </c>
      <c r="Y132" s="22" t="s">
        <v>268</v>
      </c>
      <c r="Z132" s="16">
        <v>8</v>
      </c>
      <c r="AA132" s="22" t="s">
        <v>268</v>
      </c>
      <c r="AB132" s="16">
        <v>5</v>
      </c>
      <c r="AC132" s="22" t="s">
        <v>268</v>
      </c>
      <c r="AD132" s="16">
        <v>8</v>
      </c>
    </row>
    <row r="133" spans="1:30">
      <c r="A133" s="21" t="s">
        <v>232</v>
      </c>
      <c r="B133" s="21" t="s">
        <v>237</v>
      </c>
      <c r="C133" s="21" t="s">
        <v>264</v>
      </c>
      <c r="D133" s="21" t="s">
        <v>215</v>
      </c>
      <c r="E133" s="21" t="s">
        <v>632</v>
      </c>
      <c r="F133" s="21" t="s">
        <v>422</v>
      </c>
      <c r="G133" s="16">
        <v>4</v>
      </c>
      <c r="H133" s="16">
        <v>3</v>
      </c>
      <c r="I133" s="16">
        <v>1</v>
      </c>
      <c r="J133" s="22" t="s">
        <v>268</v>
      </c>
      <c r="K133" s="22" t="s">
        <v>268</v>
      </c>
      <c r="L133" s="16">
        <v>1</v>
      </c>
      <c r="M133" s="22" t="s">
        <v>268</v>
      </c>
      <c r="N133" s="16">
        <v>2</v>
      </c>
      <c r="O133" s="22" t="s">
        <v>268</v>
      </c>
      <c r="P133" s="22" t="s">
        <v>268</v>
      </c>
      <c r="Q133" s="22" t="s">
        <v>268</v>
      </c>
      <c r="R133" s="22" t="s">
        <v>268</v>
      </c>
      <c r="S133" s="22" t="s">
        <v>268</v>
      </c>
      <c r="T133" s="22" t="s">
        <v>268</v>
      </c>
      <c r="U133" s="22" t="s">
        <v>268</v>
      </c>
      <c r="V133" s="22" t="s">
        <v>268</v>
      </c>
      <c r="W133" s="22" t="s">
        <v>268</v>
      </c>
      <c r="X133" s="16">
        <v>2</v>
      </c>
      <c r="Y133" s="22" t="s">
        <v>268</v>
      </c>
      <c r="Z133" s="16">
        <v>1</v>
      </c>
      <c r="AA133" s="22" t="s">
        <v>268</v>
      </c>
      <c r="AB133" s="16">
        <v>1</v>
      </c>
      <c r="AC133" s="22" t="s">
        <v>268</v>
      </c>
      <c r="AD133" s="16">
        <v>1</v>
      </c>
    </row>
    <row r="134" spans="1:30">
      <c r="A134" s="21" t="s">
        <v>232</v>
      </c>
      <c r="B134" s="21" t="s">
        <v>237</v>
      </c>
      <c r="C134" s="21" t="s">
        <v>264</v>
      </c>
      <c r="D134" s="21" t="s">
        <v>215</v>
      </c>
      <c r="E134" s="21" t="s">
        <v>632</v>
      </c>
      <c r="F134" s="21" t="s">
        <v>423</v>
      </c>
      <c r="G134" s="16">
        <v>13679</v>
      </c>
      <c r="H134" s="22" t="s">
        <v>268</v>
      </c>
      <c r="I134" s="22" t="s">
        <v>268</v>
      </c>
      <c r="J134" s="22" t="s">
        <v>268</v>
      </c>
      <c r="K134" s="22" t="s">
        <v>268</v>
      </c>
      <c r="L134" s="22" t="s">
        <v>268</v>
      </c>
      <c r="M134" s="22" t="s">
        <v>268</v>
      </c>
      <c r="N134" s="22" t="s">
        <v>268</v>
      </c>
      <c r="O134" s="22" t="s">
        <v>268</v>
      </c>
      <c r="P134" s="22" t="s">
        <v>268</v>
      </c>
      <c r="Q134" s="22" t="s">
        <v>268</v>
      </c>
      <c r="R134" s="22" t="s">
        <v>268</v>
      </c>
      <c r="S134" s="22" t="s">
        <v>268</v>
      </c>
      <c r="T134" s="22" t="s">
        <v>268</v>
      </c>
      <c r="U134" s="22" t="s">
        <v>268</v>
      </c>
      <c r="V134" s="22" t="s">
        <v>268</v>
      </c>
      <c r="W134" s="22" t="s">
        <v>268</v>
      </c>
      <c r="X134" s="22" t="s">
        <v>268</v>
      </c>
      <c r="Y134" s="22" t="s">
        <v>268</v>
      </c>
      <c r="Z134" s="16">
        <v>11930</v>
      </c>
      <c r="AA134" s="16">
        <v>1749</v>
      </c>
      <c r="AB134" s="22" t="s">
        <v>268</v>
      </c>
      <c r="AC134" s="22" t="s">
        <v>268</v>
      </c>
      <c r="AD134" s="22" t="s">
        <v>268</v>
      </c>
    </row>
    <row r="135" spans="1:30">
      <c r="A135" s="21" t="s">
        <v>232</v>
      </c>
      <c r="B135" s="21" t="s">
        <v>237</v>
      </c>
      <c r="C135" s="21" t="s">
        <v>264</v>
      </c>
      <c r="D135" s="21" t="s">
        <v>215</v>
      </c>
      <c r="E135" s="21" t="s">
        <v>632</v>
      </c>
      <c r="F135" s="21" t="s">
        <v>386</v>
      </c>
      <c r="G135" s="22" t="s">
        <v>268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22" t="s">
        <v>268</v>
      </c>
      <c r="M135" s="22" t="s">
        <v>268</v>
      </c>
      <c r="N135" s="22" t="s">
        <v>268</v>
      </c>
      <c r="O135" s="22" t="s">
        <v>268</v>
      </c>
      <c r="P135" s="22" t="s">
        <v>268</v>
      </c>
      <c r="Q135" s="22" t="s">
        <v>268</v>
      </c>
      <c r="R135" s="22" t="s">
        <v>268</v>
      </c>
      <c r="S135" s="22" t="s">
        <v>268</v>
      </c>
      <c r="T135" s="22" t="s">
        <v>268</v>
      </c>
      <c r="U135" s="22" t="s">
        <v>268</v>
      </c>
      <c r="V135" s="22" t="s">
        <v>268</v>
      </c>
      <c r="W135" s="22" t="s">
        <v>268</v>
      </c>
      <c r="X135" s="22" t="s">
        <v>268</v>
      </c>
      <c r="Y135" s="22" t="s">
        <v>268</v>
      </c>
      <c r="Z135" s="22" t="s">
        <v>268</v>
      </c>
      <c r="AA135" s="22" t="s">
        <v>268</v>
      </c>
      <c r="AB135" s="22" t="s">
        <v>268</v>
      </c>
      <c r="AC135" s="22" t="s">
        <v>268</v>
      </c>
      <c r="AD135" s="22" t="s">
        <v>268</v>
      </c>
    </row>
    <row r="136" spans="1:30">
      <c r="A136" s="21" t="s">
        <v>232</v>
      </c>
      <c r="B136" s="21" t="s">
        <v>237</v>
      </c>
      <c r="C136" s="21" t="s">
        <v>264</v>
      </c>
      <c r="D136" s="21" t="s">
        <v>215</v>
      </c>
      <c r="E136" s="21" t="s">
        <v>632</v>
      </c>
      <c r="F136" s="21" t="s">
        <v>387</v>
      </c>
      <c r="G136" s="16">
        <v>12121</v>
      </c>
      <c r="H136" s="16">
        <v>766</v>
      </c>
      <c r="I136" s="16">
        <v>606</v>
      </c>
      <c r="J136" s="22" t="s">
        <v>268</v>
      </c>
      <c r="K136" s="16">
        <v>24</v>
      </c>
      <c r="L136" s="16">
        <v>472</v>
      </c>
      <c r="M136" s="16">
        <v>110</v>
      </c>
      <c r="N136" s="16">
        <v>160</v>
      </c>
      <c r="O136" s="22" t="s">
        <v>268</v>
      </c>
      <c r="P136" s="16">
        <v>1</v>
      </c>
      <c r="Q136" s="22" t="s">
        <v>268</v>
      </c>
      <c r="R136" s="16">
        <v>10</v>
      </c>
      <c r="S136" s="16">
        <v>1</v>
      </c>
      <c r="T136" s="16">
        <v>33</v>
      </c>
      <c r="U136" s="16">
        <v>3</v>
      </c>
      <c r="V136" s="16">
        <v>13</v>
      </c>
      <c r="W136" s="22" t="s">
        <v>268</v>
      </c>
      <c r="X136" s="16">
        <v>99</v>
      </c>
      <c r="Y136" s="16">
        <v>117</v>
      </c>
      <c r="Z136" s="16">
        <v>11238</v>
      </c>
      <c r="AA136" s="22" t="s">
        <v>268</v>
      </c>
      <c r="AB136" s="16">
        <v>143</v>
      </c>
      <c r="AC136" s="22" t="s">
        <v>268</v>
      </c>
      <c r="AD136" s="22" t="s">
        <v>268</v>
      </c>
    </row>
    <row r="137" spans="1:30">
      <c r="A137" s="21" t="s">
        <v>232</v>
      </c>
      <c r="B137" s="21" t="s">
        <v>237</v>
      </c>
      <c r="C137" s="21" t="s">
        <v>264</v>
      </c>
      <c r="D137" s="21" t="s">
        <v>215</v>
      </c>
      <c r="E137" s="21" t="s">
        <v>632</v>
      </c>
      <c r="F137" s="21" t="s">
        <v>388</v>
      </c>
      <c r="G137" s="16">
        <v>3024</v>
      </c>
      <c r="H137" s="16">
        <v>544</v>
      </c>
      <c r="I137" s="16">
        <v>359</v>
      </c>
      <c r="J137" s="22" t="s">
        <v>268</v>
      </c>
      <c r="K137" s="22" t="s">
        <v>268</v>
      </c>
      <c r="L137" s="16">
        <v>340</v>
      </c>
      <c r="M137" s="16">
        <v>19</v>
      </c>
      <c r="N137" s="16">
        <v>185</v>
      </c>
      <c r="O137" s="22" t="s">
        <v>268</v>
      </c>
      <c r="P137" s="16">
        <v>41</v>
      </c>
      <c r="Q137" s="22" t="s">
        <v>268</v>
      </c>
      <c r="R137" s="16">
        <v>65</v>
      </c>
      <c r="S137" s="16">
        <v>1</v>
      </c>
      <c r="T137" s="16">
        <v>2</v>
      </c>
      <c r="U137" s="16">
        <v>4</v>
      </c>
      <c r="V137" s="16">
        <v>5</v>
      </c>
      <c r="W137" s="22" t="s">
        <v>268</v>
      </c>
      <c r="X137" s="16">
        <v>67</v>
      </c>
      <c r="Y137" s="16">
        <v>35</v>
      </c>
      <c r="Z137" s="16">
        <v>2445</v>
      </c>
      <c r="AA137" s="22" t="s">
        <v>268</v>
      </c>
      <c r="AB137" s="16">
        <v>129</v>
      </c>
      <c r="AC137" s="22" t="s">
        <v>268</v>
      </c>
      <c r="AD137" s="16">
        <v>2445</v>
      </c>
    </row>
    <row r="138" spans="1:30">
      <c r="A138" s="21" t="s">
        <v>232</v>
      </c>
      <c r="B138" s="21" t="s">
        <v>237</v>
      </c>
      <c r="C138" s="21" t="s">
        <v>264</v>
      </c>
      <c r="D138" s="21" t="s">
        <v>215</v>
      </c>
      <c r="E138" s="21" t="s">
        <v>632</v>
      </c>
      <c r="F138" s="21" t="s">
        <v>389</v>
      </c>
      <c r="G138" s="16">
        <v>1197</v>
      </c>
      <c r="H138" s="16">
        <v>311</v>
      </c>
      <c r="I138" s="16">
        <v>193</v>
      </c>
      <c r="J138" s="22" t="s">
        <v>268</v>
      </c>
      <c r="K138" s="22" t="s">
        <v>268</v>
      </c>
      <c r="L138" s="16">
        <v>191</v>
      </c>
      <c r="M138" s="16">
        <v>2</v>
      </c>
      <c r="N138" s="16">
        <v>118</v>
      </c>
      <c r="O138" s="22" t="s">
        <v>268</v>
      </c>
      <c r="P138" s="16">
        <v>37</v>
      </c>
      <c r="Q138" s="22" t="s">
        <v>268</v>
      </c>
      <c r="R138" s="16">
        <v>37</v>
      </c>
      <c r="S138" s="16">
        <v>1</v>
      </c>
      <c r="T138" s="16">
        <v>1</v>
      </c>
      <c r="U138" s="16">
        <v>3</v>
      </c>
      <c r="V138" s="16">
        <v>2</v>
      </c>
      <c r="W138" s="22" t="s">
        <v>268</v>
      </c>
      <c r="X138" s="16">
        <v>37</v>
      </c>
      <c r="Y138" s="16">
        <v>14</v>
      </c>
      <c r="Z138" s="16">
        <v>872</v>
      </c>
      <c r="AA138" s="22" t="s">
        <v>268</v>
      </c>
      <c r="AB138" s="16">
        <v>68</v>
      </c>
      <c r="AC138" s="22" t="s">
        <v>268</v>
      </c>
      <c r="AD138" s="16">
        <v>872</v>
      </c>
    </row>
    <row r="139" spans="1:30">
      <c r="A139" s="21" t="s">
        <v>232</v>
      </c>
      <c r="B139" s="21" t="s">
        <v>237</v>
      </c>
      <c r="C139" s="21" t="s">
        <v>264</v>
      </c>
      <c r="D139" s="21" t="s">
        <v>215</v>
      </c>
      <c r="E139" s="21" t="s">
        <v>632</v>
      </c>
      <c r="F139" s="21" t="s">
        <v>390</v>
      </c>
      <c r="G139" s="16">
        <v>346</v>
      </c>
      <c r="H139" s="16">
        <v>126</v>
      </c>
      <c r="I139" s="16">
        <v>74</v>
      </c>
      <c r="J139" s="22" t="s">
        <v>268</v>
      </c>
      <c r="K139" s="22" t="s">
        <v>268</v>
      </c>
      <c r="L139" s="16">
        <v>74</v>
      </c>
      <c r="M139" s="22" t="s">
        <v>268</v>
      </c>
      <c r="N139" s="16">
        <v>52</v>
      </c>
      <c r="O139" s="22" t="s">
        <v>268</v>
      </c>
      <c r="P139" s="16">
        <v>20</v>
      </c>
      <c r="Q139" s="22" t="s">
        <v>268</v>
      </c>
      <c r="R139" s="16">
        <v>15</v>
      </c>
      <c r="S139" s="16">
        <v>1</v>
      </c>
      <c r="T139" s="22" t="s">
        <v>268</v>
      </c>
      <c r="U139" s="16">
        <v>3</v>
      </c>
      <c r="V139" s="16">
        <v>1</v>
      </c>
      <c r="W139" s="22" t="s">
        <v>268</v>
      </c>
      <c r="X139" s="16">
        <v>12</v>
      </c>
      <c r="Y139" s="16">
        <v>3</v>
      </c>
      <c r="Z139" s="16">
        <v>217</v>
      </c>
      <c r="AA139" s="22" t="s">
        <v>268</v>
      </c>
      <c r="AB139" s="16">
        <v>26</v>
      </c>
      <c r="AC139" s="22" t="s">
        <v>268</v>
      </c>
      <c r="AD139" s="16">
        <v>217</v>
      </c>
    </row>
    <row r="140" spans="1:30">
      <c r="A140" s="21" t="s">
        <v>232</v>
      </c>
      <c r="B140" s="21" t="s">
        <v>237</v>
      </c>
      <c r="C140" s="21" t="s">
        <v>264</v>
      </c>
      <c r="D140" s="21" t="s">
        <v>215</v>
      </c>
      <c r="E140" s="21" t="s">
        <v>632</v>
      </c>
      <c r="F140" s="21" t="s">
        <v>391</v>
      </c>
      <c r="G140" s="16">
        <v>12977</v>
      </c>
      <c r="H140" s="16">
        <v>872</v>
      </c>
      <c r="I140" s="16">
        <v>679</v>
      </c>
      <c r="J140" s="22" t="s">
        <v>268</v>
      </c>
      <c r="K140" s="16">
        <v>23</v>
      </c>
      <c r="L140" s="16">
        <v>535</v>
      </c>
      <c r="M140" s="16">
        <v>121</v>
      </c>
      <c r="N140" s="16">
        <v>193</v>
      </c>
      <c r="O140" s="22" t="s">
        <v>268</v>
      </c>
      <c r="P140" s="16">
        <v>2</v>
      </c>
      <c r="Q140" s="22" t="s">
        <v>268</v>
      </c>
      <c r="R140" s="16">
        <v>23</v>
      </c>
      <c r="S140" s="16">
        <v>1</v>
      </c>
      <c r="T140" s="16">
        <v>33</v>
      </c>
      <c r="U140" s="16">
        <v>2</v>
      </c>
      <c r="V140" s="16">
        <v>16</v>
      </c>
      <c r="W140" s="22" t="s">
        <v>268</v>
      </c>
      <c r="X140" s="16">
        <v>116</v>
      </c>
      <c r="Y140" s="16">
        <v>126</v>
      </c>
      <c r="Z140" s="16">
        <v>11979</v>
      </c>
      <c r="AA140" s="22" t="s">
        <v>268</v>
      </c>
      <c r="AB140" s="16">
        <v>175</v>
      </c>
      <c r="AC140" s="22" t="s">
        <v>268</v>
      </c>
      <c r="AD140" s="16">
        <v>857</v>
      </c>
    </row>
    <row r="141" spans="1:30">
      <c r="A141" s="21" t="s">
        <v>232</v>
      </c>
      <c r="B141" s="21" t="s">
        <v>237</v>
      </c>
      <c r="C141" s="21" t="s">
        <v>264</v>
      </c>
      <c r="D141" s="21" t="s">
        <v>216</v>
      </c>
      <c r="E141" s="21" t="s">
        <v>632</v>
      </c>
      <c r="F141" s="21" t="s">
        <v>401</v>
      </c>
      <c r="G141" s="16">
        <v>24845</v>
      </c>
      <c r="H141" s="16">
        <v>5365</v>
      </c>
      <c r="I141" s="16">
        <v>3651</v>
      </c>
      <c r="J141" s="22" t="s">
        <v>268</v>
      </c>
      <c r="K141" s="16">
        <v>13</v>
      </c>
      <c r="L141" s="16">
        <v>15</v>
      </c>
      <c r="M141" s="16">
        <v>3623</v>
      </c>
      <c r="N141" s="16">
        <v>1714</v>
      </c>
      <c r="O141" s="22" t="s">
        <v>268</v>
      </c>
      <c r="P141" s="16">
        <v>271</v>
      </c>
      <c r="Q141" s="22" t="s">
        <v>268</v>
      </c>
      <c r="R141" s="16">
        <v>391</v>
      </c>
      <c r="S141" s="16">
        <v>2</v>
      </c>
      <c r="T141" s="16">
        <v>137</v>
      </c>
      <c r="U141" s="16">
        <v>34</v>
      </c>
      <c r="V141" s="16">
        <v>98</v>
      </c>
      <c r="W141" s="16">
        <v>1</v>
      </c>
      <c r="X141" s="16">
        <v>780</v>
      </c>
      <c r="Y141" s="16">
        <v>203</v>
      </c>
      <c r="Z141" s="16">
        <v>17392</v>
      </c>
      <c r="AA141" s="16">
        <v>1885</v>
      </c>
      <c r="AB141" s="16">
        <v>1347</v>
      </c>
      <c r="AC141" s="22" t="s">
        <v>268</v>
      </c>
      <c r="AD141" s="16">
        <v>3038</v>
      </c>
    </row>
    <row r="142" spans="1:30">
      <c r="A142" s="21" t="s">
        <v>232</v>
      </c>
      <c r="B142" s="21" t="s">
        <v>237</v>
      </c>
      <c r="C142" s="21" t="s">
        <v>264</v>
      </c>
      <c r="D142" s="21" t="s">
        <v>216</v>
      </c>
      <c r="E142" s="21" t="s">
        <v>632</v>
      </c>
      <c r="F142" s="21" t="s">
        <v>405</v>
      </c>
      <c r="G142" s="16">
        <v>102</v>
      </c>
      <c r="H142" s="16">
        <v>14</v>
      </c>
      <c r="I142" s="16">
        <v>5</v>
      </c>
      <c r="J142" s="22" t="s">
        <v>268</v>
      </c>
      <c r="K142" s="22" t="s">
        <v>268</v>
      </c>
      <c r="L142" s="22" t="s">
        <v>268</v>
      </c>
      <c r="M142" s="16">
        <v>5</v>
      </c>
      <c r="N142" s="16">
        <v>9</v>
      </c>
      <c r="O142" s="22" t="s">
        <v>268</v>
      </c>
      <c r="P142" s="22" t="s">
        <v>268</v>
      </c>
      <c r="Q142" s="22" t="s">
        <v>268</v>
      </c>
      <c r="R142" s="22" t="s">
        <v>268</v>
      </c>
      <c r="S142" s="22" t="s">
        <v>268</v>
      </c>
      <c r="T142" s="16">
        <v>6</v>
      </c>
      <c r="U142" s="22" t="s">
        <v>268</v>
      </c>
      <c r="V142" s="22" t="s">
        <v>268</v>
      </c>
      <c r="W142" s="22" t="s">
        <v>268</v>
      </c>
      <c r="X142" s="16">
        <v>3</v>
      </c>
      <c r="Y142" s="22" t="s">
        <v>268</v>
      </c>
      <c r="Z142" s="16">
        <v>88</v>
      </c>
      <c r="AA142" s="22" t="s">
        <v>268</v>
      </c>
      <c r="AB142" s="16">
        <v>9</v>
      </c>
      <c r="AC142" s="22" t="s">
        <v>268</v>
      </c>
      <c r="AD142" s="22" t="s">
        <v>268</v>
      </c>
    </row>
    <row r="143" spans="1:30">
      <c r="A143" s="21" t="s">
        <v>232</v>
      </c>
      <c r="B143" s="21" t="s">
        <v>237</v>
      </c>
      <c r="C143" s="21" t="s">
        <v>264</v>
      </c>
      <c r="D143" s="21" t="s">
        <v>216</v>
      </c>
      <c r="E143" s="21" t="s">
        <v>632</v>
      </c>
      <c r="F143" s="21" t="s">
        <v>406</v>
      </c>
      <c r="G143" s="16">
        <v>879</v>
      </c>
      <c r="H143" s="16">
        <v>92</v>
      </c>
      <c r="I143" s="16">
        <v>59</v>
      </c>
      <c r="J143" s="22" t="s">
        <v>268</v>
      </c>
      <c r="K143" s="16">
        <v>3</v>
      </c>
      <c r="L143" s="16">
        <v>1</v>
      </c>
      <c r="M143" s="16">
        <v>55</v>
      </c>
      <c r="N143" s="16">
        <v>33</v>
      </c>
      <c r="O143" s="22" t="s">
        <v>268</v>
      </c>
      <c r="P143" s="22" t="s">
        <v>268</v>
      </c>
      <c r="Q143" s="22" t="s">
        <v>268</v>
      </c>
      <c r="R143" s="22" t="s">
        <v>268</v>
      </c>
      <c r="S143" s="16">
        <v>1</v>
      </c>
      <c r="T143" s="16">
        <v>11</v>
      </c>
      <c r="U143" s="22" t="s">
        <v>268</v>
      </c>
      <c r="V143" s="16">
        <v>1</v>
      </c>
      <c r="W143" s="22" t="s">
        <v>268</v>
      </c>
      <c r="X143" s="16">
        <v>20</v>
      </c>
      <c r="Y143" s="16">
        <v>11</v>
      </c>
      <c r="Z143" s="16">
        <v>776</v>
      </c>
      <c r="AA143" s="22" t="s">
        <v>268</v>
      </c>
      <c r="AB143" s="16">
        <v>31</v>
      </c>
      <c r="AC143" s="22" t="s">
        <v>268</v>
      </c>
      <c r="AD143" s="22" t="s">
        <v>268</v>
      </c>
    </row>
    <row r="144" spans="1:30">
      <c r="A144" s="21" t="s">
        <v>232</v>
      </c>
      <c r="B144" s="21" t="s">
        <v>237</v>
      </c>
      <c r="C144" s="21" t="s">
        <v>264</v>
      </c>
      <c r="D144" s="21" t="s">
        <v>216</v>
      </c>
      <c r="E144" s="21" t="s">
        <v>632</v>
      </c>
      <c r="F144" s="21" t="s">
        <v>407</v>
      </c>
      <c r="G144" s="16">
        <v>1103</v>
      </c>
      <c r="H144" s="16">
        <v>184</v>
      </c>
      <c r="I144" s="16">
        <v>143</v>
      </c>
      <c r="J144" s="22" t="s">
        <v>268</v>
      </c>
      <c r="K144" s="16">
        <v>3</v>
      </c>
      <c r="L144" s="16">
        <v>4</v>
      </c>
      <c r="M144" s="16">
        <v>136</v>
      </c>
      <c r="N144" s="16">
        <v>41</v>
      </c>
      <c r="O144" s="22" t="s">
        <v>268</v>
      </c>
      <c r="P144" s="22" t="s">
        <v>268</v>
      </c>
      <c r="Q144" s="22" t="s">
        <v>268</v>
      </c>
      <c r="R144" s="22" t="s">
        <v>268</v>
      </c>
      <c r="S144" s="22" t="s">
        <v>268</v>
      </c>
      <c r="T144" s="16">
        <v>10</v>
      </c>
      <c r="U144" s="22" t="s">
        <v>268</v>
      </c>
      <c r="V144" s="16">
        <v>2</v>
      </c>
      <c r="W144" s="22" t="s">
        <v>268</v>
      </c>
      <c r="X144" s="16">
        <v>29</v>
      </c>
      <c r="Y144" s="16">
        <v>15</v>
      </c>
      <c r="Z144" s="16">
        <v>904</v>
      </c>
      <c r="AA144" s="22" t="s">
        <v>268</v>
      </c>
      <c r="AB144" s="16">
        <v>43</v>
      </c>
      <c r="AC144" s="22" t="s">
        <v>268</v>
      </c>
      <c r="AD144" s="22" t="s">
        <v>268</v>
      </c>
    </row>
    <row r="145" spans="1:30">
      <c r="A145" s="21" t="s">
        <v>232</v>
      </c>
      <c r="B145" s="21" t="s">
        <v>237</v>
      </c>
      <c r="C145" s="21" t="s">
        <v>264</v>
      </c>
      <c r="D145" s="21" t="s">
        <v>216</v>
      </c>
      <c r="E145" s="21" t="s">
        <v>632</v>
      </c>
      <c r="F145" s="21" t="s">
        <v>408</v>
      </c>
      <c r="G145" s="16">
        <v>895</v>
      </c>
      <c r="H145" s="16">
        <v>292</v>
      </c>
      <c r="I145" s="16">
        <v>246</v>
      </c>
      <c r="J145" s="22" t="s">
        <v>268</v>
      </c>
      <c r="K145" s="16">
        <v>1</v>
      </c>
      <c r="L145" s="16">
        <v>1</v>
      </c>
      <c r="M145" s="16">
        <v>244</v>
      </c>
      <c r="N145" s="16">
        <v>46</v>
      </c>
      <c r="O145" s="22" t="s">
        <v>268</v>
      </c>
      <c r="P145" s="22" t="s">
        <v>268</v>
      </c>
      <c r="Q145" s="22" t="s">
        <v>268</v>
      </c>
      <c r="R145" s="22" t="s">
        <v>268</v>
      </c>
      <c r="S145" s="22" t="s">
        <v>268</v>
      </c>
      <c r="T145" s="16">
        <v>11</v>
      </c>
      <c r="U145" s="16">
        <v>1</v>
      </c>
      <c r="V145" s="16">
        <v>2</v>
      </c>
      <c r="W145" s="22" t="s">
        <v>268</v>
      </c>
      <c r="X145" s="16">
        <v>32</v>
      </c>
      <c r="Y145" s="16">
        <v>5</v>
      </c>
      <c r="Z145" s="16">
        <v>598</v>
      </c>
      <c r="AA145" s="22" t="s">
        <v>268</v>
      </c>
      <c r="AB145" s="16">
        <v>41</v>
      </c>
      <c r="AC145" s="22" t="s">
        <v>268</v>
      </c>
      <c r="AD145" s="22" t="s">
        <v>268</v>
      </c>
    </row>
    <row r="146" spans="1:30">
      <c r="A146" s="21" t="s">
        <v>232</v>
      </c>
      <c r="B146" s="21" t="s">
        <v>237</v>
      </c>
      <c r="C146" s="21" t="s">
        <v>264</v>
      </c>
      <c r="D146" s="21" t="s">
        <v>216</v>
      </c>
      <c r="E146" s="21" t="s">
        <v>632</v>
      </c>
      <c r="F146" s="21" t="s">
        <v>409</v>
      </c>
      <c r="G146" s="16">
        <v>945</v>
      </c>
      <c r="H146" s="16">
        <v>395</v>
      </c>
      <c r="I146" s="16">
        <v>333</v>
      </c>
      <c r="J146" s="22" t="s">
        <v>268</v>
      </c>
      <c r="K146" s="22" t="s">
        <v>268</v>
      </c>
      <c r="L146" s="16">
        <v>2</v>
      </c>
      <c r="M146" s="16">
        <v>331</v>
      </c>
      <c r="N146" s="16">
        <v>62</v>
      </c>
      <c r="O146" s="22" t="s">
        <v>268</v>
      </c>
      <c r="P146" s="22" t="s">
        <v>268</v>
      </c>
      <c r="Q146" s="22" t="s">
        <v>268</v>
      </c>
      <c r="R146" s="22" t="s">
        <v>268</v>
      </c>
      <c r="S146" s="22" t="s">
        <v>268</v>
      </c>
      <c r="T146" s="16">
        <v>15</v>
      </c>
      <c r="U146" s="22" t="s">
        <v>268</v>
      </c>
      <c r="V146" s="16">
        <v>5</v>
      </c>
      <c r="W146" s="22" t="s">
        <v>268</v>
      </c>
      <c r="X146" s="16">
        <v>42</v>
      </c>
      <c r="Y146" s="16">
        <v>17</v>
      </c>
      <c r="Z146" s="16">
        <v>533</v>
      </c>
      <c r="AA146" s="22" t="s">
        <v>268</v>
      </c>
      <c r="AB146" s="16">
        <v>59</v>
      </c>
      <c r="AC146" s="22" t="s">
        <v>268</v>
      </c>
      <c r="AD146" s="22" t="s">
        <v>268</v>
      </c>
    </row>
    <row r="147" spans="1:30">
      <c r="A147" s="21" t="s">
        <v>232</v>
      </c>
      <c r="B147" s="21" t="s">
        <v>237</v>
      </c>
      <c r="C147" s="21" t="s">
        <v>264</v>
      </c>
      <c r="D147" s="21" t="s">
        <v>216</v>
      </c>
      <c r="E147" s="21" t="s">
        <v>632</v>
      </c>
      <c r="F147" s="21" t="s">
        <v>410</v>
      </c>
      <c r="G147" s="16">
        <v>1047</v>
      </c>
      <c r="H147" s="16">
        <v>518</v>
      </c>
      <c r="I147" s="16">
        <v>440</v>
      </c>
      <c r="J147" s="22" t="s">
        <v>268</v>
      </c>
      <c r="K147" s="16">
        <v>1</v>
      </c>
      <c r="L147" s="22" t="s">
        <v>268</v>
      </c>
      <c r="M147" s="16">
        <v>439</v>
      </c>
      <c r="N147" s="16">
        <v>78</v>
      </c>
      <c r="O147" s="22" t="s">
        <v>268</v>
      </c>
      <c r="P147" s="16">
        <v>1</v>
      </c>
      <c r="Q147" s="22" t="s">
        <v>268</v>
      </c>
      <c r="R147" s="22" t="s">
        <v>268</v>
      </c>
      <c r="S147" s="22" t="s">
        <v>268</v>
      </c>
      <c r="T147" s="16">
        <v>27</v>
      </c>
      <c r="U147" s="22" t="s">
        <v>268</v>
      </c>
      <c r="V147" s="16">
        <v>4</v>
      </c>
      <c r="W147" s="22" t="s">
        <v>268</v>
      </c>
      <c r="X147" s="16">
        <v>46</v>
      </c>
      <c r="Y147" s="16">
        <v>22</v>
      </c>
      <c r="Z147" s="16">
        <v>507</v>
      </c>
      <c r="AA147" s="22" t="s">
        <v>268</v>
      </c>
      <c r="AB147" s="16">
        <v>72</v>
      </c>
      <c r="AC147" s="22" t="s">
        <v>268</v>
      </c>
      <c r="AD147" s="22" t="s">
        <v>268</v>
      </c>
    </row>
    <row r="148" spans="1:30">
      <c r="A148" s="21" t="s">
        <v>232</v>
      </c>
      <c r="B148" s="21" t="s">
        <v>237</v>
      </c>
      <c r="C148" s="21" t="s">
        <v>264</v>
      </c>
      <c r="D148" s="21" t="s">
        <v>216</v>
      </c>
      <c r="E148" s="21" t="s">
        <v>632</v>
      </c>
      <c r="F148" s="21" t="s">
        <v>411</v>
      </c>
      <c r="G148" s="16">
        <v>1103</v>
      </c>
      <c r="H148" s="16">
        <v>556</v>
      </c>
      <c r="I148" s="16">
        <v>445</v>
      </c>
      <c r="J148" s="22" t="s">
        <v>268</v>
      </c>
      <c r="K148" s="16">
        <v>3</v>
      </c>
      <c r="L148" s="22" t="s">
        <v>268</v>
      </c>
      <c r="M148" s="16">
        <v>442</v>
      </c>
      <c r="N148" s="16">
        <v>111</v>
      </c>
      <c r="O148" s="22" t="s">
        <v>268</v>
      </c>
      <c r="P148" s="16">
        <v>1</v>
      </c>
      <c r="Q148" s="22" t="s">
        <v>268</v>
      </c>
      <c r="R148" s="16">
        <v>2</v>
      </c>
      <c r="S148" s="22" t="s">
        <v>268</v>
      </c>
      <c r="T148" s="16">
        <v>31</v>
      </c>
      <c r="U148" s="16">
        <v>3</v>
      </c>
      <c r="V148" s="16">
        <v>2</v>
      </c>
      <c r="W148" s="22" t="s">
        <v>268</v>
      </c>
      <c r="X148" s="16">
        <v>72</v>
      </c>
      <c r="Y148" s="16">
        <v>30</v>
      </c>
      <c r="Z148" s="16">
        <v>517</v>
      </c>
      <c r="AA148" s="22" t="s">
        <v>268</v>
      </c>
      <c r="AB148" s="16">
        <v>106</v>
      </c>
      <c r="AC148" s="22" t="s">
        <v>268</v>
      </c>
      <c r="AD148" s="22" t="s">
        <v>268</v>
      </c>
    </row>
    <row r="149" spans="1:30">
      <c r="A149" s="21" t="s">
        <v>232</v>
      </c>
      <c r="B149" s="21" t="s">
        <v>237</v>
      </c>
      <c r="C149" s="21" t="s">
        <v>264</v>
      </c>
      <c r="D149" s="21" t="s">
        <v>216</v>
      </c>
      <c r="E149" s="21" t="s">
        <v>632</v>
      </c>
      <c r="F149" s="21" t="s">
        <v>412</v>
      </c>
      <c r="G149" s="16">
        <v>844</v>
      </c>
      <c r="H149" s="16">
        <v>415</v>
      </c>
      <c r="I149" s="16">
        <v>328</v>
      </c>
      <c r="J149" s="22" t="s">
        <v>268</v>
      </c>
      <c r="K149" s="16">
        <v>1</v>
      </c>
      <c r="L149" s="16">
        <v>2</v>
      </c>
      <c r="M149" s="16">
        <v>325</v>
      </c>
      <c r="N149" s="16">
        <v>87</v>
      </c>
      <c r="O149" s="22" t="s">
        <v>268</v>
      </c>
      <c r="P149" s="16">
        <v>1</v>
      </c>
      <c r="Q149" s="22" t="s">
        <v>268</v>
      </c>
      <c r="R149" s="16">
        <v>8</v>
      </c>
      <c r="S149" s="22" t="s">
        <v>268</v>
      </c>
      <c r="T149" s="16">
        <v>9</v>
      </c>
      <c r="U149" s="16">
        <v>2</v>
      </c>
      <c r="V149" s="16">
        <v>2</v>
      </c>
      <c r="W149" s="22" t="s">
        <v>268</v>
      </c>
      <c r="X149" s="16">
        <v>65</v>
      </c>
      <c r="Y149" s="16">
        <v>14</v>
      </c>
      <c r="Z149" s="16">
        <v>415</v>
      </c>
      <c r="AA149" s="22" t="s">
        <v>268</v>
      </c>
      <c r="AB149" s="16">
        <v>77</v>
      </c>
      <c r="AC149" s="22" t="s">
        <v>268</v>
      </c>
      <c r="AD149" s="22" t="s">
        <v>268</v>
      </c>
    </row>
    <row r="150" spans="1:30">
      <c r="A150" s="21" t="s">
        <v>232</v>
      </c>
      <c r="B150" s="21" t="s">
        <v>237</v>
      </c>
      <c r="C150" s="21" t="s">
        <v>264</v>
      </c>
      <c r="D150" s="21" t="s">
        <v>216</v>
      </c>
      <c r="E150" s="21" t="s">
        <v>632</v>
      </c>
      <c r="F150" s="21" t="s">
        <v>413</v>
      </c>
      <c r="G150" s="16">
        <v>776</v>
      </c>
      <c r="H150" s="16">
        <v>304</v>
      </c>
      <c r="I150" s="16">
        <v>210</v>
      </c>
      <c r="J150" s="22" t="s">
        <v>268</v>
      </c>
      <c r="K150" s="16">
        <v>1</v>
      </c>
      <c r="L150" s="16">
        <v>1</v>
      </c>
      <c r="M150" s="16">
        <v>208</v>
      </c>
      <c r="N150" s="16">
        <v>94</v>
      </c>
      <c r="O150" s="22" t="s">
        <v>268</v>
      </c>
      <c r="P150" s="16">
        <v>1</v>
      </c>
      <c r="Q150" s="22" t="s">
        <v>268</v>
      </c>
      <c r="R150" s="16">
        <v>19</v>
      </c>
      <c r="S150" s="22" t="s">
        <v>268</v>
      </c>
      <c r="T150" s="16">
        <v>7</v>
      </c>
      <c r="U150" s="16">
        <v>3</v>
      </c>
      <c r="V150" s="16">
        <v>6</v>
      </c>
      <c r="W150" s="22" t="s">
        <v>268</v>
      </c>
      <c r="X150" s="16">
        <v>58</v>
      </c>
      <c r="Y150" s="16">
        <v>16</v>
      </c>
      <c r="Z150" s="16">
        <v>456</v>
      </c>
      <c r="AA150" s="22" t="s">
        <v>268</v>
      </c>
      <c r="AB150" s="16">
        <v>90</v>
      </c>
      <c r="AC150" s="22" t="s">
        <v>268</v>
      </c>
      <c r="AD150" s="22" t="s">
        <v>268</v>
      </c>
    </row>
    <row r="151" spans="1:30">
      <c r="A151" s="21" t="s">
        <v>232</v>
      </c>
      <c r="B151" s="21" t="s">
        <v>237</v>
      </c>
      <c r="C151" s="21" t="s">
        <v>264</v>
      </c>
      <c r="D151" s="21" t="s">
        <v>216</v>
      </c>
      <c r="E151" s="21" t="s">
        <v>632</v>
      </c>
      <c r="F151" s="21" t="s">
        <v>414</v>
      </c>
      <c r="G151" s="16">
        <v>714</v>
      </c>
      <c r="H151" s="16">
        <v>274</v>
      </c>
      <c r="I151" s="16">
        <v>176</v>
      </c>
      <c r="J151" s="22" t="s">
        <v>268</v>
      </c>
      <c r="K151" s="22" t="s">
        <v>268</v>
      </c>
      <c r="L151" s="16">
        <v>2</v>
      </c>
      <c r="M151" s="16">
        <v>174</v>
      </c>
      <c r="N151" s="16">
        <v>98</v>
      </c>
      <c r="O151" s="22" t="s">
        <v>268</v>
      </c>
      <c r="P151" s="16">
        <v>4</v>
      </c>
      <c r="Q151" s="22" t="s">
        <v>268</v>
      </c>
      <c r="R151" s="16">
        <v>26</v>
      </c>
      <c r="S151" s="22" t="s">
        <v>268</v>
      </c>
      <c r="T151" s="16">
        <v>3</v>
      </c>
      <c r="U151" s="16">
        <v>2</v>
      </c>
      <c r="V151" s="16">
        <v>3</v>
      </c>
      <c r="W151" s="22" t="s">
        <v>268</v>
      </c>
      <c r="X151" s="16">
        <v>60</v>
      </c>
      <c r="Y151" s="16">
        <v>15</v>
      </c>
      <c r="Z151" s="16">
        <v>425</v>
      </c>
      <c r="AA151" s="22" t="s">
        <v>268</v>
      </c>
      <c r="AB151" s="16">
        <v>88</v>
      </c>
      <c r="AC151" s="22" t="s">
        <v>268</v>
      </c>
      <c r="AD151" s="22" t="s">
        <v>268</v>
      </c>
    </row>
    <row r="152" spans="1:30">
      <c r="A152" s="21" t="s">
        <v>232</v>
      </c>
      <c r="B152" s="21" t="s">
        <v>237</v>
      </c>
      <c r="C152" s="21" t="s">
        <v>264</v>
      </c>
      <c r="D152" s="21" t="s">
        <v>216</v>
      </c>
      <c r="E152" s="21" t="s">
        <v>632</v>
      </c>
      <c r="F152" s="21" t="s">
        <v>415</v>
      </c>
      <c r="G152" s="16">
        <v>781</v>
      </c>
      <c r="H152" s="16">
        <v>269</v>
      </c>
      <c r="I152" s="16">
        <v>175</v>
      </c>
      <c r="J152" s="22" t="s">
        <v>268</v>
      </c>
      <c r="K152" s="22" t="s">
        <v>268</v>
      </c>
      <c r="L152" s="16">
        <v>2</v>
      </c>
      <c r="M152" s="16">
        <v>173</v>
      </c>
      <c r="N152" s="16">
        <v>94</v>
      </c>
      <c r="O152" s="22" t="s">
        <v>268</v>
      </c>
      <c r="P152" s="16">
        <v>7</v>
      </c>
      <c r="Q152" s="22" t="s">
        <v>268</v>
      </c>
      <c r="R152" s="16">
        <v>28</v>
      </c>
      <c r="S152" s="22" t="s">
        <v>268</v>
      </c>
      <c r="T152" s="16">
        <v>1</v>
      </c>
      <c r="U152" s="16">
        <v>1</v>
      </c>
      <c r="V152" s="16">
        <v>5</v>
      </c>
      <c r="W152" s="22" t="s">
        <v>268</v>
      </c>
      <c r="X152" s="16">
        <v>52</v>
      </c>
      <c r="Y152" s="16">
        <v>8</v>
      </c>
      <c r="Z152" s="16">
        <v>504</v>
      </c>
      <c r="AA152" s="22" t="s">
        <v>268</v>
      </c>
      <c r="AB152" s="16">
        <v>76</v>
      </c>
      <c r="AC152" s="22" t="s">
        <v>268</v>
      </c>
      <c r="AD152" s="16">
        <v>504</v>
      </c>
    </row>
    <row r="153" spans="1:30">
      <c r="A153" s="21" t="s">
        <v>232</v>
      </c>
      <c r="B153" s="21" t="s">
        <v>237</v>
      </c>
      <c r="C153" s="21" t="s">
        <v>264</v>
      </c>
      <c r="D153" s="21" t="s">
        <v>216</v>
      </c>
      <c r="E153" s="21" t="s">
        <v>632</v>
      </c>
      <c r="F153" s="21" t="s">
        <v>416</v>
      </c>
      <c r="G153" s="16">
        <v>980</v>
      </c>
      <c r="H153" s="16">
        <v>359</v>
      </c>
      <c r="I153" s="16">
        <v>222</v>
      </c>
      <c r="J153" s="22" t="s">
        <v>268</v>
      </c>
      <c r="K153" s="22" t="s">
        <v>268</v>
      </c>
      <c r="L153" s="22" t="s">
        <v>268</v>
      </c>
      <c r="M153" s="16">
        <v>222</v>
      </c>
      <c r="N153" s="16">
        <v>137</v>
      </c>
      <c r="O153" s="22" t="s">
        <v>268</v>
      </c>
      <c r="P153" s="16">
        <v>12</v>
      </c>
      <c r="Q153" s="22" t="s">
        <v>268</v>
      </c>
      <c r="R153" s="16">
        <v>44</v>
      </c>
      <c r="S153" s="22" t="s">
        <v>268</v>
      </c>
      <c r="T153" s="16">
        <v>2</v>
      </c>
      <c r="U153" s="16">
        <v>2</v>
      </c>
      <c r="V153" s="16">
        <v>6</v>
      </c>
      <c r="W153" s="22" t="s">
        <v>268</v>
      </c>
      <c r="X153" s="16">
        <v>71</v>
      </c>
      <c r="Y153" s="16">
        <v>11</v>
      </c>
      <c r="Z153" s="16">
        <v>610</v>
      </c>
      <c r="AA153" s="22" t="s">
        <v>268</v>
      </c>
      <c r="AB153" s="16">
        <v>113</v>
      </c>
      <c r="AC153" s="22" t="s">
        <v>268</v>
      </c>
      <c r="AD153" s="16">
        <v>610</v>
      </c>
    </row>
    <row r="154" spans="1:30">
      <c r="A154" s="21" t="s">
        <v>232</v>
      </c>
      <c r="B154" s="21" t="s">
        <v>237</v>
      </c>
      <c r="C154" s="21" t="s">
        <v>264</v>
      </c>
      <c r="D154" s="21" t="s">
        <v>216</v>
      </c>
      <c r="E154" s="21" t="s">
        <v>632</v>
      </c>
      <c r="F154" s="21" t="s">
        <v>417</v>
      </c>
      <c r="G154" s="16">
        <v>962</v>
      </c>
      <c r="H154" s="16">
        <v>347</v>
      </c>
      <c r="I154" s="16">
        <v>188</v>
      </c>
      <c r="J154" s="22" t="s">
        <v>268</v>
      </c>
      <c r="K154" s="22" t="s">
        <v>268</v>
      </c>
      <c r="L154" s="22" t="s">
        <v>268</v>
      </c>
      <c r="M154" s="16">
        <v>188</v>
      </c>
      <c r="N154" s="16">
        <v>159</v>
      </c>
      <c r="O154" s="22" t="s">
        <v>268</v>
      </c>
      <c r="P154" s="16">
        <v>16</v>
      </c>
      <c r="Q154" s="22" t="s">
        <v>268</v>
      </c>
      <c r="R154" s="16">
        <v>63</v>
      </c>
      <c r="S154" s="22" t="s">
        <v>268</v>
      </c>
      <c r="T154" s="16">
        <v>1</v>
      </c>
      <c r="U154" s="16">
        <v>5</v>
      </c>
      <c r="V154" s="16">
        <v>8</v>
      </c>
      <c r="W154" s="22" t="s">
        <v>268</v>
      </c>
      <c r="X154" s="16">
        <v>66</v>
      </c>
      <c r="Y154" s="16">
        <v>9</v>
      </c>
      <c r="Z154" s="16">
        <v>606</v>
      </c>
      <c r="AA154" s="22" t="s">
        <v>268</v>
      </c>
      <c r="AB154" s="16">
        <v>130</v>
      </c>
      <c r="AC154" s="22" t="s">
        <v>268</v>
      </c>
      <c r="AD154" s="16">
        <v>606</v>
      </c>
    </row>
    <row r="155" spans="1:30">
      <c r="A155" s="21" t="s">
        <v>232</v>
      </c>
      <c r="B155" s="21" t="s">
        <v>237</v>
      </c>
      <c r="C155" s="21" t="s">
        <v>264</v>
      </c>
      <c r="D155" s="21" t="s">
        <v>216</v>
      </c>
      <c r="E155" s="21" t="s">
        <v>632</v>
      </c>
      <c r="F155" s="21" t="s">
        <v>418</v>
      </c>
      <c r="G155" s="16">
        <v>1082</v>
      </c>
      <c r="H155" s="16">
        <v>441</v>
      </c>
      <c r="I155" s="16">
        <v>257</v>
      </c>
      <c r="J155" s="22" t="s">
        <v>268</v>
      </c>
      <c r="K155" s="22" t="s">
        <v>268</v>
      </c>
      <c r="L155" s="22" t="s">
        <v>268</v>
      </c>
      <c r="M155" s="16">
        <v>257</v>
      </c>
      <c r="N155" s="16">
        <v>184</v>
      </c>
      <c r="O155" s="22" t="s">
        <v>268</v>
      </c>
      <c r="P155" s="16">
        <v>35</v>
      </c>
      <c r="Q155" s="22" t="s">
        <v>268</v>
      </c>
      <c r="R155" s="16">
        <v>74</v>
      </c>
      <c r="S155" s="22" t="s">
        <v>268</v>
      </c>
      <c r="T155" s="22" t="s">
        <v>268</v>
      </c>
      <c r="U155" s="16">
        <v>5</v>
      </c>
      <c r="V155" s="16">
        <v>10</v>
      </c>
      <c r="W155" s="22" t="s">
        <v>268</v>
      </c>
      <c r="X155" s="16">
        <v>60</v>
      </c>
      <c r="Y155" s="16">
        <v>12</v>
      </c>
      <c r="Z155" s="16">
        <v>629</v>
      </c>
      <c r="AA155" s="22" t="s">
        <v>268</v>
      </c>
      <c r="AB155" s="16">
        <v>144</v>
      </c>
      <c r="AC155" s="22" t="s">
        <v>268</v>
      </c>
      <c r="AD155" s="16">
        <v>629</v>
      </c>
    </row>
    <row r="156" spans="1:30">
      <c r="A156" s="21" t="s">
        <v>232</v>
      </c>
      <c r="B156" s="21" t="s">
        <v>237</v>
      </c>
      <c r="C156" s="21" t="s">
        <v>264</v>
      </c>
      <c r="D156" s="21" t="s">
        <v>216</v>
      </c>
      <c r="E156" s="21" t="s">
        <v>632</v>
      </c>
      <c r="F156" s="21" t="s">
        <v>419</v>
      </c>
      <c r="G156" s="16">
        <v>907</v>
      </c>
      <c r="H156" s="16">
        <v>450</v>
      </c>
      <c r="I156" s="16">
        <v>232</v>
      </c>
      <c r="J156" s="22" t="s">
        <v>268</v>
      </c>
      <c r="K156" s="22" t="s">
        <v>268</v>
      </c>
      <c r="L156" s="22" t="s">
        <v>268</v>
      </c>
      <c r="M156" s="16">
        <v>232</v>
      </c>
      <c r="N156" s="16">
        <v>218</v>
      </c>
      <c r="O156" s="22" t="s">
        <v>268</v>
      </c>
      <c r="P156" s="16">
        <v>72</v>
      </c>
      <c r="Q156" s="22" t="s">
        <v>268</v>
      </c>
      <c r="R156" s="16">
        <v>62</v>
      </c>
      <c r="S156" s="22" t="s">
        <v>268</v>
      </c>
      <c r="T156" s="16">
        <v>2</v>
      </c>
      <c r="U156" s="16">
        <v>4</v>
      </c>
      <c r="V156" s="16">
        <v>24</v>
      </c>
      <c r="W156" s="22" t="s">
        <v>268</v>
      </c>
      <c r="X156" s="16">
        <v>54</v>
      </c>
      <c r="Y156" s="16">
        <v>14</v>
      </c>
      <c r="Z156" s="16">
        <v>443</v>
      </c>
      <c r="AA156" s="22" t="s">
        <v>268</v>
      </c>
      <c r="AB156" s="16">
        <v>136</v>
      </c>
      <c r="AC156" s="22" t="s">
        <v>268</v>
      </c>
      <c r="AD156" s="16">
        <v>443</v>
      </c>
    </row>
    <row r="157" spans="1:30">
      <c r="A157" s="21" t="s">
        <v>232</v>
      </c>
      <c r="B157" s="21" t="s">
        <v>237</v>
      </c>
      <c r="C157" s="21" t="s">
        <v>264</v>
      </c>
      <c r="D157" s="21" t="s">
        <v>216</v>
      </c>
      <c r="E157" s="21" t="s">
        <v>632</v>
      </c>
      <c r="F157" s="21" t="s">
        <v>420</v>
      </c>
      <c r="G157" s="16">
        <v>533</v>
      </c>
      <c r="H157" s="16">
        <v>327</v>
      </c>
      <c r="I157" s="16">
        <v>140</v>
      </c>
      <c r="J157" s="22" t="s">
        <v>268</v>
      </c>
      <c r="K157" s="22" t="s">
        <v>268</v>
      </c>
      <c r="L157" s="22" t="s">
        <v>268</v>
      </c>
      <c r="M157" s="16">
        <v>140</v>
      </c>
      <c r="N157" s="16">
        <v>187</v>
      </c>
      <c r="O157" s="22" t="s">
        <v>268</v>
      </c>
      <c r="P157" s="16">
        <v>78</v>
      </c>
      <c r="Q157" s="22" t="s">
        <v>268</v>
      </c>
      <c r="R157" s="16">
        <v>52</v>
      </c>
      <c r="S157" s="22" t="s">
        <v>268</v>
      </c>
      <c r="T157" s="16">
        <v>1</v>
      </c>
      <c r="U157" s="16">
        <v>5</v>
      </c>
      <c r="V157" s="16">
        <v>15</v>
      </c>
      <c r="W157" s="22" t="s">
        <v>268</v>
      </c>
      <c r="X157" s="16">
        <v>36</v>
      </c>
      <c r="Y157" s="16">
        <v>3</v>
      </c>
      <c r="Z157" s="16">
        <v>203</v>
      </c>
      <c r="AA157" s="22" t="s">
        <v>268</v>
      </c>
      <c r="AB157" s="16">
        <v>102</v>
      </c>
      <c r="AC157" s="22" t="s">
        <v>268</v>
      </c>
      <c r="AD157" s="16">
        <v>203</v>
      </c>
    </row>
    <row r="158" spans="1:30">
      <c r="A158" s="21" t="s">
        <v>232</v>
      </c>
      <c r="B158" s="21" t="s">
        <v>237</v>
      </c>
      <c r="C158" s="21" t="s">
        <v>264</v>
      </c>
      <c r="D158" s="21" t="s">
        <v>216</v>
      </c>
      <c r="E158" s="21" t="s">
        <v>632</v>
      </c>
      <c r="F158" s="21" t="s">
        <v>421</v>
      </c>
      <c r="G158" s="16">
        <v>147</v>
      </c>
      <c r="H158" s="16">
        <v>108</v>
      </c>
      <c r="I158" s="16">
        <v>47</v>
      </c>
      <c r="J158" s="22" t="s">
        <v>268</v>
      </c>
      <c r="K158" s="22" t="s">
        <v>268</v>
      </c>
      <c r="L158" s="22" t="s">
        <v>268</v>
      </c>
      <c r="M158" s="16">
        <v>47</v>
      </c>
      <c r="N158" s="16">
        <v>61</v>
      </c>
      <c r="O158" s="22" t="s">
        <v>268</v>
      </c>
      <c r="P158" s="16">
        <v>34</v>
      </c>
      <c r="Q158" s="22" t="s">
        <v>268</v>
      </c>
      <c r="R158" s="16">
        <v>10</v>
      </c>
      <c r="S158" s="22" t="s">
        <v>268</v>
      </c>
      <c r="T158" s="22" t="s">
        <v>268</v>
      </c>
      <c r="U158" s="16">
        <v>1</v>
      </c>
      <c r="V158" s="16">
        <v>2</v>
      </c>
      <c r="W158" s="16">
        <v>1</v>
      </c>
      <c r="X158" s="16">
        <v>13</v>
      </c>
      <c r="Y158" s="16">
        <v>1</v>
      </c>
      <c r="Z158" s="16">
        <v>38</v>
      </c>
      <c r="AA158" s="22" t="s">
        <v>268</v>
      </c>
      <c r="AB158" s="16">
        <v>25</v>
      </c>
      <c r="AC158" s="22" t="s">
        <v>268</v>
      </c>
      <c r="AD158" s="16">
        <v>38</v>
      </c>
    </row>
    <row r="159" spans="1:30">
      <c r="A159" s="21" t="s">
        <v>232</v>
      </c>
      <c r="B159" s="21" t="s">
        <v>237</v>
      </c>
      <c r="C159" s="21" t="s">
        <v>264</v>
      </c>
      <c r="D159" s="21" t="s">
        <v>216</v>
      </c>
      <c r="E159" s="21" t="s">
        <v>632</v>
      </c>
      <c r="F159" s="21" t="s">
        <v>422</v>
      </c>
      <c r="G159" s="16">
        <v>25</v>
      </c>
      <c r="H159" s="16">
        <v>20</v>
      </c>
      <c r="I159" s="16">
        <v>5</v>
      </c>
      <c r="J159" s="22" t="s">
        <v>268</v>
      </c>
      <c r="K159" s="22" t="s">
        <v>268</v>
      </c>
      <c r="L159" s="22" t="s">
        <v>268</v>
      </c>
      <c r="M159" s="16">
        <v>5</v>
      </c>
      <c r="N159" s="16">
        <v>15</v>
      </c>
      <c r="O159" s="22" t="s">
        <v>268</v>
      </c>
      <c r="P159" s="16">
        <v>9</v>
      </c>
      <c r="Q159" s="22" t="s">
        <v>268</v>
      </c>
      <c r="R159" s="16">
        <v>3</v>
      </c>
      <c r="S159" s="16">
        <v>1</v>
      </c>
      <c r="T159" s="22" t="s">
        <v>268</v>
      </c>
      <c r="U159" s="22" t="s">
        <v>268</v>
      </c>
      <c r="V159" s="16">
        <v>1</v>
      </c>
      <c r="W159" s="22" t="s">
        <v>268</v>
      </c>
      <c r="X159" s="16">
        <v>1</v>
      </c>
      <c r="Y159" s="22" t="s">
        <v>268</v>
      </c>
      <c r="Z159" s="16">
        <v>5</v>
      </c>
      <c r="AA159" s="22" t="s">
        <v>268</v>
      </c>
      <c r="AB159" s="16">
        <v>5</v>
      </c>
      <c r="AC159" s="22" t="s">
        <v>268</v>
      </c>
      <c r="AD159" s="16">
        <v>5</v>
      </c>
    </row>
    <row r="160" spans="1:30">
      <c r="A160" s="21" t="s">
        <v>232</v>
      </c>
      <c r="B160" s="21" t="s">
        <v>237</v>
      </c>
      <c r="C160" s="21" t="s">
        <v>264</v>
      </c>
      <c r="D160" s="21" t="s">
        <v>216</v>
      </c>
      <c r="E160" s="21" t="s">
        <v>632</v>
      </c>
      <c r="F160" s="21" t="s">
        <v>423</v>
      </c>
      <c r="G160" s="16">
        <v>11020</v>
      </c>
      <c r="H160" s="22" t="s">
        <v>268</v>
      </c>
      <c r="I160" s="22" t="s">
        <v>268</v>
      </c>
      <c r="J160" s="22" t="s">
        <v>268</v>
      </c>
      <c r="K160" s="22" t="s">
        <v>268</v>
      </c>
      <c r="L160" s="22" t="s">
        <v>268</v>
      </c>
      <c r="M160" s="22" t="s">
        <v>268</v>
      </c>
      <c r="N160" s="22" t="s">
        <v>268</v>
      </c>
      <c r="O160" s="22" t="s">
        <v>268</v>
      </c>
      <c r="P160" s="22" t="s">
        <v>268</v>
      </c>
      <c r="Q160" s="22" t="s">
        <v>268</v>
      </c>
      <c r="R160" s="22" t="s">
        <v>268</v>
      </c>
      <c r="S160" s="22" t="s">
        <v>268</v>
      </c>
      <c r="T160" s="22" t="s">
        <v>268</v>
      </c>
      <c r="U160" s="22" t="s">
        <v>268</v>
      </c>
      <c r="V160" s="22" t="s">
        <v>268</v>
      </c>
      <c r="W160" s="22" t="s">
        <v>268</v>
      </c>
      <c r="X160" s="22" t="s">
        <v>268</v>
      </c>
      <c r="Y160" s="22" t="s">
        <v>268</v>
      </c>
      <c r="Z160" s="16">
        <v>9135</v>
      </c>
      <c r="AA160" s="16">
        <v>1885</v>
      </c>
      <c r="AB160" s="22" t="s">
        <v>268</v>
      </c>
      <c r="AC160" s="22" t="s">
        <v>268</v>
      </c>
      <c r="AD160" s="22" t="s">
        <v>268</v>
      </c>
    </row>
    <row r="161" spans="1:30">
      <c r="A161" s="21" t="s">
        <v>232</v>
      </c>
      <c r="B161" s="21" t="s">
        <v>237</v>
      </c>
      <c r="C161" s="21" t="s">
        <v>264</v>
      </c>
      <c r="D161" s="21" t="s">
        <v>216</v>
      </c>
      <c r="E161" s="21" t="s">
        <v>632</v>
      </c>
      <c r="F161" s="21" t="s">
        <v>386</v>
      </c>
      <c r="G161" s="22" t="s">
        <v>268</v>
      </c>
      <c r="H161" s="22" t="s">
        <v>268</v>
      </c>
      <c r="I161" s="22" t="s">
        <v>268</v>
      </c>
      <c r="J161" s="22" t="s">
        <v>268</v>
      </c>
      <c r="K161" s="22" t="s">
        <v>268</v>
      </c>
      <c r="L161" s="22" t="s">
        <v>268</v>
      </c>
      <c r="M161" s="22" t="s">
        <v>268</v>
      </c>
      <c r="N161" s="22" t="s">
        <v>268</v>
      </c>
      <c r="O161" s="22" t="s">
        <v>268</v>
      </c>
      <c r="P161" s="22" t="s">
        <v>268</v>
      </c>
      <c r="Q161" s="22" t="s">
        <v>268</v>
      </c>
      <c r="R161" s="22" t="s">
        <v>268</v>
      </c>
      <c r="S161" s="22" t="s">
        <v>268</v>
      </c>
      <c r="T161" s="22" t="s">
        <v>268</v>
      </c>
      <c r="U161" s="22" t="s">
        <v>268</v>
      </c>
      <c r="V161" s="22" t="s">
        <v>268</v>
      </c>
      <c r="W161" s="22" t="s">
        <v>268</v>
      </c>
      <c r="X161" s="22" t="s">
        <v>268</v>
      </c>
      <c r="Y161" s="22" t="s">
        <v>268</v>
      </c>
      <c r="Z161" s="22" t="s">
        <v>268</v>
      </c>
      <c r="AA161" s="22" t="s">
        <v>268</v>
      </c>
      <c r="AB161" s="22" t="s">
        <v>268</v>
      </c>
      <c r="AC161" s="22" t="s">
        <v>268</v>
      </c>
      <c r="AD161" s="22" t="s">
        <v>268</v>
      </c>
    </row>
    <row r="162" spans="1:30">
      <c r="A162" s="21" t="s">
        <v>232</v>
      </c>
      <c r="B162" s="21" t="s">
        <v>237</v>
      </c>
      <c r="C162" s="21" t="s">
        <v>264</v>
      </c>
      <c r="D162" s="21" t="s">
        <v>216</v>
      </c>
      <c r="E162" s="21" t="s">
        <v>632</v>
      </c>
      <c r="F162" s="21" t="s">
        <v>387</v>
      </c>
      <c r="G162" s="16">
        <v>8408</v>
      </c>
      <c r="H162" s="16">
        <v>3044</v>
      </c>
      <c r="I162" s="16">
        <v>2385</v>
      </c>
      <c r="J162" s="22" t="s">
        <v>268</v>
      </c>
      <c r="K162" s="16">
        <v>13</v>
      </c>
      <c r="L162" s="16">
        <v>13</v>
      </c>
      <c r="M162" s="16">
        <v>2359</v>
      </c>
      <c r="N162" s="16">
        <v>659</v>
      </c>
      <c r="O162" s="22" t="s">
        <v>268</v>
      </c>
      <c r="P162" s="16">
        <v>8</v>
      </c>
      <c r="Q162" s="22" t="s">
        <v>268</v>
      </c>
      <c r="R162" s="16">
        <v>55</v>
      </c>
      <c r="S162" s="16">
        <v>1</v>
      </c>
      <c r="T162" s="16">
        <v>130</v>
      </c>
      <c r="U162" s="16">
        <v>11</v>
      </c>
      <c r="V162" s="16">
        <v>27</v>
      </c>
      <c r="W162" s="22" t="s">
        <v>268</v>
      </c>
      <c r="X162" s="16">
        <v>427</v>
      </c>
      <c r="Y162" s="16">
        <v>145</v>
      </c>
      <c r="Z162" s="16">
        <v>5219</v>
      </c>
      <c r="AA162" s="22" t="s">
        <v>268</v>
      </c>
      <c r="AB162" s="16">
        <v>616</v>
      </c>
      <c r="AC162" s="22" t="s">
        <v>268</v>
      </c>
      <c r="AD162" s="22" t="s">
        <v>268</v>
      </c>
    </row>
    <row r="163" spans="1:30">
      <c r="A163" s="21" t="s">
        <v>232</v>
      </c>
      <c r="B163" s="21" t="s">
        <v>237</v>
      </c>
      <c r="C163" s="21" t="s">
        <v>264</v>
      </c>
      <c r="D163" s="21" t="s">
        <v>216</v>
      </c>
      <c r="E163" s="21" t="s">
        <v>632</v>
      </c>
      <c r="F163" s="21" t="s">
        <v>388</v>
      </c>
      <c r="G163" s="16">
        <v>5417</v>
      </c>
      <c r="H163" s="16">
        <v>2321</v>
      </c>
      <c r="I163" s="16">
        <v>1266</v>
      </c>
      <c r="J163" s="22" t="s">
        <v>268</v>
      </c>
      <c r="K163" s="22" t="s">
        <v>268</v>
      </c>
      <c r="L163" s="16">
        <v>2</v>
      </c>
      <c r="M163" s="16">
        <v>1264</v>
      </c>
      <c r="N163" s="16">
        <v>1055</v>
      </c>
      <c r="O163" s="22" t="s">
        <v>268</v>
      </c>
      <c r="P163" s="16">
        <v>263</v>
      </c>
      <c r="Q163" s="22" t="s">
        <v>268</v>
      </c>
      <c r="R163" s="16">
        <v>336</v>
      </c>
      <c r="S163" s="16">
        <v>1</v>
      </c>
      <c r="T163" s="16">
        <v>7</v>
      </c>
      <c r="U163" s="16">
        <v>23</v>
      </c>
      <c r="V163" s="16">
        <v>71</v>
      </c>
      <c r="W163" s="16">
        <v>1</v>
      </c>
      <c r="X163" s="16">
        <v>353</v>
      </c>
      <c r="Y163" s="16">
        <v>58</v>
      </c>
      <c r="Z163" s="16">
        <v>3038</v>
      </c>
      <c r="AA163" s="22" t="s">
        <v>268</v>
      </c>
      <c r="AB163" s="16">
        <v>731</v>
      </c>
      <c r="AC163" s="22" t="s">
        <v>268</v>
      </c>
      <c r="AD163" s="16">
        <v>3038</v>
      </c>
    </row>
    <row r="164" spans="1:30">
      <c r="A164" s="21" t="s">
        <v>232</v>
      </c>
      <c r="B164" s="21" t="s">
        <v>237</v>
      </c>
      <c r="C164" s="21" t="s">
        <v>264</v>
      </c>
      <c r="D164" s="21" t="s">
        <v>216</v>
      </c>
      <c r="E164" s="21" t="s">
        <v>632</v>
      </c>
      <c r="F164" s="21" t="s">
        <v>389</v>
      </c>
      <c r="G164" s="16">
        <v>3656</v>
      </c>
      <c r="H164" s="16">
        <v>1693</v>
      </c>
      <c r="I164" s="16">
        <v>869</v>
      </c>
      <c r="J164" s="22" t="s">
        <v>268</v>
      </c>
      <c r="K164" s="22" t="s">
        <v>268</v>
      </c>
      <c r="L164" s="22" t="s">
        <v>268</v>
      </c>
      <c r="M164" s="16">
        <v>869</v>
      </c>
      <c r="N164" s="16">
        <v>824</v>
      </c>
      <c r="O164" s="22" t="s">
        <v>268</v>
      </c>
      <c r="P164" s="16">
        <v>244</v>
      </c>
      <c r="Q164" s="22" t="s">
        <v>268</v>
      </c>
      <c r="R164" s="16">
        <v>264</v>
      </c>
      <c r="S164" s="16">
        <v>1</v>
      </c>
      <c r="T164" s="16">
        <v>4</v>
      </c>
      <c r="U164" s="16">
        <v>20</v>
      </c>
      <c r="V164" s="16">
        <v>60</v>
      </c>
      <c r="W164" s="16">
        <v>1</v>
      </c>
      <c r="X164" s="16">
        <v>230</v>
      </c>
      <c r="Y164" s="16">
        <v>39</v>
      </c>
      <c r="Z164" s="16">
        <v>1924</v>
      </c>
      <c r="AA164" s="22" t="s">
        <v>268</v>
      </c>
      <c r="AB164" s="16">
        <v>542</v>
      </c>
      <c r="AC164" s="22" t="s">
        <v>268</v>
      </c>
      <c r="AD164" s="16">
        <v>1924</v>
      </c>
    </row>
    <row r="165" spans="1:30">
      <c r="A165" s="21" t="s">
        <v>232</v>
      </c>
      <c r="B165" s="21" t="s">
        <v>237</v>
      </c>
      <c r="C165" s="21" t="s">
        <v>264</v>
      </c>
      <c r="D165" s="21" t="s">
        <v>216</v>
      </c>
      <c r="E165" s="21" t="s">
        <v>632</v>
      </c>
      <c r="F165" s="21" t="s">
        <v>390</v>
      </c>
      <c r="G165" s="16">
        <v>1612</v>
      </c>
      <c r="H165" s="16">
        <v>905</v>
      </c>
      <c r="I165" s="16">
        <v>424</v>
      </c>
      <c r="J165" s="22" t="s">
        <v>268</v>
      </c>
      <c r="K165" s="22" t="s">
        <v>268</v>
      </c>
      <c r="L165" s="22" t="s">
        <v>268</v>
      </c>
      <c r="M165" s="16">
        <v>424</v>
      </c>
      <c r="N165" s="16">
        <v>481</v>
      </c>
      <c r="O165" s="22" t="s">
        <v>268</v>
      </c>
      <c r="P165" s="16">
        <v>193</v>
      </c>
      <c r="Q165" s="22" t="s">
        <v>268</v>
      </c>
      <c r="R165" s="16">
        <v>127</v>
      </c>
      <c r="S165" s="16">
        <v>1</v>
      </c>
      <c r="T165" s="16">
        <v>3</v>
      </c>
      <c r="U165" s="16">
        <v>10</v>
      </c>
      <c r="V165" s="16">
        <v>42</v>
      </c>
      <c r="W165" s="16">
        <v>1</v>
      </c>
      <c r="X165" s="16">
        <v>104</v>
      </c>
      <c r="Y165" s="16">
        <v>18</v>
      </c>
      <c r="Z165" s="16">
        <v>689</v>
      </c>
      <c r="AA165" s="22" t="s">
        <v>268</v>
      </c>
      <c r="AB165" s="16">
        <v>268</v>
      </c>
      <c r="AC165" s="22" t="s">
        <v>268</v>
      </c>
      <c r="AD165" s="16">
        <v>689</v>
      </c>
    </row>
    <row r="166" spans="1:30">
      <c r="A166" s="21" t="s">
        <v>232</v>
      </c>
      <c r="B166" s="21" t="s">
        <v>237</v>
      </c>
      <c r="C166" s="21" t="s">
        <v>264</v>
      </c>
      <c r="D166" s="21" t="s">
        <v>216</v>
      </c>
      <c r="E166" s="21" t="s">
        <v>632</v>
      </c>
      <c r="F166" s="21" t="s">
        <v>391</v>
      </c>
      <c r="G166" s="16">
        <v>9087</v>
      </c>
      <c r="H166" s="16">
        <v>3299</v>
      </c>
      <c r="I166" s="16">
        <v>2555</v>
      </c>
      <c r="J166" s="22" t="s">
        <v>268</v>
      </c>
      <c r="K166" s="16">
        <v>13</v>
      </c>
      <c r="L166" s="16">
        <v>15</v>
      </c>
      <c r="M166" s="16">
        <v>2527</v>
      </c>
      <c r="N166" s="16">
        <v>744</v>
      </c>
      <c r="O166" s="22" t="s">
        <v>268</v>
      </c>
      <c r="P166" s="16">
        <v>15</v>
      </c>
      <c r="Q166" s="22" t="s">
        <v>268</v>
      </c>
      <c r="R166" s="16">
        <v>83</v>
      </c>
      <c r="S166" s="16">
        <v>1</v>
      </c>
      <c r="T166" s="16">
        <v>125</v>
      </c>
      <c r="U166" s="16">
        <v>12</v>
      </c>
      <c r="V166" s="16">
        <v>32</v>
      </c>
      <c r="W166" s="22" t="s">
        <v>268</v>
      </c>
      <c r="X166" s="16">
        <v>476</v>
      </c>
      <c r="Y166" s="16">
        <v>153</v>
      </c>
      <c r="Z166" s="16">
        <v>5635</v>
      </c>
      <c r="AA166" s="22" t="s">
        <v>268</v>
      </c>
      <c r="AB166" s="16">
        <v>683</v>
      </c>
      <c r="AC166" s="22" t="s">
        <v>268</v>
      </c>
      <c r="AD166" s="16">
        <v>504</v>
      </c>
    </row>
    <row r="167" spans="1:30">
      <c r="A167" s="21" t="s">
        <v>240</v>
      </c>
      <c r="B167" s="21" t="s">
        <v>237</v>
      </c>
      <c r="C167" s="21" t="s">
        <v>265</v>
      </c>
      <c r="D167" s="21" t="s">
        <v>214</v>
      </c>
      <c r="E167" s="21" t="s">
        <v>632</v>
      </c>
      <c r="F167" s="21" t="s">
        <v>401</v>
      </c>
      <c r="G167" s="16">
        <v>2714</v>
      </c>
      <c r="H167" s="16">
        <v>359</v>
      </c>
      <c r="I167" s="16">
        <v>260</v>
      </c>
      <c r="J167" s="22" t="s">
        <v>268</v>
      </c>
      <c r="K167" s="16">
        <v>3</v>
      </c>
      <c r="L167" s="16">
        <v>44</v>
      </c>
      <c r="M167" s="16">
        <v>213</v>
      </c>
      <c r="N167" s="16">
        <v>99</v>
      </c>
      <c r="O167" s="22" t="s">
        <v>268</v>
      </c>
      <c r="P167" s="16">
        <v>6</v>
      </c>
      <c r="Q167" s="22" t="s">
        <v>268</v>
      </c>
      <c r="R167" s="16">
        <v>15</v>
      </c>
      <c r="S167" s="16">
        <v>1</v>
      </c>
      <c r="T167" s="16">
        <v>7</v>
      </c>
      <c r="U167" s="16">
        <v>3</v>
      </c>
      <c r="V167" s="16">
        <v>5</v>
      </c>
      <c r="W167" s="22" t="s">
        <v>268</v>
      </c>
      <c r="X167" s="16">
        <v>62</v>
      </c>
      <c r="Y167" s="16">
        <v>26</v>
      </c>
      <c r="Z167" s="16">
        <v>2135</v>
      </c>
      <c r="AA167" s="16">
        <v>194</v>
      </c>
      <c r="AB167" s="16">
        <v>86</v>
      </c>
      <c r="AC167" s="22" t="s">
        <v>268</v>
      </c>
      <c r="AD167" s="16">
        <v>194</v>
      </c>
    </row>
    <row r="168" spans="1:30">
      <c r="A168" s="21" t="s">
        <v>240</v>
      </c>
      <c r="B168" s="21" t="s">
        <v>237</v>
      </c>
      <c r="C168" s="21" t="s">
        <v>265</v>
      </c>
      <c r="D168" s="21" t="s">
        <v>214</v>
      </c>
      <c r="E168" s="21" t="s">
        <v>632</v>
      </c>
      <c r="F168" s="21" t="s">
        <v>405</v>
      </c>
      <c r="G168" s="16">
        <v>10</v>
      </c>
      <c r="H168" s="16">
        <v>2</v>
      </c>
      <c r="I168" s="22" t="s">
        <v>268</v>
      </c>
      <c r="J168" s="22" t="s">
        <v>268</v>
      </c>
      <c r="K168" s="22" t="s">
        <v>268</v>
      </c>
      <c r="L168" s="22" t="s">
        <v>268</v>
      </c>
      <c r="M168" s="22" t="s">
        <v>268</v>
      </c>
      <c r="N168" s="16">
        <v>2</v>
      </c>
      <c r="O168" s="22" t="s">
        <v>268</v>
      </c>
      <c r="P168" s="22" t="s">
        <v>268</v>
      </c>
      <c r="Q168" s="22" t="s">
        <v>268</v>
      </c>
      <c r="R168" s="22" t="s">
        <v>268</v>
      </c>
      <c r="S168" s="22" t="s">
        <v>268</v>
      </c>
      <c r="T168" s="22" t="s">
        <v>268</v>
      </c>
      <c r="U168" s="22" t="s">
        <v>268</v>
      </c>
      <c r="V168" s="22" t="s">
        <v>268</v>
      </c>
      <c r="W168" s="22" t="s">
        <v>268</v>
      </c>
      <c r="X168" s="16">
        <v>2</v>
      </c>
      <c r="Y168" s="22" t="s">
        <v>268</v>
      </c>
      <c r="Z168" s="16">
        <v>8</v>
      </c>
      <c r="AA168" s="22" t="s">
        <v>268</v>
      </c>
      <c r="AB168" s="16">
        <v>2</v>
      </c>
      <c r="AC168" s="22" t="s">
        <v>268</v>
      </c>
      <c r="AD168" s="22" t="s">
        <v>268</v>
      </c>
    </row>
    <row r="169" spans="1:30">
      <c r="A169" s="21" t="s">
        <v>240</v>
      </c>
      <c r="B169" s="21" t="s">
        <v>237</v>
      </c>
      <c r="C169" s="21" t="s">
        <v>265</v>
      </c>
      <c r="D169" s="21" t="s">
        <v>214</v>
      </c>
      <c r="E169" s="21" t="s">
        <v>632</v>
      </c>
      <c r="F169" s="21" t="s">
        <v>406</v>
      </c>
      <c r="G169" s="16">
        <v>126</v>
      </c>
      <c r="H169" s="16">
        <v>10</v>
      </c>
      <c r="I169" s="16">
        <v>8</v>
      </c>
      <c r="J169" s="22" t="s">
        <v>268</v>
      </c>
      <c r="K169" s="16">
        <v>1</v>
      </c>
      <c r="L169" s="22" t="s">
        <v>268</v>
      </c>
      <c r="M169" s="16">
        <v>7</v>
      </c>
      <c r="N169" s="16">
        <v>2</v>
      </c>
      <c r="O169" s="22" t="s">
        <v>268</v>
      </c>
      <c r="P169" s="22" t="s">
        <v>268</v>
      </c>
      <c r="Q169" s="22" t="s">
        <v>268</v>
      </c>
      <c r="R169" s="22" t="s">
        <v>268</v>
      </c>
      <c r="S169" s="16">
        <v>1</v>
      </c>
      <c r="T169" s="22" t="s">
        <v>268</v>
      </c>
      <c r="U169" s="22" t="s">
        <v>268</v>
      </c>
      <c r="V169" s="22" t="s">
        <v>268</v>
      </c>
      <c r="W169" s="22" t="s">
        <v>268</v>
      </c>
      <c r="X169" s="16">
        <v>1</v>
      </c>
      <c r="Y169" s="22" t="s">
        <v>268</v>
      </c>
      <c r="Z169" s="16">
        <v>116</v>
      </c>
      <c r="AA169" s="22" t="s">
        <v>268</v>
      </c>
      <c r="AB169" s="22" t="s">
        <v>268</v>
      </c>
      <c r="AC169" s="22" t="s">
        <v>268</v>
      </c>
      <c r="AD169" s="22" t="s">
        <v>268</v>
      </c>
    </row>
    <row r="170" spans="1:30">
      <c r="A170" s="21" t="s">
        <v>240</v>
      </c>
      <c r="B170" s="21" t="s">
        <v>237</v>
      </c>
      <c r="C170" s="21" t="s">
        <v>265</v>
      </c>
      <c r="D170" s="21" t="s">
        <v>214</v>
      </c>
      <c r="E170" s="21" t="s">
        <v>632</v>
      </c>
      <c r="F170" s="21" t="s">
        <v>407</v>
      </c>
      <c r="G170" s="16">
        <v>189</v>
      </c>
      <c r="H170" s="16">
        <v>21</v>
      </c>
      <c r="I170" s="16">
        <v>18</v>
      </c>
      <c r="J170" s="22" t="s">
        <v>268</v>
      </c>
      <c r="K170" s="22" t="s">
        <v>268</v>
      </c>
      <c r="L170" s="22" t="s">
        <v>268</v>
      </c>
      <c r="M170" s="16">
        <v>18</v>
      </c>
      <c r="N170" s="16">
        <v>3</v>
      </c>
      <c r="O170" s="22" t="s">
        <v>268</v>
      </c>
      <c r="P170" s="22" t="s">
        <v>268</v>
      </c>
      <c r="Q170" s="22" t="s">
        <v>268</v>
      </c>
      <c r="R170" s="22" t="s">
        <v>268</v>
      </c>
      <c r="S170" s="22" t="s">
        <v>268</v>
      </c>
      <c r="T170" s="16">
        <v>1</v>
      </c>
      <c r="U170" s="22" t="s">
        <v>268</v>
      </c>
      <c r="V170" s="22" t="s">
        <v>268</v>
      </c>
      <c r="W170" s="22" t="s">
        <v>268</v>
      </c>
      <c r="X170" s="16">
        <v>2</v>
      </c>
      <c r="Y170" s="16">
        <v>2</v>
      </c>
      <c r="Z170" s="16">
        <v>166</v>
      </c>
      <c r="AA170" s="22" t="s">
        <v>268</v>
      </c>
      <c r="AB170" s="16">
        <v>3</v>
      </c>
      <c r="AC170" s="22" t="s">
        <v>268</v>
      </c>
      <c r="AD170" s="22" t="s">
        <v>268</v>
      </c>
    </row>
    <row r="171" spans="1:30">
      <c r="A171" s="21" t="s">
        <v>240</v>
      </c>
      <c r="B171" s="21" t="s">
        <v>237</v>
      </c>
      <c r="C171" s="21" t="s">
        <v>265</v>
      </c>
      <c r="D171" s="21" t="s">
        <v>214</v>
      </c>
      <c r="E171" s="21" t="s">
        <v>632</v>
      </c>
      <c r="F171" s="21" t="s">
        <v>408</v>
      </c>
      <c r="G171" s="16">
        <v>149</v>
      </c>
      <c r="H171" s="16">
        <v>29</v>
      </c>
      <c r="I171" s="16">
        <v>22</v>
      </c>
      <c r="J171" s="22" t="s">
        <v>268</v>
      </c>
      <c r="K171" s="22" t="s">
        <v>268</v>
      </c>
      <c r="L171" s="16">
        <v>2</v>
      </c>
      <c r="M171" s="16">
        <v>20</v>
      </c>
      <c r="N171" s="16">
        <v>7</v>
      </c>
      <c r="O171" s="22" t="s">
        <v>268</v>
      </c>
      <c r="P171" s="22" t="s">
        <v>268</v>
      </c>
      <c r="Q171" s="22" t="s">
        <v>268</v>
      </c>
      <c r="R171" s="22" t="s">
        <v>268</v>
      </c>
      <c r="S171" s="22" t="s">
        <v>268</v>
      </c>
      <c r="T171" s="22" t="s">
        <v>268</v>
      </c>
      <c r="U171" s="22" t="s">
        <v>268</v>
      </c>
      <c r="V171" s="22" t="s">
        <v>268</v>
      </c>
      <c r="W171" s="22" t="s">
        <v>268</v>
      </c>
      <c r="X171" s="16">
        <v>7</v>
      </c>
      <c r="Y171" s="22" t="s">
        <v>268</v>
      </c>
      <c r="Z171" s="16">
        <v>120</v>
      </c>
      <c r="AA171" s="22" t="s">
        <v>268</v>
      </c>
      <c r="AB171" s="16">
        <v>7</v>
      </c>
      <c r="AC171" s="22" t="s">
        <v>268</v>
      </c>
      <c r="AD171" s="22" t="s">
        <v>268</v>
      </c>
    </row>
    <row r="172" spans="1:30">
      <c r="A172" s="21" t="s">
        <v>240</v>
      </c>
      <c r="B172" s="21" t="s">
        <v>237</v>
      </c>
      <c r="C172" s="21" t="s">
        <v>265</v>
      </c>
      <c r="D172" s="21" t="s">
        <v>214</v>
      </c>
      <c r="E172" s="21" t="s">
        <v>632</v>
      </c>
      <c r="F172" s="21" t="s">
        <v>409</v>
      </c>
      <c r="G172" s="16">
        <v>143</v>
      </c>
      <c r="H172" s="16">
        <v>43</v>
      </c>
      <c r="I172" s="16">
        <v>35</v>
      </c>
      <c r="J172" s="22" t="s">
        <v>268</v>
      </c>
      <c r="K172" s="22" t="s">
        <v>268</v>
      </c>
      <c r="L172" s="16">
        <v>4</v>
      </c>
      <c r="M172" s="16">
        <v>31</v>
      </c>
      <c r="N172" s="16">
        <v>8</v>
      </c>
      <c r="O172" s="22" t="s">
        <v>268</v>
      </c>
      <c r="P172" s="22" t="s">
        <v>268</v>
      </c>
      <c r="Q172" s="22" t="s">
        <v>268</v>
      </c>
      <c r="R172" s="22" t="s">
        <v>268</v>
      </c>
      <c r="S172" s="22" t="s">
        <v>268</v>
      </c>
      <c r="T172" s="16">
        <v>3</v>
      </c>
      <c r="U172" s="22" t="s">
        <v>268</v>
      </c>
      <c r="V172" s="22" t="s">
        <v>268</v>
      </c>
      <c r="W172" s="22" t="s">
        <v>268</v>
      </c>
      <c r="X172" s="16">
        <v>5</v>
      </c>
      <c r="Y172" s="16">
        <v>4</v>
      </c>
      <c r="Z172" s="16">
        <v>96</v>
      </c>
      <c r="AA172" s="22" t="s">
        <v>268</v>
      </c>
      <c r="AB172" s="16">
        <v>8</v>
      </c>
      <c r="AC172" s="22" t="s">
        <v>268</v>
      </c>
      <c r="AD172" s="22" t="s">
        <v>268</v>
      </c>
    </row>
    <row r="173" spans="1:30">
      <c r="A173" s="21" t="s">
        <v>240</v>
      </c>
      <c r="B173" s="21" t="s">
        <v>237</v>
      </c>
      <c r="C173" s="21" t="s">
        <v>265</v>
      </c>
      <c r="D173" s="21" t="s">
        <v>214</v>
      </c>
      <c r="E173" s="21" t="s">
        <v>632</v>
      </c>
      <c r="F173" s="21" t="s">
        <v>410</v>
      </c>
      <c r="G173" s="16">
        <v>154</v>
      </c>
      <c r="H173" s="16">
        <v>49</v>
      </c>
      <c r="I173" s="16">
        <v>42</v>
      </c>
      <c r="J173" s="22" t="s">
        <v>268</v>
      </c>
      <c r="K173" s="22" t="s">
        <v>268</v>
      </c>
      <c r="L173" s="16">
        <v>5</v>
      </c>
      <c r="M173" s="16">
        <v>37</v>
      </c>
      <c r="N173" s="16">
        <v>7</v>
      </c>
      <c r="O173" s="22" t="s">
        <v>268</v>
      </c>
      <c r="P173" s="22" t="s">
        <v>268</v>
      </c>
      <c r="Q173" s="22" t="s">
        <v>268</v>
      </c>
      <c r="R173" s="22" t="s">
        <v>268</v>
      </c>
      <c r="S173" s="22" t="s">
        <v>268</v>
      </c>
      <c r="T173" s="16">
        <v>2</v>
      </c>
      <c r="U173" s="22" t="s">
        <v>268</v>
      </c>
      <c r="V173" s="22" t="s">
        <v>268</v>
      </c>
      <c r="W173" s="22" t="s">
        <v>268</v>
      </c>
      <c r="X173" s="16">
        <v>5</v>
      </c>
      <c r="Y173" s="16">
        <v>6</v>
      </c>
      <c r="Z173" s="16">
        <v>99</v>
      </c>
      <c r="AA173" s="22" t="s">
        <v>268</v>
      </c>
      <c r="AB173" s="16">
        <v>5</v>
      </c>
      <c r="AC173" s="22" t="s">
        <v>268</v>
      </c>
      <c r="AD173" s="22" t="s">
        <v>268</v>
      </c>
    </row>
    <row r="174" spans="1:30">
      <c r="A174" s="21" t="s">
        <v>240</v>
      </c>
      <c r="B174" s="21" t="s">
        <v>237</v>
      </c>
      <c r="C174" s="21" t="s">
        <v>265</v>
      </c>
      <c r="D174" s="21" t="s">
        <v>214</v>
      </c>
      <c r="E174" s="21" t="s">
        <v>632</v>
      </c>
      <c r="F174" s="21" t="s">
        <v>411</v>
      </c>
      <c r="G174" s="16">
        <v>136</v>
      </c>
      <c r="H174" s="16">
        <v>40</v>
      </c>
      <c r="I174" s="16">
        <v>33</v>
      </c>
      <c r="J174" s="22" t="s">
        <v>268</v>
      </c>
      <c r="K174" s="16">
        <v>1</v>
      </c>
      <c r="L174" s="16">
        <v>7</v>
      </c>
      <c r="M174" s="16">
        <v>25</v>
      </c>
      <c r="N174" s="16">
        <v>7</v>
      </c>
      <c r="O174" s="22" t="s">
        <v>268</v>
      </c>
      <c r="P174" s="22" t="s">
        <v>268</v>
      </c>
      <c r="Q174" s="22" t="s">
        <v>268</v>
      </c>
      <c r="R174" s="22" t="s">
        <v>268</v>
      </c>
      <c r="S174" s="22" t="s">
        <v>268</v>
      </c>
      <c r="T174" s="22" t="s">
        <v>268</v>
      </c>
      <c r="U174" s="22" t="s">
        <v>268</v>
      </c>
      <c r="V174" s="16">
        <v>1</v>
      </c>
      <c r="W174" s="22" t="s">
        <v>268</v>
      </c>
      <c r="X174" s="16">
        <v>6</v>
      </c>
      <c r="Y174" s="16">
        <v>2</v>
      </c>
      <c r="Z174" s="16">
        <v>94</v>
      </c>
      <c r="AA174" s="22" t="s">
        <v>268</v>
      </c>
      <c r="AB174" s="16">
        <v>7</v>
      </c>
      <c r="AC174" s="22" t="s">
        <v>268</v>
      </c>
      <c r="AD174" s="22" t="s">
        <v>268</v>
      </c>
    </row>
    <row r="175" spans="1:30">
      <c r="A175" s="21" t="s">
        <v>240</v>
      </c>
      <c r="B175" s="21" t="s">
        <v>237</v>
      </c>
      <c r="C175" s="21" t="s">
        <v>265</v>
      </c>
      <c r="D175" s="21" t="s">
        <v>214</v>
      </c>
      <c r="E175" s="21" t="s">
        <v>632</v>
      </c>
      <c r="F175" s="21" t="s">
        <v>412</v>
      </c>
      <c r="G175" s="16">
        <v>105</v>
      </c>
      <c r="H175" s="16">
        <v>25</v>
      </c>
      <c r="I175" s="16">
        <v>18</v>
      </c>
      <c r="J175" s="22" t="s">
        <v>268</v>
      </c>
      <c r="K175" s="22" t="s">
        <v>268</v>
      </c>
      <c r="L175" s="16">
        <v>3</v>
      </c>
      <c r="M175" s="16">
        <v>15</v>
      </c>
      <c r="N175" s="16">
        <v>7</v>
      </c>
      <c r="O175" s="22" t="s">
        <v>268</v>
      </c>
      <c r="P175" s="22" t="s">
        <v>268</v>
      </c>
      <c r="Q175" s="22" t="s">
        <v>268</v>
      </c>
      <c r="R175" s="16">
        <v>1</v>
      </c>
      <c r="S175" s="22" t="s">
        <v>268</v>
      </c>
      <c r="T175" s="16">
        <v>1</v>
      </c>
      <c r="U175" s="22" t="s">
        <v>268</v>
      </c>
      <c r="V175" s="22" t="s">
        <v>268</v>
      </c>
      <c r="W175" s="22" t="s">
        <v>268</v>
      </c>
      <c r="X175" s="16">
        <v>5</v>
      </c>
      <c r="Y175" s="16">
        <v>2</v>
      </c>
      <c r="Z175" s="16">
        <v>78</v>
      </c>
      <c r="AA175" s="22" t="s">
        <v>268</v>
      </c>
      <c r="AB175" s="16">
        <v>7</v>
      </c>
      <c r="AC175" s="22" t="s">
        <v>268</v>
      </c>
      <c r="AD175" s="22" t="s">
        <v>268</v>
      </c>
    </row>
    <row r="176" spans="1:30">
      <c r="A176" s="21" t="s">
        <v>240</v>
      </c>
      <c r="B176" s="21" t="s">
        <v>237</v>
      </c>
      <c r="C176" s="21" t="s">
        <v>265</v>
      </c>
      <c r="D176" s="21" t="s">
        <v>214</v>
      </c>
      <c r="E176" s="21" t="s">
        <v>632</v>
      </c>
      <c r="F176" s="21" t="s">
        <v>413</v>
      </c>
      <c r="G176" s="16">
        <v>106</v>
      </c>
      <c r="H176" s="16">
        <v>25</v>
      </c>
      <c r="I176" s="16">
        <v>16</v>
      </c>
      <c r="J176" s="22" t="s">
        <v>268</v>
      </c>
      <c r="K176" s="16">
        <v>1</v>
      </c>
      <c r="L176" s="16">
        <v>4</v>
      </c>
      <c r="M176" s="16">
        <v>11</v>
      </c>
      <c r="N176" s="16">
        <v>9</v>
      </c>
      <c r="O176" s="22" t="s">
        <v>268</v>
      </c>
      <c r="P176" s="22" t="s">
        <v>268</v>
      </c>
      <c r="Q176" s="22" t="s">
        <v>268</v>
      </c>
      <c r="R176" s="16">
        <v>1</v>
      </c>
      <c r="S176" s="22" t="s">
        <v>268</v>
      </c>
      <c r="T176" s="22" t="s">
        <v>268</v>
      </c>
      <c r="U176" s="16">
        <v>2</v>
      </c>
      <c r="V176" s="16">
        <v>1</v>
      </c>
      <c r="W176" s="22" t="s">
        <v>268</v>
      </c>
      <c r="X176" s="16">
        <v>5</v>
      </c>
      <c r="Y176" s="16">
        <v>3</v>
      </c>
      <c r="Z176" s="16">
        <v>78</v>
      </c>
      <c r="AA176" s="22" t="s">
        <v>268</v>
      </c>
      <c r="AB176" s="16">
        <v>9</v>
      </c>
      <c r="AC176" s="22" t="s">
        <v>268</v>
      </c>
      <c r="AD176" s="22" t="s">
        <v>268</v>
      </c>
    </row>
    <row r="177" spans="1:30">
      <c r="A177" s="21" t="s">
        <v>240</v>
      </c>
      <c r="B177" s="21" t="s">
        <v>237</v>
      </c>
      <c r="C177" s="21" t="s">
        <v>265</v>
      </c>
      <c r="D177" s="21" t="s">
        <v>214</v>
      </c>
      <c r="E177" s="21" t="s">
        <v>632</v>
      </c>
      <c r="F177" s="21" t="s">
        <v>414</v>
      </c>
      <c r="G177" s="16">
        <v>113</v>
      </c>
      <c r="H177" s="16">
        <v>27</v>
      </c>
      <c r="I177" s="16">
        <v>16</v>
      </c>
      <c r="J177" s="22" t="s">
        <v>268</v>
      </c>
      <c r="K177" s="22" t="s">
        <v>268</v>
      </c>
      <c r="L177" s="16">
        <v>4</v>
      </c>
      <c r="M177" s="16">
        <v>12</v>
      </c>
      <c r="N177" s="16">
        <v>11</v>
      </c>
      <c r="O177" s="22" t="s">
        <v>268</v>
      </c>
      <c r="P177" s="22" t="s">
        <v>268</v>
      </c>
      <c r="Q177" s="22" t="s">
        <v>268</v>
      </c>
      <c r="R177" s="16">
        <v>3</v>
      </c>
      <c r="S177" s="22" t="s">
        <v>268</v>
      </c>
      <c r="T177" s="22" t="s">
        <v>268</v>
      </c>
      <c r="U177" s="16">
        <v>1</v>
      </c>
      <c r="V177" s="16">
        <v>1</v>
      </c>
      <c r="W177" s="22" t="s">
        <v>268</v>
      </c>
      <c r="X177" s="16">
        <v>6</v>
      </c>
      <c r="Y177" s="16">
        <v>3</v>
      </c>
      <c r="Z177" s="16">
        <v>83</v>
      </c>
      <c r="AA177" s="22" t="s">
        <v>268</v>
      </c>
      <c r="AB177" s="16">
        <v>10</v>
      </c>
      <c r="AC177" s="22" t="s">
        <v>268</v>
      </c>
      <c r="AD177" s="22" t="s">
        <v>268</v>
      </c>
    </row>
    <row r="178" spans="1:30">
      <c r="A178" s="21" t="s">
        <v>240</v>
      </c>
      <c r="B178" s="21" t="s">
        <v>237</v>
      </c>
      <c r="C178" s="21" t="s">
        <v>265</v>
      </c>
      <c r="D178" s="21" t="s">
        <v>214</v>
      </c>
      <c r="E178" s="21" t="s">
        <v>632</v>
      </c>
      <c r="F178" s="21" t="s">
        <v>415</v>
      </c>
      <c r="G178" s="16">
        <v>87</v>
      </c>
      <c r="H178" s="16">
        <v>13</v>
      </c>
      <c r="I178" s="16">
        <v>11</v>
      </c>
      <c r="J178" s="22" t="s">
        <v>268</v>
      </c>
      <c r="K178" s="22" t="s">
        <v>268</v>
      </c>
      <c r="L178" s="16">
        <v>4</v>
      </c>
      <c r="M178" s="16">
        <v>7</v>
      </c>
      <c r="N178" s="16">
        <v>2</v>
      </c>
      <c r="O178" s="22" t="s">
        <v>268</v>
      </c>
      <c r="P178" s="22" t="s">
        <v>268</v>
      </c>
      <c r="Q178" s="22" t="s">
        <v>268</v>
      </c>
      <c r="R178" s="16">
        <v>1</v>
      </c>
      <c r="S178" s="22" t="s">
        <v>268</v>
      </c>
      <c r="T178" s="22" t="s">
        <v>268</v>
      </c>
      <c r="U178" s="22" t="s">
        <v>268</v>
      </c>
      <c r="V178" s="22" t="s">
        <v>268</v>
      </c>
      <c r="W178" s="22" t="s">
        <v>268</v>
      </c>
      <c r="X178" s="16">
        <v>1</v>
      </c>
      <c r="Y178" s="22" t="s">
        <v>268</v>
      </c>
      <c r="Z178" s="16">
        <v>74</v>
      </c>
      <c r="AA178" s="22" t="s">
        <v>268</v>
      </c>
      <c r="AB178" s="16">
        <v>1</v>
      </c>
      <c r="AC178" s="22" t="s">
        <v>268</v>
      </c>
      <c r="AD178" s="16">
        <v>74</v>
      </c>
    </row>
    <row r="179" spans="1:30">
      <c r="A179" s="21" t="s">
        <v>240</v>
      </c>
      <c r="B179" s="21" t="s">
        <v>237</v>
      </c>
      <c r="C179" s="21" t="s">
        <v>265</v>
      </c>
      <c r="D179" s="21" t="s">
        <v>214</v>
      </c>
      <c r="E179" s="21" t="s">
        <v>632</v>
      </c>
      <c r="F179" s="21" t="s">
        <v>416</v>
      </c>
      <c r="G179" s="16">
        <v>66</v>
      </c>
      <c r="H179" s="16">
        <v>22</v>
      </c>
      <c r="I179" s="16">
        <v>13</v>
      </c>
      <c r="J179" s="22" t="s">
        <v>268</v>
      </c>
      <c r="K179" s="22" t="s">
        <v>268</v>
      </c>
      <c r="L179" s="16">
        <v>3</v>
      </c>
      <c r="M179" s="16">
        <v>10</v>
      </c>
      <c r="N179" s="16">
        <v>9</v>
      </c>
      <c r="O179" s="22" t="s">
        <v>268</v>
      </c>
      <c r="P179" s="22" t="s">
        <v>268</v>
      </c>
      <c r="Q179" s="22" t="s">
        <v>268</v>
      </c>
      <c r="R179" s="16">
        <v>3</v>
      </c>
      <c r="S179" s="22" t="s">
        <v>268</v>
      </c>
      <c r="T179" s="22" t="s">
        <v>268</v>
      </c>
      <c r="U179" s="22" t="s">
        <v>268</v>
      </c>
      <c r="V179" s="16">
        <v>1</v>
      </c>
      <c r="W179" s="22" t="s">
        <v>268</v>
      </c>
      <c r="X179" s="16">
        <v>5</v>
      </c>
      <c r="Y179" s="16">
        <v>1</v>
      </c>
      <c r="Z179" s="16">
        <v>43</v>
      </c>
      <c r="AA179" s="22" t="s">
        <v>268</v>
      </c>
      <c r="AB179" s="16">
        <v>9</v>
      </c>
      <c r="AC179" s="22" t="s">
        <v>268</v>
      </c>
      <c r="AD179" s="16">
        <v>43</v>
      </c>
    </row>
    <row r="180" spans="1:30">
      <c r="A180" s="21" t="s">
        <v>240</v>
      </c>
      <c r="B180" s="21" t="s">
        <v>237</v>
      </c>
      <c r="C180" s="21" t="s">
        <v>265</v>
      </c>
      <c r="D180" s="21" t="s">
        <v>214</v>
      </c>
      <c r="E180" s="21" t="s">
        <v>632</v>
      </c>
      <c r="F180" s="21" t="s">
        <v>417</v>
      </c>
      <c r="G180" s="16">
        <v>52</v>
      </c>
      <c r="H180" s="16">
        <v>19</v>
      </c>
      <c r="I180" s="16">
        <v>13</v>
      </c>
      <c r="J180" s="22" t="s">
        <v>268</v>
      </c>
      <c r="K180" s="22" t="s">
        <v>268</v>
      </c>
      <c r="L180" s="16">
        <v>4</v>
      </c>
      <c r="M180" s="16">
        <v>9</v>
      </c>
      <c r="N180" s="16">
        <v>6</v>
      </c>
      <c r="O180" s="22" t="s">
        <v>268</v>
      </c>
      <c r="P180" s="16">
        <v>1</v>
      </c>
      <c r="Q180" s="22" t="s">
        <v>268</v>
      </c>
      <c r="R180" s="16">
        <v>2</v>
      </c>
      <c r="S180" s="22" t="s">
        <v>268</v>
      </c>
      <c r="T180" s="22" t="s">
        <v>268</v>
      </c>
      <c r="U180" s="22" t="s">
        <v>268</v>
      </c>
      <c r="V180" s="22" t="s">
        <v>268</v>
      </c>
      <c r="W180" s="22" t="s">
        <v>268</v>
      </c>
      <c r="X180" s="16">
        <v>3</v>
      </c>
      <c r="Y180" s="16">
        <v>2</v>
      </c>
      <c r="Z180" s="16">
        <v>31</v>
      </c>
      <c r="AA180" s="22" t="s">
        <v>268</v>
      </c>
      <c r="AB180" s="16">
        <v>4</v>
      </c>
      <c r="AC180" s="22" t="s">
        <v>268</v>
      </c>
      <c r="AD180" s="16">
        <v>31</v>
      </c>
    </row>
    <row r="181" spans="1:30">
      <c r="A181" s="21" t="s">
        <v>240</v>
      </c>
      <c r="B181" s="21" t="s">
        <v>237</v>
      </c>
      <c r="C181" s="21" t="s">
        <v>265</v>
      </c>
      <c r="D181" s="21" t="s">
        <v>214</v>
      </c>
      <c r="E181" s="21" t="s">
        <v>632</v>
      </c>
      <c r="F181" s="21" t="s">
        <v>418</v>
      </c>
      <c r="G181" s="16">
        <v>35</v>
      </c>
      <c r="H181" s="16">
        <v>11</v>
      </c>
      <c r="I181" s="16">
        <v>6</v>
      </c>
      <c r="J181" s="22" t="s">
        <v>268</v>
      </c>
      <c r="K181" s="22" t="s">
        <v>268</v>
      </c>
      <c r="L181" s="16">
        <v>2</v>
      </c>
      <c r="M181" s="16">
        <v>4</v>
      </c>
      <c r="N181" s="16">
        <v>5</v>
      </c>
      <c r="O181" s="22" t="s">
        <v>268</v>
      </c>
      <c r="P181" s="16">
        <v>1</v>
      </c>
      <c r="Q181" s="22" t="s">
        <v>268</v>
      </c>
      <c r="R181" s="22" t="s">
        <v>268</v>
      </c>
      <c r="S181" s="22" t="s">
        <v>268</v>
      </c>
      <c r="T181" s="22" t="s">
        <v>268</v>
      </c>
      <c r="U181" s="22" t="s">
        <v>268</v>
      </c>
      <c r="V181" s="22" t="s">
        <v>268</v>
      </c>
      <c r="W181" s="22" t="s">
        <v>268</v>
      </c>
      <c r="X181" s="16">
        <v>4</v>
      </c>
      <c r="Y181" s="16">
        <v>1</v>
      </c>
      <c r="Z181" s="16">
        <v>23</v>
      </c>
      <c r="AA181" s="22" t="s">
        <v>268</v>
      </c>
      <c r="AB181" s="16">
        <v>5</v>
      </c>
      <c r="AC181" s="22" t="s">
        <v>268</v>
      </c>
      <c r="AD181" s="16">
        <v>23</v>
      </c>
    </row>
    <row r="182" spans="1:30">
      <c r="A182" s="21" t="s">
        <v>240</v>
      </c>
      <c r="B182" s="21" t="s">
        <v>237</v>
      </c>
      <c r="C182" s="21" t="s">
        <v>265</v>
      </c>
      <c r="D182" s="21" t="s">
        <v>214</v>
      </c>
      <c r="E182" s="21" t="s">
        <v>632</v>
      </c>
      <c r="F182" s="21" t="s">
        <v>419</v>
      </c>
      <c r="G182" s="16">
        <v>33</v>
      </c>
      <c r="H182" s="16">
        <v>14</v>
      </c>
      <c r="I182" s="16">
        <v>6</v>
      </c>
      <c r="J182" s="22" t="s">
        <v>268</v>
      </c>
      <c r="K182" s="22" t="s">
        <v>268</v>
      </c>
      <c r="L182" s="16">
        <v>1</v>
      </c>
      <c r="M182" s="16">
        <v>5</v>
      </c>
      <c r="N182" s="16">
        <v>8</v>
      </c>
      <c r="O182" s="22" t="s">
        <v>268</v>
      </c>
      <c r="P182" s="16">
        <v>1</v>
      </c>
      <c r="Q182" s="22" t="s">
        <v>268</v>
      </c>
      <c r="R182" s="16">
        <v>2</v>
      </c>
      <c r="S182" s="22" t="s">
        <v>268</v>
      </c>
      <c r="T182" s="22" t="s">
        <v>268</v>
      </c>
      <c r="U182" s="22" t="s">
        <v>268</v>
      </c>
      <c r="V182" s="16">
        <v>1</v>
      </c>
      <c r="W182" s="22" t="s">
        <v>268</v>
      </c>
      <c r="X182" s="16">
        <v>4</v>
      </c>
      <c r="Y182" s="22" t="s">
        <v>268</v>
      </c>
      <c r="Z182" s="16">
        <v>19</v>
      </c>
      <c r="AA182" s="22" t="s">
        <v>268</v>
      </c>
      <c r="AB182" s="16">
        <v>6</v>
      </c>
      <c r="AC182" s="22" t="s">
        <v>268</v>
      </c>
      <c r="AD182" s="16">
        <v>19</v>
      </c>
    </row>
    <row r="183" spans="1:30">
      <c r="A183" s="21" t="s">
        <v>240</v>
      </c>
      <c r="B183" s="21" t="s">
        <v>237</v>
      </c>
      <c r="C183" s="21" t="s">
        <v>265</v>
      </c>
      <c r="D183" s="21" t="s">
        <v>214</v>
      </c>
      <c r="E183" s="21" t="s">
        <v>632</v>
      </c>
      <c r="F183" s="21" t="s">
        <v>420</v>
      </c>
      <c r="G183" s="16">
        <v>10</v>
      </c>
      <c r="H183" s="16">
        <v>7</v>
      </c>
      <c r="I183" s="16">
        <v>2</v>
      </c>
      <c r="J183" s="22" t="s">
        <v>268</v>
      </c>
      <c r="K183" s="22" t="s">
        <v>268</v>
      </c>
      <c r="L183" s="16">
        <v>1</v>
      </c>
      <c r="M183" s="16">
        <v>1</v>
      </c>
      <c r="N183" s="16">
        <v>5</v>
      </c>
      <c r="O183" s="22" t="s">
        <v>268</v>
      </c>
      <c r="P183" s="16">
        <v>2</v>
      </c>
      <c r="Q183" s="22" t="s">
        <v>268</v>
      </c>
      <c r="R183" s="16">
        <v>2</v>
      </c>
      <c r="S183" s="22" t="s">
        <v>268</v>
      </c>
      <c r="T183" s="22" t="s">
        <v>268</v>
      </c>
      <c r="U183" s="22" t="s">
        <v>268</v>
      </c>
      <c r="V183" s="22" t="s">
        <v>268</v>
      </c>
      <c r="W183" s="22" t="s">
        <v>268</v>
      </c>
      <c r="X183" s="16">
        <v>1</v>
      </c>
      <c r="Y183" s="22" t="s">
        <v>268</v>
      </c>
      <c r="Z183" s="16">
        <v>3</v>
      </c>
      <c r="AA183" s="22" t="s">
        <v>268</v>
      </c>
      <c r="AB183" s="16">
        <v>3</v>
      </c>
      <c r="AC183" s="22" t="s">
        <v>268</v>
      </c>
      <c r="AD183" s="16">
        <v>3</v>
      </c>
    </row>
    <row r="184" spans="1:30">
      <c r="A184" s="21" t="s">
        <v>240</v>
      </c>
      <c r="B184" s="21" t="s">
        <v>237</v>
      </c>
      <c r="C184" s="21" t="s">
        <v>265</v>
      </c>
      <c r="D184" s="21" t="s">
        <v>214</v>
      </c>
      <c r="E184" s="21" t="s">
        <v>632</v>
      </c>
      <c r="F184" s="21" t="s">
        <v>421</v>
      </c>
      <c r="G184" s="16">
        <v>3</v>
      </c>
      <c r="H184" s="16">
        <v>2</v>
      </c>
      <c r="I184" s="16">
        <v>1</v>
      </c>
      <c r="J184" s="22" t="s">
        <v>268</v>
      </c>
      <c r="K184" s="22" t="s">
        <v>268</v>
      </c>
      <c r="L184" s="22" t="s">
        <v>268</v>
      </c>
      <c r="M184" s="16">
        <v>1</v>
      </c>
      <c r="N184" s="16">
        <v>1</v>
      </c>
      <c r="O184" s="22" t="s">
        <v>268</v>
      </c>
      <c r="P184" s="16">
        <v>1</v>
      </c>
      <c r="Q184" s="22" t="s">
        <v>268</v>
      </c>
      <c r="R184" s="22" t="s">
        <v>268</v>
      </c>
      <c r="S184" s="22" t="s">
        <v>268</v>
      </c>
      <c r="T184" s="22" t="s">
        <v>268</v>
      </c>
      <c r="U184" s="22" t="s">
        <v>268</v>
      </c>
      <c r="V184" s="22" t="s">
        <v>268</v>
      </c>
      <c r="W184" s="22" t="s">
        <v>268</v>
      </c>
      <c r="X184" s="22" t="s">
        <v>268</v>
      </c>
      <c r="Y184" s="22" t="s">
        <v>268</v>
      </c>
      <c r="Z184" s="16">
        <v>1</v>
      </c>
      <c r="AA184" s="22" t="s">
        <v>268</v>
      </c>
      <c r="AB184" s="22" t="s">
        <v>268</v>
      </c>
      <c r="AC184" s="22" t="s">
        <v>268</v>
      </c>
      <c r="AD184" s="16">
        <v>1</v>
      </c>
    </row>
    <row r="185" spans="1:30">
      <c r="A185" s="21" t="s">
        <v>240</v>
      </c>
      <c r="B185" s="21" t="s">
        <v>237</v>
      </c>
      <c r="C185" s="21" t="s">
        <v>265</v>
      </c>
      <c r="D185" s="21" t="s">
        <v>214</v>
      </c>
      <c r="E185" s="21" t="s">
        <v>632</v>
      </c>
      <c r="F185" s="21" t="s">
        <v>422</v>
      </c>
      <c r="G185" s="22" t="s">
        <v>268</v>
      </c>
      <c r="H185" s="22" t="s">
        <v>268</v>
      </c>
      <c r="I185" s="22" t="s">
        <v>268</v>
      </c>
      <c r="J185" s="22" t="s">
        <v>268</v>
      </c>
      <c r="K185" s="22" t="s">
        <v>268</v>
      </c>
      <c r="L185" s="22" t="s">
        <v>268</v>
      </c>
      <c r="M185" s="22" t="s">
        <v>268</v>
      </c>
      <c r="N185" s="22" t="s">
        <v>268</v>
      </c>
      <c r="O185" s="22" t="s">
        <v>268</v>
      </c>
      <c r="P185" s="22" t="s">
        <v>268</v>
      </c>
      <c r="Q185" s="22" t="s">
        <v>268</v>
      </c>
      <c r="R185" s="22" t="s">
        <v>268</v>
      </c>
      <c r="S185" s="22" t="s">
        <v>268</v>
      </c>
      <c r="T185" s="22" t="s">
        <v>268</v>
      </c>
      <c r="U185" s="22" t="s">
        <v>268</v>
      </c>
      <c r="V185" s="22" t="s">
        <v>268</v>
      </c>
      <c r="W185" s="22" t="s">
        <v>268</v>
      </c>
      <c r="X185" s="22" t="s">
        <v>268</v>
      </c>
      <c r="Y185" s="22" t="s">
        <v>268</v>
      </c>
      <c r="Z185" s="22" t="s">
        <v>268</v>
      </c>
      <c r="AA185" s="22" t="s">
        <v>268</v>
      </c>
      <c r="AB185" s="22" t="s">
        <v>268</v>
      </c>
      <c r="AC185" s="22" t="s">
        <v>268</v>
      </c>
      <c r="AD185" s="22" t="s">
        <v>268</v>
      </c>
    </row>
    <row r="186" spans="1:30">
      <c r="A186" s="21" t="s">
        <v>240</v>
      </c>
      <c r="B186" s="21" t="s">
        <v>237</v>
      </c>
      <c r="C186" s="21" t="s">
        <v>265</v>
      </c>
      <c r="D186" s="21" t="s">
        <v>214</v>
      </c>
      <c r="E186" s="21" t="s">
        <v>632</v>
      </c>
      <c r="F186" s="21" t="s">
        <v>423</v>
      </c>
      <c r="G186" s="16">
        <v>1197</v>
      </c>
      <c r="H186" s="22" t="s">
        <v>268</v>
      </c>
      <c r="I186" s="22" t="s">
        <v>268</v>
      </c>
      <c r="J186" s="22" t="s">
        <v>268</v>
      </c>
      <c r="K186" s="22" t="s">
        <v>268</v>
      </c>
      <c r="L186" s="22" t="s">
        <v>268</v>
      </c>
      <c r="M186" s="22" t="s">
        <v>268</v>
      </c>
      <c r="N186" s="22" t="s">
        <v>268</v>
      </c>
      <c r="O186" s="22" t="s">
        <v>268</v>
      </c>
      <c r="P186" s="22" t="s">
        <v>268</v>
      </c>
      <c r="Q186" s="22" t="s">
        <v>268</v>
      </c>
      <c r="R186" s="22" t="s">
        <v>268</v>
      </c>
      <c r="S186" s="22" t="s">
        <v>268</v>
      </c>
      <c r="T186" s="22" t="s">
        <v>268</v>
      </c>
      <c r="U186" s="22" t="s">
        <v>268</v>
      </c>
      <c r="V186" s="22" t="s">
        <v>268</v>
      </c>
      <c r="W186" s="22" t="s">
        <v>268</v>
      </c>
      <c r="X186" s="22" t="s">
        <v>268</v>
      </c>
      <c r="Y186" s="22" t="s">
        <v>268</v>
      </c>
      <c r="Z186" s="16">
        <v>1003</v>
      </c>
      <c r="AA186" s="16">
        <v>194</v>
      </c>
      <c r="AB186" s="22" t="s">
        <v>268</v>
      </c>
      <c r="AC186" s="22" t="s">
        <v>268</v>
      </c>
      <c r="AD186" s="22" t="s">
        <v>268</v>
      </c>
    </row>
    <row r="187" spans="1:30">
      <c r="A187" s="21" t="s">
        <v>240</v>
      </c>
      <c r="B187" s="21" t="s">
        <v>237</v>
      </c>
      <c r="C187" s="21" t="s">
        <v>265</v>
      </c>
      <c r="D187" s="21" t="s">
        <v>214</v>
      </c>
      <c r="E187" s="21" t="s">
        <v>632</v>
      </c>
      <c r="F187" s="21" t="s">
        <v>386</v>
      </c>
      <c r="G187" s="22" t="s">
        <v>268</v>
      </c>
      <c r="H187" s="22" t="s">
        <v>268</v>
      </c>
      <c r="I187" s="22" t="s">
        <v>268</v>
      </c>
      <c r="J187" s="22" t="s">
        <v>268</v>
      </c>
      <c r="K187" s="22" t="s">
        <v>268</v>
      </c>
      <c r="L187" s="22" t="s">
        <v>268</v>
      </c>
      <c r="M187" s="22" t="s">
        <v>268</v>
      </c>
      <c r="N187" s="22" t="s">
        <v>268</v>
      </c>
      <c r="O187" s="22" t="s">
        <v>268</v>
      </c>
      <c r="P187" s="22" t="s">
        <v>268</v>
      </c>
      <c r="Q187" s="22" t="s">
        <v>268</v>
      </c>
      <c r="R187" s="22" t="s">
        <v>268</v>
      </c>
      <c r="S187" s="22" t="s">
        <v>268</v>
      </c>
      <c r="T187" s="22" t="s">
        <v>268</v>
      </c>
      <c r="U187" s="22" t="s">
        <v>268</v>
      </c>
      <c r="V187" s="22" t="s">
        <v>268</v>
      </c>
      <c r="W187" s="22" t="s">
        <v>268</v>
      </c>
      <c r="X187" s="22" t="s">
        <v>268</v>
      </c>
      <c r="Y187" s="22" t="s">
        <v>268</v>
      </c>
      <c r="Z187" s="22" t="s">
        <v>268</v>
      </c>
      <c r="AA187" s="22" t="s">
        <v>268</v>
      </c>
      <c r="AB187" s="22" t="s">
        <v>268</v>
      </c>
      <c r="AC187" s="22" t="s">
        <v>268</v>
      </c>
      <c r="AD187" s="22" t="s">
        <v>268</v>
      </c>
    </row>
    <row r="188" spans="1:30">
      <c r="A188" s="21" t="s">
        <v>240</v>
      </c>
      <c r="B188" s="21" t="s">
        <v>237</v>
      </c>
      <c r="C188" s="21" t="s">
        <v>265</v>
      </c>
      <c r="D188" s="21" t="s">
        <v>214</v>
      </c>
      <c r="E188" s="21" t="s">
        <v>632</v>
      </c>
      <c r="F188" s="21" t="s">
        <v>387</v>
      </c>
      <c r="G188" s="16">
        <v>1231</v>
      </c>
      <c r="H188" s="16">
        <v>271</v>
      </c>
      <c r="I188" s="16">
        <v>208</v>
      </c>
      <c r="J188" s="22" t="s">
        <v>268</v>
      </c>
      <c r="K188" s="16">
        <v>3</v>
      </c>
      <c r="L188" s="16">
        <v>29</v>
      </c>
      <c r="M188" s="16">
        <v>176</v>
      </c>
      <c r="N188" s="16">
        <v>63</v>
      </c>
      <c r="O188" s="22" t="s">
        <v>268</v>
      </c>
      <c r="P188" s="22" t="s">
        <v>268</v>
      </c>
      <c r="Q188" s="22" t="s">
        <v>268</v>
      </c>
      <c r="R188" s="16">
        <v>5</v>
      </c>
      <c r="S188" s="16">
        <v>1</v>
      </c>
      <c r="T188" s="16">
        <v>7</v>
      </c>
      <c r="U188" s="16">
        <v>3</v>
      </c>
      <c r="V188" s="16">
        <v>3</v>
      </c>
      <c r="W188" s="22" t="s">
        <v>268</v>
      </c>
      <c r="X188" s="16">
        <v>44</v>
      </c>
      <c r="Y188" s="16">
        <v>22</v>
      </c>
      <c r="Z188" s="16">
        <v>938</v>
      </c>
      <c r="AA188" s="22" t="s">
        <v>268</v>
      </c>
      <c r="AB188" s="16">
        <v>58</v>
      </c>
      <c r="AC188" s="22" t="s">
        <v>268</v>
      </c>
      <c r="AD188" s="22" t="s">
        <v>268</v>
      </c>
    </row>
    <row r="189" spans="1:30">
      <c r="A189" s="21" t="s">
        <v>240</v>
      </c>
      <c r="B189" s="21" t="s">
        <v>237</v>
      </c>
      <c r="C189" s="21" t="s">
        <v>265</v>
      </c>
      <c r="D189" s="21" t="s">
        <v>214</v>
      </c>
      <c r="E189" s="21" t="s">
        <v>632</v>
      </c>
      <c r="F189" s="21" t="s">
        <v>388</v>
      </c>
      <c r="G189" s="16">
        <v>286</v>
      </c>
      <c r="H189" s="16">
        <v>88</v>
      </c>
      <c r="I189" s="16">
        <v>52</v>
      </c>
      <c r="J189" s="22" t="s">
        <v>268</v>
      </c>
      <c r="K189" s="22" t="s">
        <v>268</v>
      </c>
      <c r="L189" s="16">
        <v>15</v>
      </c>
      <c r="M189" s="16">
        <v>37</v>
      </c>
      <c r="N189" s="16">
        <v>36</v>
      </c>
      <c r="O189" s="22" t="s">
        <v>268</v>
      </c>
      <c r="P189" s="16">
        <v>6</v>
      </c>
      <c r="Q189" s="22" t="s">
        <v>268</v>
      </c>
      <c r="R189" s="16">
        <v>10</v>
      </c>
      <c r="S189" s="22" t="s">
        <v>268</v>
      </c>
      <c r="T189" s="22" t="s">
        <v>268</v>
      </c>
      <c r="U189" s="22" t="s">
        <v>268</v>
      </c>
      <c r="V189" s="16">
        <v>2</v>
      </c>
      <c r="W189" s="22" t="s">
        <v>268</v>
      </c>
      <c r="X189" s="16">
        <v>18</v>
      </c>
      <c r="Y189" s="16">
        <v>4</v>
      </c>
      <c r="Z189" s="16">
        <v>194</v>
      </c>
      <c r="AA189" s="22" t="s">
        <v>268</v>
      </c>
      <c r="AB189" s="16">
        <v>28</v>
      </c>
      <c r="AC189" s="22" t="s">
        <v>268</v>
      </c>
      <c r="AD189" s="16">
        <v>194</v>
      </c>
    </row>
    <row r="190" spans="1:30">
      <c r="A190" s="21" t="s">
        <v>240</v>
      </c>
      <c r="B190" s="21" t="s">
        <v>237</v>
      </c>
      <c r="C190" s="21" t="s">
        <v>265</v>
      </c>
      <c r="D190" s="21" t="s">
        <v>214</v>
      </c>
      <c r="E190" s="21" t="s">
        <v>632</v>
      </c>
      <c r="F190" s="21" t="s">
        <v>389</v>
      </c>
      <c r="G190" s="16">
        <v>133</v>
      </c>
      <c r="H190" s="16">
        <v>53</v>
      </c>
      <c r="I190" s="16">
        <v>28</v>
      </c>
      <c r="J190" s="22" t="s">
        <v>268</v>
      </c>
      <c r="K190" s="22" t="s">
        <v>268</v>
      </c>
      <c r="L190" s="16">
        <v>8</v>
      </c>
      <c r="M190" s="16">
        <v>20</v>
      </c>
      <c r="N190" s="16">
        <v>25</v>
      </c>
      <c r="O190" s="22" t="s">
        <v>268</v>
      </c>
      <c r="P190" s="16">
        <v>6</v>
      </c>
      <c r="Q190" s="22" t="s">
        <v>268</v>
      </c>
      <c r="R190" s="16">
        <v>6</v>
      </c>
      <c r="S190" s="22" t="s">
        <v>268</v>
      </c>
      <c r="T190" s="22" t="s">
        <v>268</v>
      </c>
      <c r="U190" s="22" t="s">
        <v>268</v>
      </c>
      <c r="V190" s="16">
        <v>1</v>
      </c>
      <c r="W190" s="22" t="s">
        <v>268</v>
      </c>
      <c r="X190" s="16">
        <v>12</v>
      </c>
      <c r="Y190" s="16">
        <v>3</v>
      </c>
      <c r="Z190" s="16">
        <v>77</v>
      </c>
      <c r="AA190" s="22" t="s">
        <v>268</v>
      </c>
      <c r="AB190" s="16">
        <v>18</v>
      </c>
      <c r="AC190" s="22" t="s">
        <v>268</v>
      </c>
      <c r="AD190" s="16">
        <v>77</v>
      </c>
    </row>
    <row r="191" spans="1:30">
      <c r="A191" s="21" t="s">
        <v>240</v>
      </c>
      <c r="B191" s="21" t="s">
        <v>237</v>
      </c>
      <c r="C191" s="21" t="s">
        <v>265</v>
      </c>
      <c r="D191" s="21" t="s">
        <v>214</v>
      </c>
      <c r="E191" s="21" t="s">
        <v>632</v>
      </c>
      <c r="F191" s="21" t="s">
        <v>390</v>
      </c>
      <c r="G191" s="16">
        <v>46</v>
      </c>
      <c r="H191" s="16">
        <v>23</v>
      </c>
      <c r="I191" s="16">
        <v>9</v>
      </c>
      <c r="J191" s="22" t="s">
        <v>268</v>
      </c>
      <c r="K191" s="22" t="s">
        <v>268</v>
      </c>
      <c r="L191" s="16">
        <v>2</v>
      </c>
      <c r="M191" s="16">
        <v>7</v>
      </c>
      <c r="N191" s="16">
        <v>14</v>
      </c>
      <c r="O191" s="22" t="s">
        <v>268</v>
      </c>
      <c r="P191" s="16">
        <v>4</v>
      </c>
      <c r="Q191" s="22" t="s">
        <v>268</v>
      </c>
      <c r="R191" s="16">
        <v>4</v>
      </c>
      <c r="S191" s="22" t="s">
        <v>268</v>
      </c>
      <c r="T191" s="22" t="s">
        <v>268</v>
      </c>
      <c r="U191" s="22" t="s">
        <v>268</v>
      </c>
      <c r="V191" s="16">
        <v>1</v>
      </c>
      <c r="W191" s="22" t="s">
        <v>268</v>
      </c>
      <c r="X191" s="16">
        <v>5</v>
      </c>
      <c r="Y191" s="22" t="s">
        <v>268</v>
      </c>
      <c r="Z191" s="16">
        <v>23</v>
      </c>
      <c r="AA191" s="22" t="s">
        <v>268</v>
      </c>
      <c r="AB191" s="16">
        <v>9</v>
      </c>
      <c r="AC191" s="22" t="s">
        <v>268</v>
      </c>
      <c r="AD191" s="16">
        <v>23</v>
      </c>
    </row>
    <row r="192" spans="1:30">
      <c r="A192" s="21" t="s">
        <v>240</v>
      </c>
      <c r="B192" s="21" t="s">
        <v>237</v>
      </c>
      <c r="C192" s="21" t="s">
        <v>265</v>
      </c>
      <c r="D192" s="21" t="s">
        <v>214</v>
      </c>
      <c r="E192" s="21" t="s">
        <v>632</v>
      </c>
      <c r="F192" s="21" t="s">
        <v>391</v>
      </c>
      <c r="G192" s="16">
        <v>1308</v>
      </c>
      <c r="H192" s="16">
        <v>282</v>
      </c>
      <c r="I192" s="16">
        <v>219</v>
      </c>
      <c r="J192" s="22" t="s">
        <v>268</v>
      </c>
      <c r="K192" s="16">
        <v>3</v>
      </c>
      <c r="L192" s="16">
        <v>33</v>
      </c>
      <c r="M192" s="16">
        <v>183</v>
      </c>
      <c r="N192" s="16">
        <v>63</v>
      </c>
      <c r="O192" s="22" t="s">
        <v>268</v>
      </c>
      <c r="P192" s="22" t="s">
        <v>268</v>
      </c>
      <c r="Q192" s="22" t="s">
        <v>268</v>
      </c>
      <c r="R192" s="16">
        <v>6</v>
      </c>
      <c r="S192" s="16">
        <v>1</v>
      </c>
      <c r="T192" s="16">
        <v>7</v>
      </c>
      <c r="U192" s="16">
        <v>3</v>
      </c>
      <c r="V192" s="16">
        <v>3</v>
      </c>
      <c r="W192" s="22" t="s">
        <v>268</v>
      </c>
      <c r="X192" s="16">
        <v>43</v>
      </c>
      <c r="Y192" s="16">
        <v>22</v>
      </c>
      <c r="Z192" s="16">
        <v>1004</v>
      </c>
      <c r="AA192" s="22" t="s">
        <v>268</v>
      </c>
      <c r="AB192" s="16">
        <v>57</v>
      </c>
      <c r="AC192" s="22" t="s">
        <v>268</v>
      </c>
      <c r="AD192" s="16">
        <v>74</v>
      </c>
    </row>
    <row r="193" spans="1:30">
      <c r="A193" s="21" t="s">
        <v>240</v>
      </c>
      <c r="B193" s="21" t="s">
        <v>237</v>
      </c>
      <c r="C193" s="21" t="s">
        <v>265</v>
      </c>
      <c r="D193" s="21" t="s">
        <v>215</v>
      </c>
      <c r="E193" s="21" t="s">
        <v>632</v>
      </c>
      <c r="F193" s="21" t="s">
        <v>401</v>
      </c>
      <c r="G193" s="16">
        <v>1384</v>
      </c>
      <c r="H193" s="16">
        <v>70</v>
      </c>
      <c r="I193" s="16">
        <v>54</v>
      </c>
      <c r="J193" s="22" t="s">
        <v>268</v>
      </c>
      <c r="K193" s="16">
        <v>2</v>
      </c>
      <c r="L193" s="16">
        <v>43</v>
      </c>
      <c r="M193" s="16">
        <v>9</v>
      </c>
      <c r="N193" s="16">
        <v>16</v>
      </c>
      <c r="O193" s="22" t="s">
        <v>268</v>
      </c>
      <c r="P193" s="22" t="s">
        <v>268</v>
      </c>
      <c r="Q193" s="22" t="s">
        <v>268</v>
      </c>
      <c r="R193" s="16">
        <v>4</v>
      </c>
      <c r="S193" s="22" t="s">
        <v>268</v>
      </c>
      <c r="T193" s="16">
        <v>2</v>
      </c>
      <c r="U193" s="22" t="s">
        <v>268</v>
      </c>
      <c r="V193" s="22" t="s">
        <v>268</v>
      </c>
      <c r="W193" s="22" t="s">
        <v>268</v>
      </c>
      <c r="X193" s="16">
        <v>10</v>
      </c>
      <c r="Y193" s="16">
        <v>13</v>
      </c>
      <c r="Z193" s="16">
        <v>1212</v>
      </c>
      <c r="AA193" s="16">
        <v>89</v>
      </c>
      <c r="AB193" s="16">
        <v>16</v>
      </c>
      <c r="AC193" s="22" t="s">
        <v>268</v>
      </c>
      <c r="AD193" s="16">
        <v>104</v>
      </c>
    </row>
    <row r="194" spans="1:30">
      <c r="A194" s="21" t="s">
        <v>240</v>
      </c>
      <c r="B194" s="21" t="s">
        <v>237</v>
      </c>
      <c r="C194" s="21" t="s">
        <v>265</v>
      </c>
      <c r="D194" s="21" t="s">
        <v>215</v>
      </c>
      <c r="E194" s="21" t="s">
        <v>632</v>
      </c>
      <c r="F194" s="21" t="s">
        <v>405</v>
      </c>
      <c r="G194" s="16">
        <v>7</v>
      </c>
      <c r="H194" s="22" t="s">
        <v>268</v>
      </c>
      <c r="I194" s="22" t="s">
        <v>268</v>
      </c>
      <c r="J194" s="22" t="s">
        <v>268</v>
      </c>
      <c r="K194" s="22" t="s">
        <v>268</v>
      </c>
      <c r="L194" s="22" t="s">
        <v>268</v>
      </c>
      <c r="M194" s="22" t="s">
        <v>268</v>
      </c>
      <c r="N194" s="22" t="s">
        <v>268</v>
      </c>
      <c r="O194" s="22" t="s">
        <v>268</v>
      </c>
      <c r="P194" s="22" t="s">
        <v>268</v>
      </c>
      <c r="Q194" s="22" t="s">
        <v>268</v>
      </c>
      <c r="R194" s="22" t="s">
        <v>268</v>
      </c>
      <c r="S194" s="22" t="s">
        <v>268</v>
      </c>
      <c r="T194" s="22" t="s">
        <v>268</v>
      </c>
      <c r="U194" s="22" t="s">
        <v>268</v>
      </c>
      <c r="V194" s="22" t="s">
        <v>268</v>
      </c>
      <c r="W194" s="22" t="s">
        <v>268</v>
      </c>
      <c r="X194" s="22" t="s">
        <v>268</v>
      </c>
      <c r="Y194" s="22" t="s">
        <v>268</v>
      </c>
      <c r="Z194" s="16">
        <v>7</v>
      </c>
      <c r="AA194" s="22" t="s">
        <v>268</v>
      </c>
      <c r="AB194" s="22" t="s">
        <v>268</v>
      </c>
      <c r="AC194" s="22" t="s">
        <v>268</v>
      </c>
      <c r="AD194" s="22" t="s">
        <v>268</v>
      </c>
    </row>
    <row r="195" spans="1:30">
      <c r="A195" s="21" t="s">
        <v>240</v>
      </c>
      <c r="B195" s="21" t="s">
        <v>237</v>
      </c>
      <c r="C195" s="21" t="s">
        <v>265</v>
      </c>
      <c r="D195" s="21" t="s">
        <v>215</v>
      </c>
      <c r="E195" s="21" t="s">
        <v>632</v>
      </c>
      <c r="F195" s="21" t="s">
        <v>406</v>
      </c>
      <c r="G195" s="16">
        <v>66</v>
      </c>
      <c r="H195" s="22" t="s">
        <v>268</v>
      </c>
      <c r="I195" s="22" t="s">
        <v>268</v>
      </c>
      <c r="J195" s="22" t="s">
        <v>268</v>
      </c>
      <c r="K195" s="22" t="s">
        <v>268</v>
      </c>
      <c r="L195" s="22" t="s">
        <v>268</v>
      </c>
      <c r="M195" s="22" t="s">
        <v>268</v>
      </c>
      <c r="N195" s="22" t="s">
        <v>268</v>
      </c>
      <c r="O195" s="22" t="s">
        <v>268</v>
      </c>
      <c r="P195" s="22" t="s">
        <v>268</v>
      </c>
      <c r="Q195" s="22" t="s">
        <v>268</v>
      </c>
      <c r="R195" s="22" t="s">
        <v>268</v>
      </c>
      <c r="S195" s="22" t="s">
        <v>268</v>
      </c>
      <c r="T195" s="22" t="s">
        <v>268</v>
      </c>
      <c r="U195" s="22" t="s">
        <v>268</v>
      </c>
      <c r="V195" s="22" t="s">
        <v>268</v>
      </c>
      <c r="W195" s="22" t="s">
        <v>268</v>
      </c>
      <c r="X195" s="22" t="s">
        <v>268</v>
      </c>
      <c r="Y195" s="22" t="s">
        <v>268</v>
      </c>
      <c r="Z195" s="16">
        <v>66</v>
      </c>
      <c r="AA195" s="22" t="s">
        <v>268</v>
      </c>
      <c r="AB195" s="22" t="s">
        <v>268</v>
      </c>
      <c r="AC195" s="22" t="s">
        <v>268</v>
      </c>
      <c r="AD195" s="22" t="s">
        <v>268</v>
      </c>
    </row>
    <row r="196" spans="1:30">
      <c r="A196" s="21" t="s">
        <v>240</v>
      </c>
      <c r="B196" s="21" t="s">
        <v>237</v>
      </c>
      <c r="C196" s="21" t="s">
        <v>265</v>
      </c>
      <c r="D196" s="21" t="s">
        <v>215</v>
      </c>
      <c r="E196" s="21" t="s">
        <v>632</v>
      </c>
      <c r="F196" s="21" t="s">
        <v>407</v>
      </c>
      <c r="G196" s="16">
        <v>103</v>
      </c>
      <c r="H196" s="16">
        <v>2</v>
      </c>
      <c r="I196" s="16">
        <v>2</v>
      </c>
      <c r="J196" s="22" t="s">
        <v>268</v>
      </c>
      <c r="K196" s="22" t="s">
        <v>268</v>
      </c>
      <c r="L196" s="22" t="s">
        <v>268</v>
      </c>
      <c r="M196" s="16">
        <v>2</v>
      </c>
      <c r="N196" s="22" t="s">
        <v>268</v>
      </c>
      <c r="O196" s="22" t="s">
        <v>268</v>
      </c>
      <c r="P196" s="22" t="s">
        <v>268</v>
      </c>
      <c r="Q196" s="22" t="s">
        <v>268</v>
      </c>
      <c r="R196" s="22" t="s">
        <v>268</v>
      </c>
      <c r="S196" s="22" t="s">
        <v>268</v>
      </c>
      <c r="T196" s="22" t="s">
        <v>268</v>
      </c>
      <c r="U196" s="22" t="s">
        <v>268</v>
      </c>
      <c r="V196" s="22" t="s">
        <v>268</v>
      </c>
      <c r="W196" s="22" t="s">
        <v>268</v>
      </c>
      <c r="X196" s="22" t="s">
        <v>268</v>
      </c>
      <c r="Y196" s="16">
        <v>1</v>
      </c>
      <c r="Z196" s="16">
        <v>100</v>
      </c>
      <c r="AA196" s="22" t="s">
        <v>268</v>
      </c>
      <c r="AB196" s="22" t="s">
        <v>268</v>
      </c>
      <c r="AC196" s="22" t="s">
        <v>268</v>
      </c>
      <c r="AD196" s="22" t="s">
        <v>268</v>
      </c>
    </row>
    <row r="197" spans="1:30">
      <c r="A197" s="21" t="s">
        <v>240</v>
      </c>
      <c r="B197" s="21" t="s">
        <v>237</v>
      </c>
      <c r="C197" s="21" t="s">
        <v>265</v>
      </c>
      <c r="D197" s="21" t="s">
        <v>215</v>
      </c>
      <c r="E197" s="21" t="s">
        <v>632</v>
      </c>
      <c r="F197" s="21" t="s">
        <v>408</v>
      </c>
      <c r="G197" s="16">
        <v>78</v>
      </c>
      <c r="H197" s="16">
        <v>7</v>
      </c>
      <c r="I197" s="16">
        <v>4</v>
      </c>
      <c r="J197" s="22" t="s">
        <v>268</v>
      </c>
      <c r="K197" s="22" t="s">
        <v>268</v>
      </c>
      <c r="L197" s="16">
        <v>2</v>
      </c>
      <c r="M197" s="16">
        <v>2</v>
      </c>
      <c r="N197" s="16">
        <v>3</v>
      </c>
      <c r="O197" s="22" t="s">
        <v>268</v>
      </c>
      <c r="P197" s="22" t="s">
        <v>268</v>
      </c>
      <c r="Q197" s="22" t="s">
        <v>268</v>
      </c>
      <c r="R197" s="22" t="s">
        <v>268</v>
      </c>
      <c r="S197" s="22" t="s">
        <v>268</v>
      </c>
      <c r="T197" s="22" t="s">
        <v>268</v>
      </c>
      <c r="U197" s="22" t="s">
        <v>268</v>
      </c>
      <c r="V197" s="22" t="s">
        <v>268</v>
      </c>
      <c r="W197" s="22" t="s">
        <v>268</v>
      </c>
      <c r="X197" s="16">
        <v>3</v>
      </c>
      <c r="Y197" s="22" t="s">
        <v>268</v>
      </c>
      <c r="Z197" s="16">
        <v>71</v>
      </c>
      <c r="AA197" s="22" t="s">
        <v>268</v>
      </c>
      <c r="AB197" s="16">
        <v>3</v>
      </c>
      <c r="AC197" s="22" t="s">
        <v>268</v>
      </c>
      <c r="AD197" s="22" t="s">
        <v>268</v>
      </c>
    </row>
    <row r="198" spans="1:30">
      <c r="A198" s="21" t="s">
        <v>240</v>
      </c>
      <c r="B198" s="21" t="s">
        <v>237</v>
      </c>
      <c r="C198" s="21" t="s">
        <v>265</v>
      </c>
      <c r="D198" s="21" t="s">
        <v>215</v>
      </c>
      <c r="E198" s="21" t="s">
        <v>632</v>
      </c>
      <c r="F198" s="21" t="s">
        <v>409</v>
      </c>
      <c r="G198" s="16">
        <v>74</v>
      </c>
      <c r="H198" s="16">
        <v>7</v>
      </c>
      <c r="I198" s="16">
        <v>6</v>
      </c>
      <c r="J198" s="22" t="s">
        <v>268</v>
      </c>
      <c r="K198" s="22" t="s">
        <v>268</v>
      </c>
      <c r="L198" s="16">
        <v>4</v>
      </c>
      <c r="M198" s="16">
        <v>2</v>
      </c>
      <c r="N198" s="16">
        <v>1</v>
      </c>
      <c r="O198" s="22" t="s">
        <v>268</v>
      </c>
      <c r="P198" s="22" t="s">
        <v>268</v>
      </c>
      <c r="Q198" s="22" t="s">
        <v>268</v>
      </c>
      <c r="R198" s="22" t="s">
        <v>268</v>
      </c>
      <c r="S198" s="22" t="s">
        <v>268</v>
      </c>
      <c r="T198" s="22" t="s">
        <v>268</v>
      </c>
      <c r="U198" s="22" t="s">
        <v>268</v>
      </c>
      <c r="V198" s="22" t="s">
        <v>268</v>
      </c>
      <c r="W198" s="22" t="s">
        <v>268</v>
      </c>
      <c r="X198" s="16">
        <v>1</v>
      </c>
      <c r="Y198" s="16">
        <v>2</v>
      </c>
      <c r="Z198" s="16">
        <v>65</v>
      </c>
      <c r="AA198" s="22" t="s">
        <v>268</v>
      </c>
      <c r="AB198" s="16">
        <v>1</v>
      </c>
      <c r="AC198" s="22" t="s">
        <v>268</v>
      </c>
      <c r="AD198" s="22" t="s">
        <v>268</v>
      </c>
    </row>
    <row r="199" spans="1:30">
      <c r="A199" s="21" t="s">
        <v>240</v>
      </c>
      <c r="B199" s="21" t="s">
        <v>237</v>
      </c>
      <c r="C199" s="21" t="s">
        <v>265</v>
      </c>
      <c r="D199" s="21" t="s">
        <v>215</v>
      </c>
      <c r="E199" s="21" t="s">
        <v>632</v>
      </c>
      <c r="F199" s="21" t="s">
        <v>410</v>
      </c>
      <c r="G199" s="16">
        <v>77</v>
      </c>
      <c r="H199" s="16">
        <v>6</v>
      </c>
      <c r="I199" s="16">
        <v>5</v>
      </c>
      <c r="J199" s="22" t="s">
        <v>268</v>
      </c>
      <c r="K199" s="22" t="s">
        <v>268</v>
      </c>
      <c r="L199" s="16">
        <v>5</v>
      </c>
      <c r="M199" s="22" t="s">
        <v>268</v>
      </c>
      <c r="N199" s="16">
        <v>1</v>
      </c>
      <c r="O199" s="22" t="s">
        <v>268</v>
      </c>
      <c r="P199" s="22" t="s">
        <v>268</v>
      </c>
      <c r="Q199" s="22" t="s">
        <v>268</v>
      </c>
      <c r="R199" s="22" t="s">
        <v>268</v>
      </c>
      <c r="S199" s="22" t="s">
        <v>268</v>
      </c>
      <c r="T199" s="16">
        <v>1</v>
      </c>
      <c r="U199" s="22" t="s">
        <v>268</v>
      </c>
      <c r="V199" s="22" t="s">
        <v>268</v>
      </c>
      <c r="W199" s="22" t="s">
        <v>268</v>
      </c>
      <c r="X199" s="22" t="s">
        <v>268</v>
      </c>
      <c r="Y199" s="16">
        <v>2</v>
      </c>
      <c r="Z199" s="16">
        <v>69</v>
      </c>
      <c r="AA199" s="22" t="s">
        <v>268</v>
      </c>
      <c r="AB199" s="16">
        <v>1</v>
      </c>
      <c r="AC199" s="22" t="s">
        <v>268</v>
      </c>
      <c r="AD199" s="22" t="s">
        <v>268</v>
      </c>
    </row>
    <row r="200" spans="1:30">
      <c r="A200" s="21" t="s">
        <v>240</v>
      </c>
      <c r="B200" s="21" t="s">
        <v>237</v>
      </c>
      <c r="C200" s="21" t="s">
        <v>265</v>
      </c>
      <c r="D200" s="21" t="s">
        <v>215</v>
      </c>
      <c r="E200" s="21" t="s">
        <v>632</v>
      </c>
      <c r="F200" s="21" t="s">
        <v>411</v>
      </c>
      <c r="G200" s="16">
        <v>75</v>
      </c>
      <c r="H200" s="16">
        <v>10</v>
      </c>
      <c r="I200" s="16">
        <v>9</v>
      </c>
      <c r="J200" s="22" t="s">
        <v>268</v>
      </c>
      <c r="K200" s="16">
        <v>1</v>
      </c>
      <c r="L200" s="16">
        <v>7</v>
      </c>
      <c r="M200" s="16">
        <v>1</v>
      </c>
      <c r="N200" s="16">
        <v>1</v>
      </c>
      <c r="O200" s="22" t="s">
        <v>268</v>
      </c>
      <c r="P200" s="22" t="s">
        <v>268</v>
      </c>
      <c r="Q200" s="22" t="s">
        <v>268</v>
      </c>
      <c r="R200" s="22" t="s">
        <v>268</v>
      </c>
      <c r="S200" s="22" t="s">
        <v>268</v>
      </c>
      <c r="T200" s="22" t="s">
        <v>268</v>
      </c>
      <c r="U200" s="22" t="s">
        <v>268</v>
      </c>
      <c r="V200" s="22" t="s">
        <v>268</v>
      </c>
      <c r="W200" s="22" t="s">
        <v>268</v>
      </c>
      <c r="X200" s="16">
        <v>1</v>
      </c>
      <c r="Y200" s="16">
        <v>1</v>
      </c>
      <c r="Z200" s="16">
        <v>64</v>
      </c>
      <c r="AA200" s="22" t="s">
        <v>268</v>
      </c>
      <c r="AB200" s="16">
        <v>1</v>
      </c>
      <c r="AC200" s="22" t="s">
        <v>268</v>
      </c>
      <c r="AD200" s="22" t="s">
        <v>268</v>
      </c>
    </row>
    <row r="201" spans="1:30">
      <c r="A201" s="21" t="s">
        <v>240</v>
      </c>
      <c r="B201" s="21" t="s">
        <v>237</v>
      </c>
      <c r="C201" s="21" t="s">
        <v>265</v>
      </c>
      <c r="D201" s="21" t="s">
        <v>215</v>
      </c>
      <c r="E201" s="21" t="s">
        <v>632</v>
      </c>
      <c r="F201" s="21" t="s">
        <v>412</v>
      </c>
      <c r="G201" s="16">
        <v>61</v>
      </c>
      <c r="H201" s="16">
        <v>6</v>
      </c>
      <c r="I201" s="16">
        <v>3</v>
      </c>
      <c r="J201" s="22" t="s">
        <v>268</v>
      </c>
      <c r="K201" s="22" t="s">
        <v>268</v>
      </c>
      <c r="L201" s="16">
        <v>2</v>
      </c>
      <c r="M201" s="16">
        <v>1</v>
      </c>
      <c r="N201" s="16">
        <v>3</v>
      </c>
      <c r="O201" s="22" t="s">
        <v>268</v>
      </c>
      <c r="P201" s="22" t="s">
        <v>268</v>
      </c>
      <c r="Q201" s="22" t="s">
        <v>268</v>
      </c>
      <c r="R201" s="16">
        <v>1</v>
      </c>
      <c r="S201" s="22" t="s">
        <v>268</v>
      </c>
      <c r="T201" s="16">
        <v>1</v>
      </c>
      <c r="U201" s="22" t="s">
        <v>268</v>
      </c>
      <c r="V201" s="22" t="s">
        <v>268</v>
      </c>
      <c r="W201" s="22" t="s">
        <v>268</v>
      </c>
      <c r="X201" s="16">
        <v>1</v>
      </c>
      <c r="Y201" s="16">
        <v>2</v>
      </c>
      <c r="Z201" s="16">
        <v>53</v>
      </c>
      <c r="AA201" s="22" t="s">
        <v>268</v>
      </c>
      <c r="AB201" s="16">
        <v>3</v>
      </c>
      <c r="AC201" s="22" t="s">
        <v>268</v>
      </c>
      <c r="AD201" s="22" t="s">
        <v>268</v>
      </c>
    </row>
    <row r="202" spans="1:30">
      <c r="A202" s="21" t="s">
        <v>240</v>
      </c>
      <c r="B202" s="21" t="s">
        <v>237</v>
      </c>
      <c r="C202" s="21" t="s">
        <v>265</v>
      </c>
      <c r="D202" s="21" t="s">
        <v>215</v>
      </c>
      <c r="E202" s="21" t="s">
        <v>632</v>
      </c>
      <c r="F202" s="21" t="s">
        <v>413</v>
      </c>
      <c r="G202" s="16">
        <v>61</v>
      </c>
      <c r="H202" s="16">
        <v>6</v>
      </c>
      <c r="I202" s="16">
        <v>5</v>
      </c>
      <c r="J202" s="22" t="s">
        <v>268</v>
      </c>
      <c r="K202" s="16">
        <v>1</v>
      </c>
      <c r="L202" s="16">
        <v>4</v>
      </c>
      <c r="M202" s="22" t="s">
        <v>268</v>
      </c>
      <c r="N202" s="16">
        <v>1</v>
      </c>
      <c r="O202" s="22" t="s">
        <v>268</v>
      </c>
      <c r="P202" s="22" t="s">
        <v>268</v>
      </c>
      <c r="Q202" s="22" t="s">
        <v>268</v>
      </c>
      <c r="R202" s="22" t="s">
        <v>268</v>
      </c>
      <c r="S202" s="22" t="s">
        <v>268</v>
      </c>
      <c r="T202" s="22" t="s">
        <v>268</v>
      </c>
      <c r="U202" s="22" t="s">
        <v>268</v>
      </c>
      <c r="V202" s="22" t="s">
        <v>268</v>
      </c>
      <c r="W202" s="22" t="s">
        <v>268</v>
      </c>
      <c r="X202" s="16">
        <v>1</v>
      </c>
      <c r="Y202" s="16">
        <v>1</v>
      </c>
      <c r="Z202" s="16">
        <v>54</v>
      </c>
      <c r="AA202" s="22" t="s">
        <v>268</v>
      </c>
      <c r="AB202" s="16">
        <v>1</v>
      </c>
      <c r="AC202" s="22" t="s">
        <v>268</v>
      </c>
      <c r="AD202" s="22" t="s">
        <v>268</v>
      </c>
    </row>
    <row r="203" spans="1:30">
      <c r="A203" s="21" t="s">
        <v>240</v>
      </c>
      <c r="B203" s="21" t="s">
        <v>237</v>
      </c>
      <c r="C203" s="21" t="s">
        <v>265</v>
      </c>
      <c r="D203" s="21" t="s">
        <v>215</v>
      </c>
      <c r="E203" s="21" t="s">
        <v>632</v>
      </c>
      <c r="F203" s="21" t="s">
        <v>414</v>
      </c>
      <c r="G203" s="16">
        <v>60</v>
      </c>
      <c r="H203" s="16">
        <v>6</v>
      </c>
      <c r="I203" s="16">
        <v>5</v>
      </c>
      <c r="J203" s="22" t="s">
        <v>268</v>
      </c>
      <c r="K203" s="22" t="s">
        <v>268</v>
      </c>
      <c r="L203" s="16">
        <v>4</v>
      </c>
      <c r="M203" s="16">
        <v>1</v>
      </c>
      <c r="N203" s="16">
        <v>1</v>
      </c>
      <c r="O203" s="22" t="s">
        <v>268</v>
      </c>
      <c r="P203" s="22" t="s">
        <v>268</v>
      </c>
      <c r="Q203" s="22" t="s">
        <v>268</v>
      </c>
      <c r="R203" s="16">
        <v>1</v>
      </c>
      <c r="S203" s="22" t="s">
        <v>268</v>
      </c>
      <c r="T203" s="22" t="s">
        <v>268</v>
      </c>
      <c r="U203" s="22" t="s">
        <v>268</v>
      </c>
      <c r="V203" s="22" t="s">
        <v>268</v>
      </c>
      <c r="W203" s="22" t="s">
        <v>268</v>
      </c>
      <c r="X203" s="22" t="s">
        <v>268</v>
      </c>
      <c r="Y203" s="16">
        <v>2</v>
      </c>
      <c r="Z203" s="16">
        <v>52</v>
      </c>
      <c r="AA203" s="22" t="s">
        <v>268</v>
      </c>
      <c r="AB203" s="16">
        <v>1</v>
      </c>
      <c r="AC203" s="22" t="s">
        <v>268</v>
      </c>
      <c r="AD203" s="22" t="s">
        <v>268</v>
      </c>
    </row>
    <row r="204" spans="1:30">
      <c r="A204" s="21" t="s">
        <v>240</v>
      </c>
      <c r="B204" s="21" t="s">
        <v>237</v>
      </c>
      <c r="C204" s="21" t="s">
        <v>265</v>
      </c>
      <c r="D204" s="21" t="s">
        <v>215</v>
      </c>
      <c r="E204" s="21" t="s">
        <v>632</v>
      </c>
      <c r="F204" s="21" t="s">
        <v>415</v>
      </c>
      <c r="G204" s="16">
        <v>50</v>
      </c>
      <c r="H204" s="16">
        <v>5</v>
      </c>
      <c r="I204" s="16">
        <v>4</v>
      </c>
      <c r="J204" s="22" t="s">
        <v>268</v>
      </c>
      <c r="K204" s="22" t="s">
        <v>268</v>
      </c>
      <c r="L204" s="16">
        <v>4</v>
      </c>
      <c r="M204" s="22" t="s">
        <v>268</v>
      </c>
      <c r="N204" s="16">
        <v>1</v>
      </c>
      <c r="O204" s="22" t="s">
        <v>268</v>
      </c>
      <c r="P204" s="22" t="s">
        <v>268</v>
      </c>
      <c r="Q204" s="22" t="s">
        <v>268</v>
      </c>
      <c r="R204" s="16">
        <v>1</v>
      </c>
      <c r="S204" s="22" t="s">
        <v>268</v>
      </c>
      <c r="T204" s="22" t="s">
        <v>268</v>
      </c>
      <c r="U204" s="22" t="s">
        <v>268</v>
      </c>
      <c r="V204" s="22" t="s">
        <v>268</v>
      </c>
      <c r="W204" s="22" t="s">
        <v>268</v>
      </c>
      <c r="X204" s="22" t="s">
        <v>268</v>
      </c>
      <c r="Y204" s="22" t="s">
        <v>268</v>
      </c>
      <c r="Z204" s="16">
        <v>45</v>
      </c>
      <c r="AA204" s="22" t="s">
        <v>268</v>
      </c>
      <c r="AB204" s="16">
        <v>1</v>
      </c>
      <c r="AC204" s="22" t="s">
        <v>268</v>
      </c>
      <c r="AD204" s="16">
        <v>45</v>
      </c>
    </row>
    <row r="205" spans="1:30">
      <c r="A205" s="21" t="s">
        <v>240</v>
      </c>
      <c r="B205" s="21" t="s">
        <v>237</v>
      </c>
      <c r="C205" s="21" t="s">
        <v>265</v>
      </c>
      <c r="D205" s="21" t="s">
        <v>215</v>
      </c>
      <c r="E205" s="21" t="s">
        <v>632</v>
      </c>
      <c r="F205" s="21" t="s">
        <v>416</v>
      </c>
      <c r="G205" s="16">
        <v>30</v>
      </c>
      <c r="H205" s="16">
        <v>4</v>
      </c>
      <c r="I205" s="16">
        <v>3</v>
      </c>
      <c r="J205" s="22" t="s">
        <v>268</v>
      </c>
      <c r="K205" s="22" t="s">
        <v>268</v>
      </c>
      <c r="L205" s="16">
        <v>3</v>
      </c>
      <c r="M205" s="22" t="s">
        <v>268</v>
      </c>
      <c r="N205" s="16">
        <v>1</v>
      </c>
      <c r="O205" s="22" t="s">
        <v>268</v>
      </c>
      <c r="P205" s="22" t="s">
        <v>268</v>
      </c>
      <c r="Q205" s="22" t="s">
        <v>268</v>
      </c>
      <c r="R205" s="22" t="s">
        <v>268</v>
      </c>
      <c r="S205" s="22" t="s">
        <v>268</v>
      </c>
      <c r="T205" s="22" t="s">
        <v>268</v>
      </c>
      <c r="U205" s="22" t="s">
        <v>268</v>
      </c>
      <c r="V205" s="22" t="s">
        <v>268</v>
      </c>
      <c r="W205" s="22" t="s">
        <v>268</v>
      </c>
      <c r="X205" s="16">
        <v>1</v>
      </c>
      <c r="Y205" s="16">
        <v>1</v>
      </c>
      <c r="Z205" s="16">
        <v>25</v>
      </c>
      <c r="AA205" s="22" t="s">
        <v>268</v>
      </c>
      <c r="AB205" s="16">
        <v>1</v>
      </c>
      <c r="AC205" s="22" t="s">
        <v>268</v>
      </c>
      <c r="AD205" s="16">
        <v>25</v>
      </c>
    </row>
    <row r="206" spans="1:30">
      <c r="A206" s="21" t="s">
        <v>240</v>
      </c>
      <c r="B206" s="21" t="s">
        <v>237</v>
      </c>
      <c r="C206" s="21" t="s">
        <v>265</v>
      </c>
      <c r="D206" s="21" t="s">
        <v>215</v>
      </c>
      <c r="E206" s="21" t="s">
        <v>632</v>
      </c>
      <c r="F206" s="21" t="s">
        <v>417</v>
      </c>
      <c r="G206" s="16">
        <v>23</v>
      </c>
      <c r="H206" s="16">
        <v>5</v>
      </c>
      <c r="I206" s="16">
        <v>4</v>
      </c>
      <c r="J206" s="22" t="s">
        <v>268</v>
      </c>
      <c r="K206" s="22" t="s">
        <v>268</v>
      </c>
      <c r="L206" s="16">
        <v>4</v>
      </c>
      <c r="M206" s="22" t="s">
        <v>268</v>
      </c>
      <c r="N206" s="16">
        <v>1</v>
      </c>
      <c r="O206" s="22" t="s">
        <v>268</v>
      </c>
      <c r="P206" s="22" t="s">
        <v>268</v>
      </c>
      <c r="Q206" s="22" t="s">
        <v>268</v>
      </c>
      <c r="R206" s="22" t="s">
        <v>268</v>
      </c>
      <c r="S206" s="22" t="s">
        <v>268</v>
      </c>
      <c r="T206" s="22" t="s">
        <v>268</v>
      </c>
      <c r="U206" s="22" t="s">
        <v>268</v>
      </c>
      <c r="V206" s="22" t="s">
        <v>268</v>
      </c>
      <c r="W206" s="22" t="s">
        <v>268</v>
      </c>
      <c r="X206" s="16">
        <v>1</v>
      </c>
      <c r="Y206" s="16">
        <v>1</v>
      </c>
      <c r="Z206" s="16">
        <v>17</v>
      </c>
      <c r="AA206" s="22" t="s">
        <v>268</v>
      </c>
      <c r="AB206" s="16">
        <v>1</v>
      </c>
      <c r="AC206" s="22" t="s">
        <v>268</v>
      </c>
      <c r="AD206" s="16">
        <v>17</v>
      </c>
    </row>
    <row r="207" spans="1:30">
      <c r="A207" s="21" t="s">
        <v>240</v>
      </c>
      <c r="B207" s="21" t="s">
        <v>237</v>
      </c>
      <c r="C207" s="21" t="s">
        <v>265</v>
      </c>
      <c r="D207" s="21" t="s">
        <v>215</v>
      </c>
      <c r="E207" s="21" t="s">
        <v>632</v>
      </c>
      <c r="F207" s="21" t="s">
        <v>418</v>
      </c>
      <c r="G207" s="16">
        <v>11</v>
      </c>
      <c r="H207" s="16">
        <v>3</v>
      </c>
      <c r="I207" s="16">
        <v>2</v>
      </c>
      <c r="J207" s="22" t="s">
        <v>268</v>
      </c>
      <c r="K207" s="22" t="s">
        <v>268</v>
      </c>
      <c r="L207" s="16">
        <v>2</v>
      </c>
      <c r="M207" s="22" t="s">
        <v>268</v>
      </c>
      <c r="N207" s="16">
        <v>1</v>
      </c>
      <c r="O207" s="22" t="s">
        <v>268</v>
      </c>
      <c r="P207" s="22" t="s">
        <v>268</v>
      </c>
      <c r="Q207" s="22" t="s">
        <v>268</v>
      </c>
      <c r="R207" s="22" t="s">
        <v>268</v>
      </c>
      <c r="S207" s="22" t="s">
        <v>268</v>
      </c>
      <c r="T207" s="22" t="s">
        <v>268</v>
      </c>
      <c r="U207" s="22" t="s">
        <v>268</v>
      </c>
      <c r="V207" s="22" t="s">
        <v>268</v>
      </c>
      <c r="W207" s="22" t="s">
        <v>268</v>
      </c>
      <c r="X207" s="16">
        <v>1</v>
      </c>
      <c r="Y207" s="22" t="s">
        <v>268</v>
      </c>
      <c r="Z207" s="16">
        <v>8</v>
      </c>
      <c r="AA207" s="22" t="s">
        <v>268</v>
      </c>
      <c r="AB207" s="16">
        <v>1</v>
      </c>
      <c r="AC207" s="22" t="s">
        <v>268</v>
      </c>
      <c r="AD207" s="16">
        <v>8</v>
      </c>
    </row>
    <row r="208" spans="1:30">
      <c r="A208" s="21" t="s">
        <v>240</v>
      </c>
      <c r="B208" s="21" t="s">
        <v>237</v>
      </c>
      <c r="C208" s="21" t="s">
        <v>265</v>
      </c>
      <c r="D208" s="21" t="s">
        <v>215</v>
      </c>
      <c r="E208" s="21" t="s">
        <v>632</v>
      </c>
      <c r="F208" s="21" t="s">
        <v>419</v>
      </c>
      <c r="G208" s="16">
        <v>10</v>
      </c>
      <c r="H208" s="16">
        <v>2</v>
      </c>
      <c r="I208" s="16">
        <v>1</v>
      </c>
      <c r="J208" s="22" t="s">
        <v>268</v>
      </c>
      <c r="K208" s="22" t="s">
        <v>268</v>
      </c>
      <c r="L208" s="16">
        <v>1</v>
      </c>
      <c r="M208" s="22" t="s">
        <v>268</v>
      </c>
      <c r="N208" s="16">
        <v>1</v>
      </c>
      <c r="O208" s="22" t="s">
        <v>268</v>
      </c>
      <c r="P208" s="22" t="s">
        <v>268</v>
      </c>
      <c r="Q208" s="22" t="s">
        <v>268</v>
      </c>
      <c r="R208" s="16">
        <v>1</v>
      </c>
      <c r="S208" s="22" t="s">
        <v>268</v>
      </c>
      <c r="T208" s="22" t="s">
        <v>268</v>
      </c>
      <c r="U208" s="22" t="s">
        <v>268</v>
      </c>
      <c r="V208" s="22" t="s">
        <v>268</v>
      </c>
      <c r="W208" s="22" t="s">
        <v>268</v>
      </c>
      <c r="X208" s="22" t="s">
        <v>268</v>
      </c>
      <c r="Y208" s="22" t="s">
        <v>268</v>
      </c>
      <c r="Z208" s="16">
        <v>8</v>
      </c>
      <c r="AA208" s="22" t="s">
        <v>268</v>
      </c>
      <c r="AB208" s="16">
        <v>1</v>
      </c>
      <c r="AC208" s="22" t="s">
        <v>268</v>
      </c>
      <c r="AD208" s="16">
        <v>8</v>
      </c>
    </row>
    <row r="209" spans="1:30">
      <c r="A209" s="21" t="s">
        <v>240</v>
      </c>
      <c r="B209" s="21" t="s">
        <v>237</v>
      </c>
      <c r="C209" s="21" t="s">
        <v>265</v>
      </c>
      <c r="D209" s="21" t="s">
        <v>215</v>
      </c>
      <c r="E209" s="21" t="s">
        <v>632</v>
      </c>
      <c r="F209" s="21" t="s">
        <v>420</v>
      </c>
      <c r="G209" s="16">
        <v>2</v>
      </c>
      <c r="H209" s="16">
        <v>1</v>
      </c>
      <c r="I209" s="16">
        <v>1</v>
      </c>
      <c r="J209" s="22" t="s">
        <v>268</v>
      </c>
      <c r="K209" s="22" t="s">
        <v>268</v>
      </c>
      <c r="L209" s="16">
        <v>1</v>
      </c>
      <c r="M209" s="22" t="s">
        <v>268</v>
      </c>
      <c r="N209" s="22" t="s">
        <v>268</v>
      </c>
      <c r="O209" s="22" t="s">
        <v>268</v>
      </c>
      <c r="P209" s="22" t="s">
        <v>268</v>
      </c>
      <c r="Q209" s="22" t="s">
        <v>268</v>
      </c>
      <c r="R209" s="22" t="s">
        <v>268</v>
      </c>
      <c r="S209" s="22" t="s">
        <v>268</v>
      </c>
      <c r="T209" s="22" t="s">
        <v>268</v>
      </c>
      <c r="U209" s="22" t="s">
        <v>268</v>
      </c>
      <c r="V209" s="22" t="s">
        <v>268</v>
      </c>
      <c r="W209" s="22" t="s">
        <v>268</v>
      </c>
      <c r="X209" s="22" t="s">
        <v>268</v>
      </c>
      <c r="Y209" s="22" t="s">
        <v>268</v>
      </c>
      <c r="Z209" s="16">
        <v>1</v>
      </c>
      <c r="AA209" s="22" t="s">
        <v>268</v>
      </c>
      <c r="AB209" s="22" t="s">
        <v>268</v>
      </c>
      <c r="AC209" s="22" t="s">
        <v>268</v>
      </c>
      <c r="AD209" s="16">
        <v>1</v>
      </c>
    </row>
    <row r="210" spans="1:30">
      <c r="A210" s="21" t="s">
        <v>240</v>
      </c>
      <c r="B210" s="21" t="s">
        <v>237</v>
      </c>
      <c r="C210" s="21" t="s">
        <v>265</v>
      </c>
      <c r="D210" s="21" t="s">
        <v>215</v>
      </c>
      <c r="E210" s="21" t="s">
        <v>632</v>
      </c>
      <c r="F210" s="21" t="s">
        <v>421</v>
      </c>
      <c r="G210" s="22" t="s">
        <v>268</v>
      </c>
      <c r="H210" s="22" t="s">
        <v>268</v>
      </c>
      <c r="I210" s="22" t="s">
        <v>268</v>
      </c>
      <c r="J210" s="22" t="s">
        <v>268</v>
      </c>
      <c r="K210" s="22" t="s">
        <v>268</v>
      </c>
      <c r="L210" s="22" t="s">
        <v>268</v>
      </c>
      <c r="M210" s="22" t="s">
        <v>268</v>
      </c>
      <c r="N210" s="22" t="s">
        <v>268</v>
      </c>
      <c r="O210" s="22" t="s">
        <v>268</v>
      </c>
      <c r="P210" s="22" t="s">
        <v>268</v>
      </c>
      <c r="Q210" s="22" t="s">
        <v>268</v>
      </c>
      <c r="R210" s="22" t="s">
        <v>268</v>
      </c>
      <c r="S210" s="22" t="s">
        <v>268</v>
      </c>
      <c r="T210" s="22" t="s">
        <v>268</v>
      </c>
      <c r="U210" s="22" t="s">
        <v>268</v>
      </c>
      <c r="V210" s="22" t="s">
        <v>268</v>
      </c>
      <c r="W210" s="22" t="s">
        <v>268</v>
      </c>
      <c r="X210" s="22" t="s">
        <v>268</v>
      </c>
      <c r="Y210" s="22" t="s">
        <v>268</v>
      </c>
      <c r="Z210" s="22" t="s">
        <v>268</v>
      </c>
      <c r="AA210" s="22" t="s">
        <v>268</v>
      </c>
      <c r="AB210" s="22" t="s">
        <v>268</v>
      </c>
      <c r="AC210" s="22" t="s">
        <v>268</v>
      </c>
      <c r="AD210" s="22" t="s">
        <v>268</v>
      </c>
    </row>
    <row r="211" spans="1:30">
      <c r="A211" s="21" t="s">
        <v>240</v>
      </c>
      <c r="B211" s="21" t="s">
        <v>237</v>
      </c>
      <c r="C211" s="21" t="s">
        <v>265</v>
      </c>
      <c r="D211" s="21" t="s">
        <v>215</v>
      </c>
      <c r="E211" s="21" t="s">
        <v>632</v>
      </c>
      <c r="F211" s="21" t="s">
        <v>422</v>
      </c>
      <c r="G211" s="22" t="s">
        <v>268</v>
      </c>
      <c r="H211" s="22" t="s">
        <v>268</v>
      </c>
      <c r="I211" s="22" t="s">
        <v>268</v>
      </c>
      <c r="J211" s="22" t="s">
        <v>268</v>
      </c>
      <c r="K211" s="22" t="s">
        <v>268</v>
      </c>
      <c r="L211" s="22" t="s">
        <v>268</v>
      </c>
      <c r="M211" s="22" t="s">
        <v>268</v>
      </c>
      <c r="N211" s="22" t="s">
        <v>268</v>
      </c>
      <c r="O211" s="22" t="s">
        <v>268</v>
      </c>
      <c r="P211" s="22" t="s">
        <v>268</v>
      </c>
      <c r="Q211" s="22" t="s">
        <v>268</v>
      </c>
      <c r="R211" s="22" t="s">
        <v>268</v>
      </c>
      <c r="S211" s="22" t="s">
        <v>268</v>
      </c>
      <c r="T211" s="22" t="s">
        <v>268</v>
      </c>
      <c r="U211" s="22" t="s">
        <v>268</v>
      </c>
      <c r="V211" s="22" t="s">
        <v>268</v>
      </c>
      <c r="W211" s="22" t="s">
        <v>268</v>
      </c>
      <c r="X211" s="22" t="s">
        <v>268</v>
      </c>
      <c r="Y211" s="22" t="s">
        <v>268</v>
      </c>
      <c r="Z211" s="22" t="s">
        <v>268</v>
      </c>
      <c r="AA211" s="22" t="s">
        <v>268</v>
      </c>
      <c r="AB211" s="22" t="s">
        <v>268</v>
      </c>
      <c r="AC211" s="22" t="s">
        <v>268</v>
      </c>
      <c r="AD211" s="22" t="s">
        <v>268</v>
      </c>
    </row>
    <row r="212" spans="1:30">
      <c r="A212" s="21" t="s">
        <v>240</v>
      </c>
      <c r="B212" s="21" t="s">
        <v>237</v>
      </c>
      <c r="C212" s="21" t="s">
        <v>265</v>
      </c>
      <c r="D212" s="21" t="s">
        <v>215</v>
      </c>
      <c r="E212" s="21" t="s">
        <v>632</v>
      </c>
      <c r="F212" s="21" t="s">
        <v>423</v>
      </c>
      <c r="G212" s="16">
        <v>596</v>
      </c>
      <c r="H212" s="22" t="s">
        <v>268</v>
      </c>
      <c r="I212" s="22" t="s">
        <v>268</v>
      </c>
      <c r="J212" s="22" t="s">
        <v>268</v>
      </c>
      <c r="K212" s="22" t="s">
        <v>268</v>
      </c>
      <c r="L212" s="22" t="s">
        <v>268</v>
      </c>
      <c r="M212" s="22" t="s">
        <v>268</v>
      </c>
      <c r="N212" s="22" t="s">
        <v>268</v>
      </c>
      <c r="O212" s="22" t="s">
        <v>268</v>
      </c>
      <c r="P212" s="22" t="s">
        <v>268</v>
      </c>
      <c r="Q212" s="22" t="s">
        <v>268</v>
      </c>
      <c r="R212" s="22" t="s">
        <v>268</v>
      </c>
      <c r="S212" s="22" t="s">
        <v>268</v>
      </c>
      <c r="T212" s="22" t="s">
        <v>268</v>
      </c>
      <c r="U212" s="22" t="s">
        <v>268</v>
      </c>
      <c r="V212" s="22" t="s">
        <v>268</v>
      </c>
      <c r="W212" s="22" t="s">
        <v>268</v>
      </c>
      <c r="X212" s="22" t="s">
        <v>268</v>
      </c>
      <c r="Y212" s="22" t="s">
        <v>268</v>
      </c>
      <c r="Z212" s="16">
        <v>507</v>
      </c>
      <c r="AA212" s="16">
        <v>89</v>
      </c>
      <c r="AB212" s="22" t="s">
        <v>268</v>
      </c>
      <c r="AC212" s="22" t="s">
        <v>268</v>
      </c>
      <c r="AD212" s="22" t="s">
        <v>268</v>
      </c>
    </row>
    <row r="213" spans="1:30">
      <c r="A213" s="21" t="s">
        <v>240</v>
      </c>
      <c r="B213" s="21" t="s">
        <v>237</v>
      </c>
      <c r="C213" s="21" t="s">
        <v>265</v>
      </c>
      <c r="D213" s="21" t="s">
        <v>215</v>
      </c>
      <c r="E213" s="21" t="s">
        <v>632</v>
      </c>
      <c r="F213" s="21" t="s">
        <v>386</v>
      </c>
      <c r="G213" s="22" t="s">
        <v>268</v>
      </c>
      <c r="H213" s="22" t="s">
        <v>268</v>
      </c>
      <c r="I213" s="22" t="s">
        <v>268</v>
      </c>
      <c r="J213" s="22" t="s">
        <v>268</v>
      </c>
      <c r="K213" s="22" t="s">
        <v>268</v>
      </c>
      <c r="L213" s="22" t="s">
        <v>268</v>
      </c>
      <c r="M213" s="22" t="s">
        <v>268</v>
      </c>
      <c r="N213" s="22" t="s">
        <v>268</v>
      </c>
      <c r="O213" s="22" t="s">
        <v>268</v>
      </c>
      <c r="P213" s="22" t="s">
        <v>268</v>
      </c>
      <c r="Q213" s="22" t="s">
        <v>268</v>
      </c>
      <c r="R213" s="22" t="s">
        <v>268</v>
      </c>
      <c r="S213" s="22" t="s">
        <v>268</v>
      </c>
      <c r="T213" s="22" t="s">
        <v>268</v>
      </c>
      <c r="U213" s="22" t="s">
        <v>268</v>
      </c>
      <c r="V213" s="22" t="s">
        <v>268</v>
      </c>
      <c r="W213" s="22" t="s">
        <v>268</v>
      </c>
      <c r="X213" s="22" t="s">
        <v>268</v>
      </c>
      <c r="Y213" s="22" t="s">
        <v>268</v>
      </c>
      <c r="Z213" s="22" t="s">
        <v>268</v>
      </c>
      <c r="AA213" s="22" t="s">
        <v>268</v>
      </c>
      <c r="AB213" s="22" t="s">
        <v>268</v>
      </c>
      <c r="AC213" s="22" t="s">
        <v>268</v>
      </c>
      <c r="AD213" s="22" t="s">
        <v>268</v>
      </c>
    </row>
    <row r="214" spans="1:30">
      <c r="A214" s="21" t="s">
        <v>240</v>
      </c>
      <c r="B214" s="21" t="s">
        <v>237</v>
      </c>
      <c r="C214" s="21" t="s">
        <v>265</v>
      </c>
      <c r="D214" s="21" t="s">
        <v>215</v>
      </c>
      <c r="E214" s="21" t="s">
        <v>632</v>
      </c>
      <c r="F214" s="21" t="s">
        <v>387</v>
      </c>
      <c r="G214" s="16">
        <v>662</v>
      </c>
      <c r="H214" s="16">
        <v>50</v>
      </c>
      <c r="I214" s="16">
        <v>39</v>
      </c>
      <c r="J214" s="22" t="s">
        <v>268</v>
      </c>
      <c r="K214" s="16">
        <v>2</v>
      </c>
      <c r="L214" s="16">
        <v>28</v>
      </c>
      <c r="M214" s="16">
        <v>9</v>
      </c>
      <c r="N214" s="16">
        <v>11</v>
      </c>
      <c r="O214" s="22" t="s">
        <v>268</v>
      </c>
      <c r="P214" s="22" t="s">
        <v>268</v>
      </c>
      <c r="Q214" s="22" t="s">
        <v>268</v>
      </c>
      <c r="R214" s="16">
        <v>2</v>
      </c>
      <c r="S214" s="22" t="s">
        <v>268</v>
      </c>
      <c r="T214" s="16">
        <v>2</v>
      </c>
      <c r="U214" s="22" t="s">
        <v>268</v>
      </c>
      <c r="V214" s="22" t="s">
        <v>268</v>
      </c>
      <c r="W214" s="22" t="s">
        <v>268</v>
      </c>
      <c r="X214" s="16">
        <v>7</v>
      </c>
      <c r="Y214" s="16">
        <v>11</v>
      </c>
      <c r="Z214" s="16">
        <v>601</v>
      </c>
      <c r="AA214" s="22" t="s">
        <v>268</v>
      </c>
      <c r="AB214" s="16">
        <v>11</v>
      </c>
      <c r="AC214" s="22" t="s">
        <v>268</v>
      </c>
      <c r="AD214" s="22" t="s">
        <v>268</v>
      </c>
    </row>
    <row r="215" spans="1:30">
      <c r="A215" s="21" t="s">
        <v>240</v>
      </c>
      <c r="B215" s="21" t="s">
        <v>237</v>
      </c>
      <c r="C215" s="21" t="s">
        <v>265</v>
      </c>
      <c r="D215" s="21" t="s">
        <v>215</v>
      </c>
      <c r="E215" s="21" t="s">
        <v>632</v>
      </c>
      <c r="F215" s="21" t="s">
        <v>388</v>
      </c>
      <c r="G215" s="16">
        <v>126</v>
      </c>
      <c r="H215" s="16">
        <v>20</v>
      </c>
      <c r="I215" s="16">
        <v>15</v>
      </c>
      <c r="J215" s="22" t="s">
        <v>268</v>
      </c>
      <c r="K215" s="22" t="s">
        <v>268</v>
      </c>
      <c r="L215" s="16">
        <v>15</v>
      </c>
      <c r="M215" s="22" t="s">
        <v>268</v>
      </c>
      <c r="N215" s="16">
        <v>5</v>
      </c>
      <c r="O215" s="22" t="s">
        <v>268</v>
      </c>
      <c r="P215" s="22" t="s">
        <v>268</v>
      </c>
      <c r="Q215" s="22" t="s">
        <v>268</v>
      </c>
      <c r="R215" s="16">
        <v>2</v>
      </c>
      <c r="S215" s="22" t="s">
        <v>268</v>
      </c>
      <c r="T215" s="22" t="s">
        <v>268</v>
      </c>
      <c r="U215" s="22" t="s">
        <v>268</v>
      </c>
      <c r="V215" s="22" t="s">
        <v>268</v>
      </c>
      <c r="W215" s="22" t="s">
        <v>268</v>
      </c>
      <c r="X215" s="16">
        <v>3</v>
      </c>
      <c r="Y215" s="16">
        <v>2</v>
      </c>
      <c r="Z215" s="16">
        <v>104</v>
      </c>
      <c r="AA215" s="22" t="s">
        <v>268</v>
      </c>
      <c r="AB215" s="16">
        <v>5</v>
      </c>
      <c r="AC215" s="22" t="s">
        <v>268</v>
      </c>
      <c r="AD215" s="16">
        <v>104</v>
      </c>
    </row>
    <row r="216" spans="1:30">
      <c r="A216" s="21" t="s">
        <v>240</v>
      </c>
      <c r="B216" s="21" t="s">
        <v>237</v>
      </c>
      <c r="C216" s="21" t="s">
        <v>265</v>
      </c>
      <c r="D216" s="21" t="s">
        <v>215</v>
      </c>
      <c r="E216" s="21" t="s">
        <v>632</v>
      </c>
      <c r="F216" s="21" t="s">
        <v>389</v>
      </c>
      <c r="G216" s="16">
        <v>46</v>
      </c>
      <c r="H216" s="16">
        <v>11</v>
      </c>
      <c r="I216" s="16">
        <v>8</v>
      </c>
      <c r="J216" s="22" t="s">
        <v>268</v>
      </c>
      <c r="K216" s="22" t="s">
        <v>268</v>
      </c>
      <c r="L216" s="16">
        <v>8</v>
      </c>
      <c r="M216" s="22" t="s">
        <v>268</v>
      </c>
      <c r="N216" s="16">
        <v>3</v>
      </c>
      <c r="O216" s="22" t="s">
        <v>268</v>
      </c>
      <c r="P216" s="22" t="s">
        <v>268</v>
      </c>
      <c r="Q216" s="22" t="s">
        <v>268</v>
      </c>
      <c r="R216" s="16">
        <v>1</v>
      </c>
      <c r="S216" s="22" t="s">
        <v>268</v>
      </c>
      <c r="T216" s="22" t="s">
        <v>268</v>
      </c>
      <c r="U216" s="22" t="s">
        <v>268</v>
      </c>
      <c r="V216" s="22" t="s">
        <v>268</v>
      </c>
      <c r="W216" s="22" t="s">
        <v>268</v>
      </c>
      <c r="X216" s="16">
        <v>2</v>
      </c>
      <c r="Y216" s="16">
        <v>1</v>
      </c>
      <c r="Z216" s="16">
        <v>34</v>
      </c>
      <c r="AA216" s="22" t="s">
        <v>268</v>
      </c>
      <c r="AB216" s="16">
        <v>3</v>
      </c>
      <c r="AC216" s="22" t="s">
        <v>268</v>
      </c>
      <c r="AD216" s="16">
        <v>34</v>
      </c>
    </row>
    <row r="217" spans="1:30">
      <c r="A217" s="21" t="s">
        <v>240</v>
      </c>
      <c r="B217" s="21" t="s">
        <v>237</v>
      </c>
      <c r="C217" s="21" t="s">
        <v>265</v>
      </c>
      <c r="D217" s="21" t="s">
        <v>215</v>
      </c>
      <c r="E217" s="21" t="s">
        <v>632</v>
      </c>
      <c r="F217" s="21" t="s">
        <v>390</v>
      </c>
      <c r="G217" s="16">
        <v>12</v>
      </c>
      <c r="H217" s="16">
        <v>3</v>
      </c>
      <c r="I217" s="16">
        <v>2</v>
      </c>
      <c r="J217" s="22" t="s">
        <v>268</v>
      </c>
      <c r="K217" s="22" t="s">
        <v>268</v>
      </c>
      <c r="L217" s="16">
        <v>2</v>
      </c>
      <c r="M217" s="22" t="s">
        <v>268</v>
      </c>
      <c r="N217" s="16">
        <v>1</v>
      </c>
      <c r="O217" s="22" t="s">
        <v>268</v>
      </c>
      <c r="P217" s="22" t="s">
        <v>268</v>
      </c>
      <c r="Q217" s="22" t="s">
        <v>268</v>
      </c>
      <c r="R217" s="16">
        <v>1</v>
      </c>
      <c r="S217" s="22" t="s">
        <v>268</v>
      </c>
      <c r="T217" s="22" t="s">
        <v>268</v>
      </c>
      <c r="U217" s="22" t="s">
        <v>268</v>
      </c>
      <c r="V217" s="22" t="s">
        <v>268</v>
      </c>
      <c r="W217" s="22" t="s">
        <v>268</v>
      </c>
      <c r="X217" s="22" t="s">
        <v>268</v>
      </c>
      <c r="Y217" s="22" t="s">
        <v>268</v>
      </c>
      <c r="Z217" s="16">
        <v>9</v>
      </c>
      <c r="AA217" s="22" t="s">
        <v>268</v>
      </c>
      <c r="AB217" s="16">
        <v>1</v>
      </c>
      <c r="AC217" s="22" t="s">
        <v>268</v>
      </c>
      <c r="AD217" s="16">
        <v>9</v>
      </c>
    </row>
    <row r="218" spans="1:30">
      <c r="A218" s="21" t="s">
        <v>240</v>
      </c>
      <c r="B218" s="21" t="s">
        <v>237</v>
      </c>
      <c r="C218" s="21" t="s">
        <v>265</v>
      </c>
      <c r="D218" s="21" t="s">
        <v>215</v>
      </c>
      <c r="E218" s="21" t="s">
        <v>632</v>
      </c>
      <c r="F218" s="21" t="s">
        <v>391</v>
      </c>
      <c r="G218" s="16">
        <v>705</v>
      </c>
      <c r="H218" s="16">
        <v>55</v>
      </c>
      <c r="I218" s="16">
        <v>43</v>
      </c>
      <c r="J218" s="22" t="s">
        <v>268</v>
      </c>
      <c r="K218" s="16">
        <v>2</v>
      </c>
      <c r="L218" s="16">
        <v>32</v>
      </c>
      <c r="M218" s="16">
        <v>9</v>
      </c>
      <c r="N218" s="16">
        <v>12</v>
      </c>
      <c r="O218" s="22" t="s">
        <v>268</v>
      </c>
      <c r="P218" s="22" t="s">
        <v>268</v>
      </c>
      <c r="Q218" s="22" t="s">
        <v>268</v>
      </c>
      <c r="R218" s="16">
        <v>3</v>
      </c>
      <c r="S218" s="22" t="s">
        <v>268</v>
      </c>
      <c r="T218" s="16">
        <v>2</v>
      </c>
      <c r="U218" s="22" t="s">
        <v>268</v>
      </c>
      <c r="V218" s="22" t="s">
        <v>268</v>
      </c>
      <c r="W218" s="22" t="s">
        <v>268</v>
      </c>
      <c r="X218" s="16">
        <v>7</v>
      </c>
      <c r="Y218" s="16">
        <v>11</v>
      </c>
      <c r="Z218" s="16">
        <v>639</v>
      </c>
      <c r="AA218" s="22" t="s">
        <v>268</v>
      </c>
      <c r="AB218" s="16">
        <v>12</v>
      </c>
      <c r="AC218" s="22" t="s">
        <v>268</v>
      </c>
      <c r="AD218" s="16">
        <v>45</v>
      </c>
    </row>
    <row r="219" spans="1:30">
      <c r="A219" s="21" t="s">
        <v>240</v>
      </c>
      <c r="B219" s="21" t="s">
        <v>237</v>
      </c>
      <c r="C219" s="21" t="s">
        <v>265</v>
      </c>
      <c r="D219" s="21" t="s">
        <v>216</v>
      </c>
      <c r="E219" s="21" t="s">
        <v>632</v>
      </c>
      <c r="F219" s="21" t="s">
        <v>401</v>
      </c>
      <c r="G219" s="16">
        <v>1330</v>
      </c>
      <c r="H219" s="16">
        <v>289</v>
      </c>
      <c r="I219" s="16">
        <v>206</v>
      </c>
      <c r="J219" s="22" t="s">
        <v>268</v>
      </c>
      <c r="K219" s="16">
        <v>1</v>
      </c>
      <c r="L219" s="16">
        <v>1</v>
      </c>
      <c r="M219" s="16">
        <v>204</v>
      </c>
      <c r="N219" s="16">
        <v>83</v>
      </c>
      <c r="O219" s="22" t="s">
        <v>268</v>
      </c>
      <c r="P219" s="16">
        <v>6</v>
      </c>
      <c r="Q219" s="22" t="s">
        <v>268</v>
      </c>
      <c r="R219" s="16">
        <v>11</v>
      </c>
      <c r="S219" s="16">
        <v>1</v>
      </c>
      <c r="T219" s="16">
        <v>5</v>
      </c>
      <c r="U219" s="16">
        <v>3</v>
      </c>
      <c r="V219" s="16">
        <v>5</v>
      </c>
      <c r="W219" s="22" t="s">
        <v>268</v>
      </c>
      <c r="X219" s="16">
        <v>52</v>
      </c>
      <c r="Y219" s="16">
        <v>13</v>
      </c>
      <c r="Z219" s="16">
        <v>923</v>
      </c>
      <c r="AA219" s="16">
        <v>105</v>
      </c>
      <c r="AB219" s="16">
        <v>70</v>
      </c>
      <c r="AC219" s="22" t="s">
        <v>268</v>
      </c>
      <c r="AD219" s="16">
        <v>90</v>
      </c>
    </row>
    <row r="220" spans="1:30">
      <c r="A220" s="21" t="s">
        <v>240</v>
      </c>
      <c r="B220" s="21" t="s">
        <v>237</v>
      </c>
      <c r="C220" s="21" t="s">
        <v>265</v>
      </c>
      <c r="D220" s="21" t="s">
        <v>216</v>
      </c>
      <c r="E220" s="21" t="s">
        <v>632</v>
      </c>
      <c r="F220" s="21" t="s">
        <v>405</v>
      </c>
      <c r="G220" s="16">
        <v>3</v>
      </c>
      <c r="H220" s="16">
        <v>2</v>
      </c>
      <c r="I220" s="22" t="s">
        <v>268</v>
      </c>
      <c r="J220" s="22" t="s">
        <v>268</v>
      </c>
      <c r="K220" s="22" t="s">
        <v>268</v>
      </c>
      <c r="L220" s="22" t="s">
        <v>268</v>
      </c>
      <c r="M220" s="22" t="s">
        <v>268</v>
      </c>
      <c r="N220" s="16">
        <v>2</v>
      </c>
      <c r="O220" s="22" t="s">
        <v>268</v>
      </c>
      <c r="P220" s="22" t="s">
        <v>268</v>
      </c>
      <c r="Q220" s="22" t="s">
        <v>268</v>
      </c>
      <c r="R220" s="22" t="s">
        <v>268</v>
      </c>
      <c r="S220" s="22" t="s">
        <v>268</v>
      </c>
      <c r="T220" s="22" t="s">
        <v>268</v>
      </c>
      <c r="U220" s="22" t="s">
        <v>268</v>
      </c>
      <c r="V220" s="22" t="s">
        <v>268</v>
      </c>
      <c r="W220" s="22" t="s">
        <v>268</v>
      </c>
      <c r="X220" s="16">
        <v>2</v>
      </c>
      <c r="Y220" s="22" t="s">
        <v>268</v>
      </c>
      <c r="Z220" s="16">
        <v>1</v>
      </c>
      <c r="AA220" s="22" t="s">
        <v>268</v>
      </c>
      <c r="AB220" s="16">
        <v>2</v>
      </c>
      <c r="AC220" s="22" t="s">
        <v>268</v>
      </c>
      <c r="AD220" s="22" t="s">
        <v>268</v>
      </c>
    </row>
    <row r="221" spans="1:30">
      <c r="A221" s="21" t="s">
        <v>240</v>
      </c>
      <c r="B221" s="21" t="s">
        <v>237</v>
      </c>
      <c r="C221" s="21" t="s">
        <v>265</v>
      </c>
      <c r="D221" s="21" t="s">
        <v>216</v>
      </c>
      <c r="E221" s="21" t="s">
        <v>632</v>
      </c>
      <c r="F221" s="21" t="s">
        <v>406</v>
      </c>
      <c r="G221" s="16">
        <v>60</v>
      </c>
      <c r="H221" s="16">
        <v>10</v>
      </c>
      <c r="I221" s="16">
        <v>8</v>
      </c>
      <c r="J221" s="22" t="s">
        <v>268</v>
      </c>
      <c r="K221" s="16">
        <v>1</v>
      </c>
      <c r="L221" s="22" t="s">
        <v>268</v>
      </c>
      <c r="M221" s="16">
        <v>7</v>
      </c>
      <c r="N221" s="16">
        <v>2</v>
      </c>
      <c r="O221" s="22" t="s">
        <v>268</v>
      </c>
      <c r="P221" s="22" t="s">
        <v>268</v>
      </c>
      <c r="Q221" s="22" t="s">
        <v>268</v>
      </c>
      <c r="R221" s="22" t="s">
        <v>268</v>
      </c>
      <c r="S221" s="16">
        <v>1</v>
      </c>
      <c r="T221" s="22" t="s">
        <v>268</v>
      </c>
      <c r="U221" s="22" t="s">
        <v>268</v>
      </c>
      <c r="V221" s="22" t="s">
        <v>268</v>
      </c>
      <c r="W221" s="22" t="s">
        <v>268</v>
      </c>
      <c r="X221" s="16">
        <v>1</v>
      </c>
      <c r="Y221" s="22" t="s">
        <v>268</v>
      </c>
      <c r="Z221" s="16">
        <v>50</v>
      </c>
      <c r="AA221" s="22" t="s">
        <v>268</v>
      </c>
      <c r="AB221" s="22" t="s">
        <v>268</v>
      </c>
      <c r="AC221" s="22" t="s">
        <v>268</v>
      </c>
      <c r="AD221" s="22" t="s">
        <v>268</v>
      </c>
    </row>
    <row r="222" spans="1:30">
      <c r="A222" s="21" t="s">
        <v>240</v>
      </c>
      <c r="B222" s="21" t="s">
        <v>237</v>
      </c>
      <c r="C222" s="21" t="s">
        <v>265</v>
      </c>
      <c r="D222" s="21" t="s">
        <v>216</v>
      </c>
      <c r="E222" s="21" t="s">
        <v>632</v>
      </c>
      <c r="F222" s="21" t="s">
        <v>407</v>
      </c>
      <c r="G222" s="16">
        <v>86</v>
      </c>
      <c r="H222" s="16">
        <v>19</v>
      </c>
      <c r="I222" s="16">
        <v>16</v>
      </c>
      <c r="J222" s="22" t="s">
        <v>268</v>
      </c>
      <c r="K222" s="22" t="s">
        <v>268</v>
      </c>
      <c r="L222" s="22" t="s">
        <v>268</v>
      </c>
      <c r="M222" s="16">
        <v>16</v>
      </c>
      <c r="N222" s="16">
        <v>3</v>
      </c>
      <c r="O222" s="22" t="s">
        <v>268</v>
      </c>
      <c r="P222" s="22" t="s">
        <v>268</v>
      </c>
      <c r="Q222" s="22" t="s">
        <v>268</v>
      </c>
      <c r="R222" s="22" t="s">
        <v>268</v>
      </c>
      <c r="S222" s="22" t="s">
        <v>268</v>
      </c>
      <c r="T222" s="16">
        <v>1</v>
      </c>
      <c r="U222" s="22" t="s">
        <v>268</v>
      </c>
      <c r="V222" s="22" t="s">
        <v>268</v>
      </c>
      <c r="W222" s="22" t="s">
        <v>268</v>
      </c>
      <c r="X222" s="16">
        <v>2</v>
      </c>
      <c r="Y222" s="16">
        <v>1</v>
      </c>
      <c r="Z222" s="16">
        <v>66</v>
      </c>
      <c r="AA222" s="22" t="s">
        <v>268</v>
      </c>
      <c r="AB222" s="16">
        <v>3</v>
      </c>
      <c r="AC222" s="22" t="s">
        <v>268</v>
      </c>
      <c r="AD222" s="22" t="s">
        <v>268</v>
      </c>
    </row>
    <row r="223" spans="1:30">
      <c r="A223" s="21" t="s">
        <v>240</v>
      </c>
      <c r="B223" s="21" t="s">
        <v>237</v>
      </c>
      <c r="C223" s="21" t="s">
        <v>265</v>
      </c>
      <c r="D223" s="21" t="s">
        <v>216</v>
      </c>
      <c r="E223" s="21" t="s">
        <v>632</v>
      </c>
      <c r="F223" s="21" t="s">
        <v>408</v>
      </c>
      <c r="G223" s="16">
        <v>71</v>
      </c>
      <c r="H223" s="16">
        <v>22</v>
      </c>
      <c r="I223" s="16">
        <v>18</v>
      </c>
      <c r="J223" s="22" t="s">
        <v>268</v>
      </c>
      <c r="K223" s="22" t="s">
        <v>268</v>
      </c>
      <c r="L223" s="22" t="s">
        <v>268</v>
      </c>
      <c r="M223" s="16">
        <v>18</v>
      </c>
      <c r="N223" s="16">
        <v>4</v>
      </c>
      <c r="O223" s="22" t="s">
        <v>268</v>
      </c>
      <c r="P223" s="22" t="s">
        <v>268</v>
      </c>
      <c r="Q223" s="22" t="s">
        <v>268</v>
      </c>
      <c r="R223" s="22" t="s">
        <v>268</v>
      </c>
      <c r="S223" s="22" t="s">
        <v>268</v>
      </c>
      <c r="T223" s="22" t="s">
        <v>268</v>
      </c>
      <c r="U223" s="22" t="s">
        <v>268</v>
      </c>
      <c r="V223" s="22" t="s">
        <v>268</v>
      </c>
      <c r="W223" s="22" t="s">
        <v>268</v>
      </c>
      <c r="X223" s="16">
        <v>4</v>
      </c>
      <c r="Y223" s="22" t="s">
        <v>268</v>
      </c>
      <c r="Z223" s="16">
        <v>49</v>
      </c>
      <c r="AA223" s="22" t="s">
        <v>268</v>
      </c>
      <c r="AB223" s="16">
        <v>4</v>
      </c>
      <c r="AC223" s="22" t="s">
        <v>268</v>
      </c>
      <c r="AD223" s="22" t="s">
        <v>268</v>
      </c>
    </row>
    <row r="224" spans="1:30">
      <c r="A224" s="21" t="s">
        <v>240</v>
      </c>
      <c r="B224" s="21" t="s">
        <v>237</v>
      </c>
      <c r="C224" s="21" t="s">
        <v>265</v>
      </c>
      <c r="D224" s="21" t="s">
        <v>216</v>
      </c>
      <c r="E224" s="21" t="s">
        <v>632</v>
      </c>
      <c r="F224" s="21" t="s">
        <v>409</v>
      </c>
      <c r="G224" s="16">
        <v>69</v>
      </c>
      <c r="H224" s="16">
        <v>36</v>
      </c>
      <c r="I224" s="16">
        <v>29</v>
      </c>
      <c r="J224" s="22" t="s">
        <v>268</v>
      </c>
      <c r="K224" s="22" t="s">
        <v>268</v>
      </c>
      <c r="L224" s="22" t="s">
        <v>268</v>
      </c>
      <c r="M224" s="16">
        <v>29</v>
      </c>
      <c r="N224" s="16">
        <v>7</v>
      </c>
      <c r="O224" s="22" t="s">
        <v>268</v>
      </c>
      <c r="P224" s="22" t="s">
        <v>268</v>
      </c>
      <c r="Q224" s="22" t="s">
        <v>268</v>
      </c>
      <c r="R224" s="22" t="s">
        <v>268</v>
      </c>
      <c r="S224" s="22" t="s">
        <v>268</v>
      </c>
      <c r="T224" s="16">
        <v>3</v>
      </c>
      <c r="U224" s="22" t="s">
        <v>268</v>
      </c>
      <c r="V224" s="22" t="s">
        <v>268</v>
      </c>
      <c r="W224" s="22" t="s">
        <v>268</v>
      </c>
      <c r="X224" s="16">
        <v>4</v>
      </c>
      <c r="Y224" s="16">
        <v>2</v>
      </c>
      <c r="Z224" s="16">
        <v>31</v>
      </c>
      <c r="AA224" s="22" t="s">
        <v>268</v>
      </c>
      <c r="AB224" s="16">
        <v>7</v>
      </c>
      <c r="AC224" s="22" t="s">
        <v>268</v>
      </c>
      <c r="AD224" s="22" t="s">
        <v>268</v>
      </c>
    </row>
    <row r="225" spans="1:30">
      <c r="A225" s="21" t="s">
        <v>240</v>
      </c>
      <c r="B225" s="21" t="s">
        <v>237</v>
      </c>
      <c r="C225" s="21" t="s">
        <v>265</v>
      </c>
      <c r="D225" s="21" t="s">
        <v>216</v>
      </c>
      <c r="E225" s="21" t="s">
        <v>632</v>
      </c>
      <c r="F225" s="21" t="s">
        <v>410</v>
      </c>
      <c r="G225" s="16">
        <v>77</v>
      </c>
      <c r="H225" s="16">
        <v>43</v>
      </c>
      <c r="I225" s="16">
        <v>37</v>
      </c>
      <c r="J225" s="22" t="s">
        <v>268</v>
      </c>
      <c r="K225" s="22" t="s">
        <v>268</v>
      </c>
      <c r="L225" s="22" t="s">
        <v>268</v>
      </c>
      <c r="M225" s="16">
        <v>37</v>
      </c>
      <c r="N225" s="16">
        <v>6</v>
      </c>
      <c r="O225" s="22" t="s">
        <v>268</v>
      </c>
      <c r="P225" s="22" t="s">
        <v>268</v>
      </c>
      <c r="Q225" s="22" t="s">
        <v>268</v>
      </c>
      <c r="R225" s="22" t="s">
        <v>268</v>
      </c>
      <c r="S225" s="22" t="s">
        <v>268</v>
      </c>
      <c r="T225" s="16">
        <v>1</v>
      </c>
      <c r="U225" s="22" t="s">
        <v>268</v>
      </c>
      <c r="V225" s="22" t="s">
        <v>268</v>
      </c>
      <c r="W225" s="22" t="s">
        <v>268</v>
      </c>
      <c r="X225" s="16">
        <v>5</v>
      </c>
      <c r="Y225" s="16">
        <v>4</v>
      </c>
      <c r="Z225" s="16">
        <v>30</v>
      </c>
      <c r="AA225" s="22" t="s">
        <v>268</v>
      </c>
      <c r="AB225" s="16">
        <v>4</v>
      </c>
      <c r="AC225" s="22" t="s">
        <v>268</v>
      </c>
      <c r="AD225" s="22" t="s">
        <v>268</v>
      </c>
    </row>
    <row r="226" spans="1:30">
      <c r="A226" s="21" t="s">
        <v>240</v>
      </c>
      <c r="B226" s="21" t="s">
        <v>237</v>
      </c>
      <c r="C226" s="21" t="s">
        <v>265</v>
      </c>
      <c r="D226" s="21" t="s">
        <v>216</v>
      </c>
      <c r="E226" s="21" t="s">
        <v>632</v>
      </c>
      <c r="F226" s="21" t="s">
        <v>411</v>
      </c>
      <c r="G226" s="16">
        <v>61</v>
      </c>
      <c r="H226" s="16">
        <v>30</v>
      </c>
      <c r="I226" s="16">
        <v>24</v>
      </c>
      <c r="J226" s="22" t="s">
        <v>268</v>
      </c>
      <c r="K226" s="22" t="s">
        <v>268</v>
      </c>
      <c r="L226" s="22" t="s">
        <v>268</v>
      </c>
      <c r="M226" s="16">
        <v>24</v>
      </c>
      <c r="N226" s="16">
        <v>6</v>
      </c>
      <c r="O226" s="22" t="s">
        <v>268</v>
      </c>
      <c r="P226" s="22" t="s">
        <v>268</v>
      </c>
      <c r="Q226" s="22" t="s">
        <v>268</v>
      </c>
      <c r="R226" s="22" t="s">
        <v>268</v>
      </c>
      <c r="S226" s="22" t="s">
        <v>268</v>
      </c>
      <c r="T226" s="22" t="s">
        <v>268</v>
      </c>
      <c r="U226" s="22" t="s">
        <v>268</v>
      </c>
      <c r="V226" s="16">
        <v>1</v>
      </c>
      <c r="W226" s="22" t="s">
        <v>268</v>
      </c>
      <c r="X226" s="16">
        <v>5</v>
      </c>
      <c r="Y226" s="16">
        <v>1</v>
      </c>
      <c r="Z226" s="16">
        <v>30</v>
      </c>
      <c r="AA226" s="22" t="s">
        <v>268</v>
      </c>
      <c r="AB226" s="16">
        <v>6</v>
      </c>
      <c r="AC226" s="22" t="s">
        <v>268</v>
      </c>
      <c r="AD226" s="22" t="s">
        <v>268</v>
      </c>
    </row>
    <row r="227" spans="1:30">
      <c r="A227" s="21" t="s">
        <v>240</v>
      </c>
      <c r="B227" s="21" t="s">
        <v>237</v>
      </c>
      <c r="C227" s="21" t="s">
        <v>265</v>
      </c>
      <c r="D227" s="21" t="s">
        <v>216</v>
      </c>
      <c r="E227" s="21" t="s">
        <v>632</v>
      </c>
      <c r="F227" s="21" t="s">
        <v>412</v>
      </c>
      <c r="G227" s="16">
        <v>44</v>
      </c>
      <c r="H227" s="16">
        <v>19</v>
      </c>
      <c r="I227" s="16">
        <v>15</v>
      </c>
      <c r="J227" s="22" t="s">
        <v>268</v>
      </c>
      <c r="K227" s="22" t="s">
        <v>268</v>
      </c>
      <c r="L227" s="16">
        <v>1</v>
      </c>
      <c r="M227" s="16">
        <v>14</v>
      </c>
      <c r="N227" s="16">
        <v>4</v>
      </c>
      <c r="O227" s="22" t="s">
        <v>268</v>
      </c>
      <c r="P227" s="22" t="s">
        <v>268</v>
      </c>
      <c r="Q227" s="22" t="s">
        <v>268</v>
      </c>
      <c r="R227" s="22" t="s">
        <v>268</v>
      </c>
      <c r="S227" s="22" t="s">
        <v>268</v>
      </c>
      <c r="T227" s="22" t="s">
        <v>268</v>
      </c>
      <c r="U227" s="22" t="s">
        <v>268</v>
      </c>
      <c r="V227" s="22" t="s">
        <v>268</v>
      </c>
      <c r="W227" s="22" t="s">
        <v>268</v>
      </c>
      <c r="X227" s="16">
        <v>4</v>
      </c>
      <c r="Y227" s="22" t="s">
        <v>268</v>
      </c>
      <c r="Z227" s="16">
        <v>25</v>
      </c>
      <c r="AA227" s="22" t="s">
        <v>268</v>
      </c>
      <c r="AB227" s="16">
        <v>4</v>
      </c>
      <c r="AC227" s="22" t="s">
        <v>268</v>
      </c>
      <c r="AD227" s="22" t="s">
        <v>268</v>
      </c>
    </row>
    <row r="228" spans="1:30">
      <c r="A228" s="21" t="s">
        <v>240</v>
      </c>
      <c r="B228" s="21" t="s">
        <v>237</v>
      </c>
      <c r="C228" s="21" t="s">
        <v>265</v>
      </c>
      <c r="D228" s="21" t="s">
        <v>216</v>
      </c>
      <c r="E228" s="21" t="s">
        <v>632</v>
      </c>
      <c r="F228" s="21" t="s">
        <v>413</v>
      </c>
      <c r="G228" s="16">
        <v>45</v>
      </c>
      <c r="H228" s="16">
        <v>19</v>
      </c>
      <c r="I228" s="16">
        <v>11</v>
      </c>
      <c r="J228" s="22" t="s">
        <v>268</v>
      </c>
      <c r="K228" s="22" t="s">
        <v>268</v>
      </c>
      <c r="L228" s="22" t="s">
        <v>268</v>
      </c>
      <c r="M228" s="16">
        <v>11</v>
      </c>
      <c r="N228" s="16">
        <v>8</v>
      </c>
      <c r="O228" s="22" t="s">
        <v>268</v>
      </c>
      <c r="P228" s="22" t="s">
        <v>268</v>
      </c>
      <c r="Q228" s="22" t="s">
        <v>268</v>
      </c>
      <c r="R228" s="16">
        <v>1</v>
      </c>
      <c r="S228" s="22" t="s">
        <v>268</v>
      </c>
      <c r="T228" s="22" t="s">
        <v>268</v>
      </c>
      <c r="U228" s="16">
        <v>2</v>
      </c>
      <c r="V228" s="16">
        <v>1</v>
      </c>
      <c r="W228" s="22" t="s">
        <v>268</v>
      </c>
      <c r="X228" s="16">
        <v>4</v>
      </c>
      <c r="Y228" s="16">
        <v>2</v>
      </c>
      <c r="Z228" s="16">
        <v>24</v>
      </c>
      <c r="AA228" s="22" t="s">
        <v>268</v>
      </c>
      <c r="AB228" s="16">
        <v>8</v>
      </c>
      <c r="AC228" s="22" t="s">
        <v>268</v>
      </c>
      <c r="AD228" s="22" t="s">
        <v>268</v>
      </c>
    </row>
    <row r="229" spans="1:30">
      <c r="A229" s="21" t="s">
        <v>240</v>
      </c>
      <c r="B229" s="21" t="s">
        <v>237</v>
      </c>
      <c r="C229" s="21" t="s">
        <v>265</v>
      </c>
      <c r="D229" s="21" t="s">
        <v>216</v>
      </c>
      <c r="E229" s="21" t="s">
        <v>632</v>
      </c>
      <c r="F229" s="21" t="s">
        <v>414</v>
      </c>
      <c r="G229" s="16">
        <v>53</v>
      </c>
      <c r="H229" s="16">
        <v>21</v>
      </c>
      <c r="I229" s="16">
        <v>11</v>
      </c>
      <c r="J229" s="22" t="s">
        <v>268</v>
      </c>
      <c r="K229" s="22" t="s">
        <v>268</v>
      </c>
      <c r="L229" s="22" t="s">
        <v>268</v>
      </c>
      <c r="M229" s="16">
        <v>11</v>
      </c>
      <c r="N229" s="16">
        <v>10</v>
      </c>
      <c r="O229" s="22" t="s">
        <v>268</v>
      </c>
      <c r="P229" s="22" t="s">
        <v>268</v>
      </c>
      <c r="Q229" s="22" t="s">
        <v>268</v>
      </c>
      <c r="R229" s="16">
        <v>2</v>
      </c>
      <c r="S229" s="22" t="s">
        <v>268</v>
      </c>
      <c r="T229" s="22" t="s">
        <v>268</v>
      </c>
      <c r="U229" s="16">
        <v>1</v>
      </c>
      <c r="V229" s="16">
        <v>1</v>
      </c>
      <c r="W229" s="22" t="s">
        <v>268</v>
      </c>
      <c r="X229" s="16">
        <v>6</v>
      </c>
      <c r="Y229" s="16">
        <v>1</v>
      </c>
      <c r="Z229" s="16">
        <v>31</v>
      </c>
      <c r="AA229" s="22" t="s">
        <v>268</v>
      </c>
      <c r="AB229" s="16">
        <v>9</v>
      </c>
      <c r="AC229" s="22" t="s">
        <v>268</v>
      </c>
      <c r="AD229" s="22" t="s">
        <v>268</v>
      </c>
    </row>
    <row r="230" spans="1:30">
      <c r="A230" s="21" t="s">
        <v>240</v>
      </c>
      <c r="B230" s="21" t="s">
        <v>237</v>
      </c>
      <c r="C230" s="21" t="s">
        <v>265</v>
      </c>
      <c r="D230" s="21" t="s">
        <v>216</v>
      </c>
      <c r="E230" s="21" t="s">
        <v>632</v>
      </c>
      <c r="F230" s="21" t="s">
        <v>415</v>
      </c>
      <c r="G230" s="16">
        <v>37</v>
      </c>
      <c r="H230" s="16">
        <v>8</v>
      </c>
      <c r="I230" s="16">
        <v>7</v>
      </c>
      <c r="J230" s="22" t="s">
        <v>268</v>
      </c>
      <c r="K230" s="22" t="s">
        <v>268</v>
      </c>
      <c r="L230" s="22" t="s">
        <v>268</v>
      </c>
      <c r="M230" s="16">
        <v>7</v>
      </c>
      <c r="N230" s="16">
        <v>1</v>
      </c>
      <c r="O230" s="22" t="s">
        <v>268</v>
      </c>
      <c r="P230" s="22" t="s">
        <v>268</v>
      </c>
      <c r="Q230" s="22" t="s">
        <v>268</v>
      </c>
      <c r="R230" s="22" t="s">
        <v>268</v>
      </c>
      <c r="S230" s="22" t="s">
        <v>268</v>
      </c>
      <c r="T230" s="22" t="s">
        <v>268</v>
      </c>
      <c r="U230" s="22" t="s">
        <v>268</v>
      </c>
      <c r="V230" s="22" t="s">
        <v>268</v>
      </c>
      <c r="W230" s="22" t="s">
        <v>268</v>
      </c>
      <c r="X230" s="16">
        <v>1</v>
      </c>
      <c r="Y230" s="22" t="s">
        <v>268</v>
      </c>
      <c r="Z230" s="16">
        <v>29</v>
      </c>
      <c r="AA230" s="22" t="s">
        <v>268</v>
      </c>
      <c r="AB230" s="22" t="s">
        <v>268</v>
      </c>
      <c r="AC230" s="22" t="s">
        <v>268</v>
      </c>
      <c r="AD230" s="16">
        <v>29</v>
      </c>
    </row>
    <row r="231" spans="1:30">
      <c r="A231" s="21" t="s">
        <v>240</v>
      </c>
      <c r="B231" s="21" t="s">
        <v>237</v>
      </c>
      <c r="C231" s="21" t="s">
        <v>265</v>
      </c>
      <c r="D231" s="21" t="s">
        <v>216</v>
      </c>
      <c r="E231" s="21" t="s">
        <v>632</v>
      </c>
      <c r="F231" s="21" t="s">
        <v>416</v>
      </c>
      <c r="G231" s="16">
        <v>36</v>
      </c>
      <c r="H231" s="16">
        <v>18</v>
      </c>
      <c r="I231" s="16">
        <v>10</v>
      </c>
      <c r="J231" s="22" t="s">
        <v>268</v>
      </c>
      <c r="K231" s="22" t="s">
        <v>268</v>
      </c>
      <c r="L231" s="22" t="s">
        <v>268</v>
      </c>
      <c r="M231" s="16">
        <v>10</v>
      </c>
      <c r="N231" s="16">
        <v>8</v>
      </c>
      <c r="O231" s="22" t="s">
        <v>268</v>
      </c>
      <c r="P231" s="22" t="s">
        <v>268</v>
      </c>
      <c r="Q231" s="22" t="s">
        <v>268</v>
      </c>
      <c r="R231" s="16">
        <v>3</v>
      </c>
      <c r="S231" s="22" t="s">
        <v>268</v>
      </c>
      <c r="T231" s="22" t="s">
        <v>268</v>
      </c>
      <c r="U231" s="22" t="s">
        <v>268</v>
      </c>
      <c r="V231" s="16">
        <v>1</v>
      </c>
      <c r="W231" s="22" t="s">
        <v>268</v>
      </c>
      <c r="X231" s="16">
        <v>4</v>
      </c>
      <c r="Y231" s="22" t="s">
        <v>268</v>
      </c>
      <c r="Z231" s="16">
        <v>18</v>
      </c>
      <c r="AA231" s="22" t="s">
        <v>268</v>
      </c>
      <c r="AB231" s="16">
        <v>8</v>
      </c>
      <c r="AC231" s="22" t="s">
        <v>268</v>
      </c>
      <c r="AD231" s="16">
        <v>18</v>
      </c>
    </row>
    <row r="232" spans="1:30">
      <c r="A232" s="21" t="s">
        <v>240</v>
      </c>
      <c r="B232" s="21" t="s">
        <v>237</v>
      </c>
      <c r="C232" s="21" t="s">
        <v>265</v>
      </c>
      <c r="D232" s="21" t="s">
        <v>216</v>
      </c>
      <c r="E232" s="21" t="s">
        <v>632</v>
      </c>
      <c r="F232" s="21" t="s">
        <v>417</v>
      </c>
      <c r="G232" s="16">
        <v>29</v>
      </c>
      <c r="H232" s="16">
        <v>14</v>
      </c>
      <c r="I232" s="16">
        <v>9</v>
      </c>
      <c r="J232" s="22" t="s">
        <v>268</v>
      </c>
      <c r="K232" s="22" t="s">
        <v>268</v>
      </c>
      <c r="L232" s="22" t="s">
        <v>268</v>
      </c>
      <c r="M232" s="16">
        <v>9</v>
      </c>
      <c r="N232" s="16">
        <v>5</v>
      </c>
      <c r="O232" s="22" t="s">
        <v>268</v>
      </c>
      <c r="P232" s="16">
        <v>1</v>
      </c>
      <c r="Q232" s="22" t="s">
        <v>268</v>
      </c>
      <c r="R232" s="16">
        <v>2</v>
      </c>
      <c r="S232" s="22" t="s">
        <v>268</v>
      </c>
      <c r="T232" s="22" t="s">
        <v>268</v>
      </c>
      <c r="U232" s="22" t="s">
        <v>268</v>
      </c>
      <c r="V232" s="22" t="s">
        <v>268</v>
      </c>
      <c r="W232" s="22" t="s">
        <v>268</v>
      </c>
      <c r="X232" s="16">
        <v>2</v>
      </c>
      <c r="Y232" s="16">
        <v>1</v>
      </c>
      <c r="Z232" s="16">
        <v>14</v>
      </c>
      <c r="AA232" s="22" t="s">
        <v>268</v>
      </c>
      <c r="AB232" s="16">
        <v>3</v>
      </c>
      <c r="AC232" s="22" t="s">
        <v>268</v>
      </c>
      <c r="AD232" s="16">
        <v>14</v>
      </c>
    </row>
    <row r="233" spans="1:30">
      <c r="A233" s="21" t="s">
        <v>240</v>
      </c>
      <c r="B233" s="21" t="s">
        <v>237</v>
      </c>
      <c r="C233" s="21" t="s">
        <v>265</v>
      </c>
      <c r="D233" s="21" t="s">
        <v>216</v>
      </c>
      <c r="E233" s="21" t="s">
        <v>632</v>
      </c>
      <c r="F233" s="21" t="s">
        <v>418</v>
      </c>
      <c r="G233" s="16">
        <v>24</v>
      </c>
      <c r="H233" s="16">
        <v>8</v>
      </c>
      <c r="I233" s="16">
        <v>4</v>
      </c>
      <c r="J233" s="22" t="s">
        <v>268</v>
      </c>
      <c r="K233" s="22" t="s">
        <v>268</v>
      </c>
      <c r="L233" s="22" t="s">
        <v>268</v>
      </c>
      <c r="M233" s="16">
        <v>4</v>
      </c>
      <c r="N233" s="16">
        <v>4</v>
      </c>
      <c r="O233" s="22" t="s">
        <v>268</v>
      </c>
      <c r="P233" s="16">
        <v>1</v>
      </c>
      <c r="Q233" s="22" t="s">
        <v>268</v>
      </c>
      <c r="R233" s="22" t="s">
        <v>268</v>
      </c>
      <c r="S233" s="22" t="s">
        <v>268</v>
      </c>
      <c r="T233" s="22" t="s">
        <v>268</v>
      </c>
      <c r="U233" s="22" t="s">
        <v>268</v>
      </c>
      <c r="V233" s="22" t="s">
        <v>268</v>
      </c>
      <c r="W233" s="22" t="s">
        <v>268</v>
      </c>
      <c r="X233" s="16">
        <v>3</v>
      </c>
      <c r="Y233" s="16">
        <v>1</v>
      </c>
      <c r="Z233" s="16">
        <v>15</v>
      </c>
      <c r="AA233" s="22" t="s">
        <v>268</v>
      </c>
      <c r="AB233" s="16">
        <v>4</v>
      </c>
      <c r="AC233" s="22" t="s">
        <v>268</v>
      </c>
      <c r="AD233" s="16">
        <v>15</v>
      </c>
    </row>
    <row r="234" spans="1:30">
      <c r="A234" s="21" t="s">
        <v>240</v>
      </c>
      <c r="B234" s="21" t="s">
        <v>237</v>
      </c>
      <c r="C234" s="21" t="s">
        <v>265</v>
      </c>
      <c r="D234" s="21" t="s">
        <v>216</v>
      </c>
      <c r="E234" s="21" t="s">
        <v>632</v>
      </c>
      <c r="F234" s="21" t="s">
        <v>419</v>
      </c>
      <c r="G234" s="16">
        <v>23</v>
      </c>
      <c r="H234" s="16">
        <v>12</v>
      </c>
      <c r="I234" s="16">
        <v>5</v>
      </c>
      <c r="J234" s="22" t="s">
        <v>268</v>
      </c>
      <c r="K234" s="22" t="s">
        <v>268</v>
      </c>
      <c r="L234" s="22" t="s">
        <v>268</v>
      </c>
      <c r="M234" s="16">
        <v>5</v>
      </c>
      <c r="N234" s="16">
        <v>7</v>
      </c>
      <c r="O234" s="22" t="s">
        <v>268</v>
      </c>
      <c r="P234" s="16">
        <v>1</v>
      </c>
      <c r="Q234" s="22" t="s">
        <v>268</v>
      </c>
      <c r="R234" s="16">
        <v>1</v>
      </c>
      <c r="S234" s="22" t="s">
        <v>268</v>
      </c>
      <c r="T234" s="22" t="s">
        <v>268</v>
      </c>
      <c r="U234" s="22" t="s">
        <v>268</v>
      </c>
      <c r="V234" s="16">
        <v>1</v>
      </c>
      <c r="W234" s="22" t="s">
        <v>268</v>
      </c>
      <c r="X234" s="16">
        <v>4</v>
      </c>
      <c r="Y234" s="22" t="s">
        <v>268</v>
      </c>
      <c r="Z234" s="16">
        <v>11</v>
      </c>
      <c r="AA234" s="22" t="s">
        <v>268</v>
      </c>
      <c r="AB234" s="16">
        <v>5</v>
      </c>
      <c r="AC234" s="22" t="s">
        <v>268</v>
      </c>
      <c r="AD234" s="16">
        <v>11</v>
      </c>
    </row>
    <row r="235" spans="1:30">
      <c r="A235" s="21" t="s">
        <v>240</v>
      </c>
      <c r="B235" s="21" t="s">
        <v>237</v>
      </c>
      <c r="C235" s="21" t="s">
        <v>265</v>
      </c>
      <c r="D235" s="21" t="s">
        <v>216</v>
      </c>
      <c r="E235" s="21" t="s">
        <v>632</v>
      </c>
      <c r="F235" s="21" t="s">
        <v>420</v>
      </c>
      <c r="G235" s="16">
        <v>8</v>
      </c>
      <c r="H235" s="16">
        <v>6</v>
      </c>
      <c r="I235" s="16">
        <v>1</v>
      </c>
      <c r="J235" s="22" t="s">
        <v>268</v>
      </c>
      <c r="K235" s="22" t="s">
        <v>268</v>
      </c>
      <c r="L235" s="22" t="s">
        <v>268</v>
      </c>
      <c r="M235" s="16">
        <v>1</v>
      </c>
      <c r="N235" s="16">
        <v>5</v>
      </c>
      <c r="O235" s="22" t="s">
        <v>268</v>
      </c>
      <c r="P235" s="16">
        <v>2</v>
      </c>
      <c r="Q235" s="22" t="s">
        <v>268</v>
      </c>
      <c r="R235" s="16">
        <v>2</v>
      </c>
      <c r="S235" s="22" t="s">
        <v>268</v>
      </c>
      <c r="T235" s="22" t="s">
        <v>268</v>
      </c>
      <c r="U235" s="22" t="s">
        <v>268</v>
      </c>
      <c r="V235" s="22" t="s">
        <v>268</v>
      </c>
      <c r="W235" s="22" t="s">
        <v>268</v>
      </c>
      <c r="X235" s="16">
        <v>1</v>
      </c>
      <c r="Y235" s="22" t="s">
        <v>268</v>
      </c>
      <c r="Z235" s="16">
        <v>2</v>
      </c>
      <c r="AA235" s="22" t="s">
        <v>268</v>
      </c>
      <c r="AB235" s="16">
        <v>3</v>
      </c>
      <c r="AC235" s="22" t="s">
        <v>268</v>
      </c>
      <c r="AD235" s="16">
        <v>2</v>
      </c>
    </row>
    <row r="236" spans="1:30">
      <c r="A236" s="21" t="s">
        <v>240</v>
      </c>
      <c r="B236" s="21" t="s">
        <v>237</v>
      </c>
      <c r="C236" s="21" t="s">
        <v>265</v>
      </c>
      <c r="D236" s="21" t="s">
        <v>216</v>
      </c>
      <c r="E236" s="21" t="s">
        <v>632</v>
      </c>
      <c r="F236" s="21" t="s">
        <v>421</v>
      </c>
      <c r="G236" s="16">
        <v>3</v>
      </c>
      <c r="H236" s="16">
        <v>2</v>
      </c>
      <c r="I236" s="16">
        <v>1</v>
      </c>
      <c r="J236" s="22" t="s">
        <v>268</v>
      </c>
      <c r="K236" s="22" t="s">
        <v>268</v>
      </c>
      <c r="L236" s="22" t="s">
        <v>268</v>
      </c>
      <c r="M236" s="16">
        <v>1</v>
      </c>
      <c r="N236" s="16">
        <v>1</v>
      </c>
      <c r="O236" s="22" t="s">
        <v>268</v>
      </c>
      <c r="P236" s="16">
        <v>1</v>
      </c>
      <c r="Q236" s="22" t="s">
        <v>268</v>
      </c>
      <c r="R236" s="22" t="s">
        <v>268</v>
      </c>
      <c r="S236" s="22" t="s">
        <v>268</v>
      </c>
      <c r="T236" s="22" t="s">
        <v>268</v>
      </c>
      <c r="U236" s="22" t="s">
        <v>268</v>
      </c>
      <c r="V236" s="22" t="s">
        <v>268</v>
      </c>
      <c r="W236" s="22" t="s">
        <v>268</v>
      </c>
      <c r="X236" s="22" t="s">
        <v>268</v>
      </c>
      <c r="Y236" s="22" t="s">
        <v>268</v>
      </c>
      <c r="Z236" s="16">
        <v>1</v>
      </c>
      <c r="AA236" s="22" t="s">
        <v>268</v>
      </c>
      <c r="AB236" s="22" t="s">
        <v>268</v>
      </c>
      <c r="AC236" s="22" t="s">
        <v>268</v>
      </c>
      <c r="AD236" s="16">
        <v>1</v>
      </c>
    </row>
    <row r="237" spans="1:30">
      <c r="A237" s="21" t="s">
        <v>240</v>
      </c>
      <c r="B237" s="21" t="s">
        <v>237</v>
      </c>
      <c r="C237" s="21" t="s">
        <v>265</v>
      </c>
      <c r="D237" s="21" t="s">
        <v>216</v>
      </c>
      <c r="E237" s="21" t="s">
        <v>632</v>
      </c>
      <c r="F237" s="21" t="s">
        <v>422</v>
      </c>
      <c r="G237" s="22" t="s">
        <v>268</v>
      </c>
      <c r="H237" s="22" t="s">
        <v>268</v>
      </c>
      <c r="I237" s="22" t="s">
        <v>268</v>
      </c>
      <c r="J237" s="22" t="s">
        <v>268</v>
      </c>
      <c r="K237" s="22" t="s">
        <v>268</v>
      </c>
      <c r="L237" s="22" t="s">
        <v>268</v>
      </c>
      <c r="M237" s="22" t="s">
        <v>268</v>
      </c>
      <c r="N237" s="22" t="s">
        <v>268</v>
      </c>
      <c r="O237" s="22" t="s">
        <v>268</v>
      </c>
      <c r="P237" s="22" t="s">
        <v>268</v>
      </c>
      <c r="Q237" s="22" t="s">
        <v>268</v>
      </c>
      <c r="R237" s="22" t="s">
        <v>268</v>
      </c>
      <c r="S237" s="22" t="s">
        <v>268</v>
      </c>
      <c r="T237" s="22" t="s">
        <v>268</v>
      </c>
      <c r="U237" s="22" t="s">
        <v>268</v>
      </c>
      <c r="V237" s="22" t="s">
        <v>268</v>
      </c>
      <c r="W237" s="22" t="s">
        <v>268</v>
      </c>
      <c r="X237" s="22" t="s">
        <v>268</v>
      </c>
      <c r="Y237" s="22" t="s">
        <v>268</v>
      </c>
      <c r="Z237" s="22" t="s">
        <v>268</v>
      </c>
      <c r="AA237" s="22" t="s">
        <v>268</v>
      </c>
      <c r="AB237" s="22" t="s">
        <v>268</v>
      </c>
      <c r="AC237" s="22" t="s">
        <v>268</v>
      </c>
      <c r="AD237" s="22" t="s">
        <v>268</v>
      </c>
    </row>
    <row r="238" spans="1:30">
      <c r="A238" s="21" t="s">
        <v>240</v>
      </c>
      <c r="B238" s="21" t="s">
        <v>237</v>
      </c>
      <c r="C238" s="21" t="s">
        <v>265</v>
      </c>
      <c r="D238" s="21" t="s">
        <v>216</v>
      </c>
      <c r="E238" s="21" t="s">
        <v>632</v>
      </c>
      <c r="F238" s="21" t="s">
        <v>423</v>
      </c>
      <c r="G238" s="16">
        <v>601</v>
      </c>
      <c r="H238" s="22" t="s">
        <v>268</v>
      </c>
      <c r="I238" s="22" t="s">
        <v>268</v>
      </c>
      <c r="J238" s="22" t="s">
        <v>268</v>
      </c>
      <c r="K238" s="22" t="s">
        <v>268</v>
      </c>
      <c r="L238" s="22" t="s">
        <v>268</v>
      </c>
      <c r="M238" s="22" t="s">
        <v>268</v>
      </c>
      <c r="N238" s="22" t="s">
        <v>268</v>
      </c>
      <c r="O238" s="22" t="s">
        <v>268</v>
      </c>
      <c r="P238" s="22" t="s">
        <v>268</v>
      </c>
      <c r="Q238" s="22" t="s">
        <v>268</v>
      </c>
      <c r="R238" s="22" t="s">
        <v>268</v>
      </c>
      <c r="S238" s="22" t="s">
        <v>268</v>
      </c>
      <c r="T238" s="22" t="s">
        <v>268</v>
      </c>
      <c r="U238" s="22" t="s">
        <v>268</v>
      </c>
      <c r="V238" s="22" t="s">
        <v>268</v>
      </c>
      <c r="W238" s="22" t="s">
        <v>268</v>
      </c>
      <c r="X238" s="22" t="s">
        <v>268</v>
      </c>
      <c r="Y238" s="22" t="s">
        <v>268</v>
      </c>
      <c r="Z238" s="16">
        <v>496</v>
      </c>
      <c r="AA238" s="16">
        <v>105</v>
      </c>
      <c r="AB238" s="22" t="s">
        <v>268</v>
      </c>
      <c r="AC238" s="22" t="s">
        <v>268</v>
      </c>
      <c r="AD238" s="22" t="s">
        <v>268</v>
      </c>
    </row>
    <row r="239" spans="1:30">
      <c r="A239" s="21" t="s">
        <v>240</v>
      </c>
      <c r="B239" s="21" t="s">
        <v>237</v>
      </c>
      <c r="C239" s="21" t="s">
        <v>265</v>
      </c>
      <c r="D239" s="21" t="s">
        <v>216</v>
      </c>
      <c r="E239" s="21" t="s">
        <v>632</v>
      </c>
      <c r="F239" s="21" t="s">
        <v>386</v>
      </c>
      <c r="G239" s="22" t="s">
        <v>268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22" t="s">
        <v>268</v>
      </c>
      <c r="M239" s="22" t="s">
        <v>268</v>
      </c>
      <c r="N239" s="22" t="s">
        <v>268</v>
      </c>
      <c r="O239" s="22" t="s">
        <v>268</v>
      </c>
      <c r="P239" s="22" t="s">
        <v>268</v>
      </c>
      <c r="Q239" s="22" t="s">
        <v>268</v>
      </c>
      <c r="R239" s="22" t="s">
        <v>268</v>
      </c>
      <c r="S239" s="22" t="s">
        <v>268</v>
      </c>
      <c r="T239" s="22" t="s">
        <v>268</v>
      </c>
      <c r="U239" s="22" t="s">
        <v>268</v>
      </c>
      <c r="V239" s="22" t="s">
        <v>268</v>
      </c>
      <c r="W239" s="22" t="s">
        <v>268</v>
      </c>
      <c r="X239" s="22" t="s">
        <v>268</v>
      </c>
      <c r="Y239" s="22" t="s">
        <v>268</v>
      </c>
      <c r="Z239" s="22" t="s">
        <v>268</v>
      </c>
      <c r="AA239" s="22" t="s">
        <v>268</v>
      </c>
      <c r="AB239" s="22" t="s">
        <v>268</v>
      </c>
      <c r="AC239" s="22" t="s">
        <v>268</v>
      </c>
      <c r="AD239" s="22" t="s">
        <v>268</v>
      </c>
    </row>
    <row r="240" spans="1:30">
      <c r="A240" s="21" t="s">
        <v>240</v>
      </c>
      <c r="B240" s="21" t="s">
        <v>237</v>
      </c>
      <c r="C240" s="21" t="s">
        <v>265</v>
      </c>
      <c r="D240" s="21" t="s">
        <v>216</v>
      </c>
      <c r="E240" s="21" t="s">
        <v>632</v>
      </c>
      <c r="F240" s="21" t="s">
        <v>387</v>
      </c>
      <c r="G240" s="16">
        <v>569</v>
      </c>
      <c r="H240" s="16">
        <v>221</v>
      </c>
      <c r="I240" s="16">
        <v>169</v>
      </c>
      <c r="J240" s="22" t="s">
        <v>268</v>
      </c>
      <c r="K240" s="16">
        <v>1</v>
      </c>
      <c r="L240" s="16">
        <v>1</v>
      </c>
      <c r="M240" s="16">
        <v>167</v>
      </c>
      <c r="N240" s="16">
        <v>52</v>
      </c>
      <c r="O240" s="22" t="s">
        <v>268</v>
      </c>
      <c r="P240" s="22" t="s">
        <v>268</v>
      </c>
      <c r="Q240" s="22" t="s">
        <v>268</v>
      </c>
      <c r="R240" s="16">
        <v>3</v>
      </c>
      <c r="S240" s="16">
        <v>1</v>
      </c>
      <c r="T240" s="16">
        <v>5</v>
      </c>
      <c r="U240" s="16">
        <v>3</v>
      </c>
      <c r="V240" s="16">
        <v>3</v>
      </c>
      <c r="W240" s="22" t="s">
        <v>268</v>
      </c>
      <c r="X240" s="16">
        <v>37</v>
      </c>
      <c r="Y240" s="16">
        <v>11</v>
      </c>
      <c r="Z240" s="16">
        <v>337</v>
      </c>
      <c r="AA240" s="22" t="s">
        <v>268</v>
      </c>
      <c r="AB240" s="16">
        <v>47</v>
      </c>
      <c r="AC240" s="22" t="s">
        <v>268</v>
      </c>
      <c r="AD240" s="22" t="s">
        <v>268</v>
      </c>
    </row>
    <row r="241" spans="1:30">
      <c r="A241" s="21" t="s">
        <v>240</v>
      </c>
      <c r="B241" s="21" t="s">
        <v>237</v>
      </c>
      <c r="C241" s="21" t="s">
        <v>265</v>
      </c>
      <c r="D241" s="21" t="s">
        <v>216</v>
      </c>
      <c r="E241" s="21" t="s">
        <v>632</v>
      </c>
      <c r="F241" s="21" t="s">
        <v>388</v>
      </c>
      <c r="G241" s="16">
        <v>160</v>
      </c>
      <c r="H241" s="16">
        <v>68</v>
      </c>
      <c r="I241" s="16">
        <v>37</v>
      </c>
      <c r="J241" s="22" t="s">
        <v>268</v>
      </c>
      <c r="K241" s="22" t="s">
        <v>268</v>
      </c>
      <c r="L241" s="22" t="s">
        <v>268</v>
      </c>
      <c r="M241" s="16">
        <v>37</v>
      </c>
      <c r="N241" s="16">
        <v>31</v>
      </c>
      <c r="O241" s="22" t="s">
        <v>268</v>
      </c>
      <c r="P241" s="16">
        <v>6</v>
      </c>
      <c r="Q241" s="22" t="s">
        <v>268</v>
      </c>
      <c r="R241" s="16">
        <v>8</v>
      </c>
      <c r="S241" s="22" t="s">
        <v>268</v>
      </c>
      <c r="T241" s="22" t="s">
        <v>268</v>
      </c>
      <c r="U241" s="22" t="s">
        <v>268</v>
      </c>
      <c r="V241" s="16">
        <v>2</v>
      </c>
      <c r="W241" s="22" t="s">
        <v>268</v>
      </c>
      <c r="X241" s="16">
        <v>15</v>
      </c>
      <c r="Y241" s="16">
        <v>2</v>
      </c>
      <c r="Z241" s="16">
        <v>90</v>
      </c>
      <c r="AA241" s="22" t="s">
        <v>268</v>
      </c>
      <c r="AB241" s="16">
        <v>23</v>
      </c>
      <c r="AC241" s="22" t="s">
        <v>268</v>
      </c>
      <c r="AD241" s="16">
        <v>90</v>
      </c>
    </row>
    <row r="242" spans="1:30">
      <c r="A242" s="21" t="s">
        <v>240</v>
      </c>
      <c r="B242" s="21" t="s">
        <v>237</v>
      </c>
      <c r="C242" s="21" t="s">
        <v>265</v>
      </c>
      <c r="D242" s="21" t="s">
        <v>216</v>
      </c>
      <c r="E242" s="21" t="s">
        <v>632</v>
      </c>
      <c r="F242" s="21" t="s">
        <v>389</v>
      </c>
      <c r="G242" s="16">
        <v>87</v>
      </c>
      <c r="H242" s="16">
        <v>42</v>
      </c>
      <c r="I242" s="16">
        <v>20</v>
      </c>
      <c r="J242" s="22" t="s">
        <v>268</v>
      </c>
      <c r="K242" s="22" t="s">
        <v>268</v>
      </c>
      <c r="L242" s="22" t="s">
        <v>268</v>
      </c>
      <c r="M242" s="16">
        <v>20</v>
      </c>
      <c r="N242" s="16">
        <v>22</v>
      </c>
      <c r="O242" s="22" t="s">
        <v>268</v>
      </c>
      <c r="P242" s="16">
        <v>6</v>
      </c>
      <c r="Q242" s="22" t="s">
        <v>268</v>
      </c>
      <c r="R242" s="16">
        <v>5</v>
      </c>
      <c r="S242" s="22" t="s">
        <v>268</v>
      </c>
      <c r="T242" s="22" t="s">
        <v>268</v>
      </c>
      <c r="U242" s="22" t="s">
        <v>268</v>
      </c>
      <c r="V242" s="16">
        <v>1</v>
      </c>
      <c r="W242" s="22" t="s">
        <v>268</v>
      </c>
      <c r="X242" s="16">
        <v>10</v>
      </c>
      <c r="Y242" s="16">
        <v>2</v>
      </c>
      <c r="Z242" s="16">
        <v>43</v>
      </c>
      <c r="AA242" s="22" t="s">
        <v>268</v>
      </c>
      <c r="AB242" s="16">
        <v>15</v>
      </c>
      <c r="AC242" s="22" t="s">
        <v>268</v>
      </c>
      <c r="AD242" s="16">
        <v>43</v>
      </c>
    </row>
    <row r="243" spans="1:30">
      <c r="A243" s="21" t="s">
        <v>240</v>
      </c>
      <c r="B243" s="21" t="s">
        <v>237</v>
      </c>
      <c r="C243" s="21" t="s">
        <v>265</v>
      </c>
      <c r="D243" s="21" t="s">
        <v>216</v>
      </c>
      <c r="E243" s="21" t="s">
        <v>632</v>
      </c>
      <c r="F243" s="21" t="s">
        <v>390</v>
      </c>
      <c r="G243" s="16">
        <v>34</v>
      </c>
      <c r="H243" s="16">
        <v>20</v>
      </c>
      <c r="I243" s="16">
        <v>7</v>
      </c>
      <c r="J243" s="22" t="s">
        <v>268</v>
      </c>
      <c r="K243" s="22" t="s">
        <v>268</v>
      </c>
      <c r="L243" s="22" t="s">
        <v>268</v>
      </c>
      <c r="M243" s="16">
        <v>7</v>
      </c>
      <c r="N243" s="16">
        <v>13</v>
      </c>
      <c r="O243" s="22" t="s">
        <v>268</v>
      </c>
      <c r="P243" s="16">
        <v>4</v>
      </c>
      <c r="Q243" s="22" t="s">
        <v>268</v>
      </c>
      <c r="R243" s="16">
        <v>3</v>
      </c>
      <c r="S243" s="22" t="s">
        <v>268</v>
      </c>
      <c r="T243" s="22" t="s">
        <v>268</v>
      </c>
      <c r="U243" s="22" t="s">
        <v>268</v>
      </c>
      <c r="V243" s="16">
        <v>1</v>
      </c>
      <c r="W243" s="22" t="s">
        <v>268</v>
      </c>
      <c r="X243" s="16">
        <v>5</v>
      </c>
      <c r="Y243" s="22" t="s">
        <v>268</v>
      </c>
      <c r="Z243" s="16">
        <v>14</v>
      </c>
      <c r="AA243" s="22" t="s">
        <v>268</v>
      </c>
      <c r="AB243" s="16">
        <v>8</v>
      </c>
      <c r="AC243" s="22" t="s">
        <v>268</v>
      </c>
      <c r="AD243" s="16">
        <v>14</v>
      </c>
    </row>
    <row r="244" spans="1:30">
      <c r="A244" s="21" t="s">
        <v>240</v>
      </c>
      <c r="B244" s="21" t="s">
        <v>237</v>
      </c>
      <c r="C244" s="21" t="s">
        <v>265</v>
      </c>
      <c r="D244" s="21" t="s">
        <v>216</v>
      </c>
      <c r="E244" s="21" t="s">
        <v>632</v>
      </c>
      <c r="F244" s="21" t="s">
        <v>391</v>
      </c>
      <c r="G244" s="16">
        <v>603</v>
      </c>
      <c r="H244" s="16">
        <v>227</v>
      </c>
      <c r="I244" s="16">
        <v>176</v>
      </c>
      <c r="J244" s="22" t="s">
        <v>268</v>
      </c>
      <c r="K244" s="16">
        <v>1</v>
      </c>
      <c r="L244" s="16">
        <v>1</v>
      </c>
      <c r="M244" s="16">
        <v>174</v>
      </c>
      <c r="N244" s="16">
        <v>51</v>
      </c>
      <c r="O244" s="22" t="s">
        <v>268</v>
      </c>
      <c r="P244" s="22" t="s">
        <v>268</v>
      </c>
      <c r="Q244" s="22" t="s">
        <v>268</v>
      </c>
      <c r="R244" s="16">
        <v>3</v>
      </c>
      <c r="S244" s="16">
        <v>1</v>
      </c>
      <c r="T244" s="16">
        <v>5</v>
      </c>
      <c r="U244" s="16">
        <v>3</v>
      </c>
      <c r="V244" s="16">
        <v>3</v>
      </c>
      <c r="W244" s="22" t="s">
        <v>268</v>
      </c>
      <c r="X244" s="16">
        <v>36</v>
      </c>
      <c r="Y244" s="16">
        <v>11</v>
      </c>
      <c r="Z244" s="16">
        <v>365</v>
      </c>
      <c r="AA244" s="22" t="s">
        <v>268</v>
      </c>
      <c r="AB244" s="16">
        <v>45</v>
      </c>
      <c r="AC244" s="22" t="s">
        <v>268</v>
      </c>
      <c r="AD244" s="16">
        <v>29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309D239-B740-4806-939C-EF950C4D83DD}">
  <sheetPr>
    <pageSetUpPr fitToPage="1"/>
  </sheetPr>
  <dimension ref="A1:J151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16.125" style="20" bestFit="1" customWidth="1"/>
    <col min="5" max="5" width="20" style="20" bestFit="1" customWidth="1"/>
    <col min="6" max="16384" width="12.625" style="20"/>
  </cols>
  <sheetData>
    <row r="1" spans="1:10" s="11" customFormat="1">
      <c r="A1" s="11" t="s">
        <v>192</v>
      </c>
    </row>
    <row r="2" spans="1:10" s="11" customFormat="1">
      <c r="A2" s="11" t="s">
        <v>633</v>
      </c>
    </row>
    <row r="3" spans="1:10" s="11" customFormat="1"/>
    <row r="4" spans="1:10" s="11" customFormat="1" hidden="1"/>
    <row r="5" spans="1:10" s="11" customFormat="1"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</row>
    <row r="6" spans="1:10" s="11" customFormat="1" ht="24">
      <c r="F6" s="12" t="s">
        <v>634</v>
      </c>
      <c r="G6" s="12" t="s">
        <v>634</v>
      </c>
      <c r="H6" s="12" t="s">
        <v>634</v>
      </c>
      <c r="I6" s="12" t="s">
        <v>634</v>
      </c>
      <c r="J6" s="12" t="s">
        <v>634</v>
      </c>
    </row>
    <row r="7" spans="1:10" s="11" customFormat="1">
      <c r="F7" s="12">
        <v>1</v>
      </c>
      <c r="G7" s="12">
        <v>1</v>
      </c>
      <c r="H7" s="12">
        <v>1</v>
      </c>
      <c r="I7" s="12">
        <v>1</v>
      </c>
      <c r="J7" s="12">
        <v>1</v>
      </c>
    </row>
    <row r="8" spans="1:10" s="11" customFormat="1" ht="48">
      <c r="F8" s="12" t="s">
        <v>214</v>
      </c>
      <c r="G8" s="12" t="s">
        <v>635</v>
      </c>
      <c r="H8" s="12" t="s">
        <v>636</v>
      </c>
      <c r="I8" s="12" t="s">
        <v>637</v>
      </c>
      <c r="J8" s="12" t="s">
        <v>638</v>
      </c>
    </row>
    <row r="9" spans="1:10" s="11" customFormat="1"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</row>
    <row r="10" spans="1:10" s="11" customFormat="1">
      <c r="A10" s="14" t="s">
        <v>224</v>
      </c>
      <c r="B10" s="14" t="s">
        <v>259</v>
      </c>
      <c r="C10" s="14" t="s">
        <v>230</v>
      </c>
      <c r="D10" s="14" t="s">
        <v>639</v>
      </c>
      <c r="E10" s="14" t="s">
        <v>640</v>
      </c>
      <c r="F10" s="14" t="s">
        <v>231</v>
      </c>
      <c r="G10" s="14"/>
      <c r="H10" s="14"/>
      <c r="I10" s="14"/>
      <c r="J10" s="14"/>
    </row>
    <row r="11" spans="1:10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214</v>
      </c>
      <c r="F11" s="16">
        <v>28058120</v>
      </c>
      <c r="G11" s="16">
        <v>25108030</v>
      </c>
      <c r="H11" s="16">
        <v>2442420</v>
      </c>
      <c r="I11" s="16">
        <v>507670</v>
      </c>
      <c r="J11" s="16">
        <v>1951546</v>
      </c>
    </row>
    <row r="12" spans="1:10">
      <c r="A12" s="21" t="s">
        <v>232</v>
      </c>
      <c r="B12" s="21" t="s">
        <v>233</v>
      </c>
      <c r="C12" s="21" t="s">
        <v>262</v>
      </c>
      <c r="D12" s="21" t="s">
        <v>641</v>
      </c>
      <c r="E12" s="21" t="s">
        <v>214</v>
      </c>
      <c r="F12" s="16">
        <v>12121001</v>
      </c>
      <c r="G12" s="16">
        <v>11158840</v>
      </c>
      <c r="H12" s="16">
        <v>835040</v>
      </c>
      <c r="I12" s="16">
        <v>127121</v>
      </c>
      <c r="J12" s="16">
        <v>27119</v>
      </c>
    </row>
    <row r="13" spans="1:10">
      <c r="A13" s="21" t="s">
        <v>232</v>
      </c>
      <c r="B13" s="21" t="s">
        <v>233</v>
      </c>
      <c r="C13" s="21" t="s">
        <v>262</v>
      </c>
      <c r="D13" s="21" t="s">
        <v>642</v>
      </c>
      <c r="E13" s="21" t="s">
        <v>214</v>
      </c>
      <c r="F13" s="16">
        <v>15937119</v>
      </c>
      <c r="G13" s="16">
        <v>13949190</v>
      </c>
      <c r="H13" s="16">
        <v>1607380</v>
      </c>
      <c r="I13" s="16">
        <v>380549</v>
      </c>
      <c r="J13" s="16">
        <v>1924427</v>
      </c>
    </row>
    <row r="14" spans="1:10">
      <c r="A14" s="21" t="s">
        <v>232</v>
      </c>
      <c r="B14" s="21" t="s">
        <v>233</v>
      </c>
      <c r="C14" s="21" t="s">
        <v>262</v>
      </c>
      <c r="D14" s="21" t="s">
        <v>642</v>
      </c>
      <c r="E14" s="21" t="s">
        <v>643</v>
      </c>
      <c r="F14" s="16">
        <v>778266</v>
      </c>
      <c r="G14" s="16">
        <v>721974</v>
      </c>
      <c r="H14" s="16">
        <v>53616</v>
      </c>
      <c r="I14" s="16">
        <v>2676</v>
      </c>
      <c r="J14" s="16">
        <v>54167</v>
      </c>
    </row>
    <row r="15" spans="1:10">
      <c r="A15" s="21" t="s">
        <v>232</v>
      </c>
      <c r="B15" s="21" t="s">
        <v>233</v>
      </c>
      <c r="C15" s="21" t="s">
        <v>262</v>
      </c>
      <c r="D15" s="21" t="s">
        <v>642</v>
      </c>
      <c r="E15" s="21" t="s">
        <v>644</v>
      </c>
      <c r="F15" s="16">
        <v>1454892</v>
      </c>
      <c r="G15" s="16">
        <v>1344066</v>
      </c>
      <c r="H15" s="16">
        <v>105739</v>
      </c>
      <c r="I15" s="16">
        <v>5087</v>
      </c>
      <c r="J15" s="16">
        <v>106719</v>
      </c>
    </row>
    <row r="16" spans="1:10">
      <c r="A16" s="21" t="s">
        <v>232</v>
      </c>
      <c r="B16" s="21" t="s">
        <v>233</v>
      </c>
      <c r="C16" s="21" t="s">
        <v>262</v>
      </c>
      <c r="D16" s="21" t="s">
        <v>642</v>
      </c>
      <c r="E16" s="21" t="s">
        <v>645</v>
      </c>
      <c r="F16" s="16">
        <v>1625382</v>
      </c>
      <c r="G16" s="16">
        <v>1484605</v>
      </c>
      <c r="H16" s="16">
        <v>135095</v>
      </c>
      <c r="I16" s="16">
        <v>5682</v>
      </c>
      <c r="J16" s="16">
        <v>136202</v>
      </c>
    </row>
    <row r="17" spans="1:10">
      <c r="A17" s="21" t="s">
        <v>232</v>
      </c>
      <c r="B17" s="21" t="s">
        <v>233</v>
      </c>
      <c r="C17" s="21" t="s">
        <v>262</v>
      </c>
      <c r="D17" s="21" t="s">
        <v>642</v>
      </c>
      <c r="E17" s="21" t="s">
        <v>646</v>
      </c>
      <c r="F17" s="16">
        <v>1391051</v>
      </c>
      <c r="G17" s="16">
        <v>1251727</v>
      </c>
      <c r="H17" s="16">
        <v>134686</v>
      </c>
      <c r="I17" s="16">
        <v>4638</v>
      </c>
      <c r="J17" s="16">
        <v>135597</v>
      </c>
    </row>
    <row r="18" spans="1:10">
      <c r="A18" s="21" t="s">
        <v>232</v>
      </c>
      <c r="B18" s="21" t="s">
        <v>233</v>
      </c>
      <c r="C18" s="21" t="s">
        <v>262</v>
      </c>
      <c r="D18" s="21" t="s">
        <v>642</v>
      </c>
      <c r="E18" s="21" t="s">
        <v>647</v>
      </c>
      <c r="F18" s="16">
        <v>1322575</v>
      </c>
      <c r="G18" s="16">
        <v>1174445</v>
      </c>
      <c r="H18" s="16">
        <v>143507</v>
      </c>
      <c r="I18" s="16">
        <v>4623</v>
      </c>
      <c r="J18" s="16">
        <v>144538</v>
      </c>
    </row>
    <row r="19" spans="1:10">
      <c r="A19" s="21" t="s">
        <v>232</v>
      </c>
      <c r="B19" s="21" t="s">
        <v>233</v>
      </c>
      <c r="C19" s="21" t="s">
        <v>262</v>
      </c>
      <c r="D19" s="21" t="s">
        <v>642</v>
      </c>
      <c r="E19" s="21" t="s">
        <v>648</v>
      </c>
      <c r="F19" s="16">
        <v>1263206</v>
      </c>
      <c r="G19" s="16">
        <v>1104710</v>
      </c>
      <c r="H19" s="16">
        <v>153634</v>
      </c>
      <c r="I19" s="16">
        <v>4862</v>
      </c>
      <c r="J19" s="16">
        <v>154933</v>
      </c>
    </row>
    <row r="20" spans="1:10">
      <c r="A20" s="21" t="s">
        <v>232</v>
      </c>
      <c r="B20" s="21" t="s">
        <v>233</v>
      </c>
      <c r="C20" s="21" t="s">
        <v>262</v>
      </c>
      <c r="D20" s="21" t="s">
        <v>642</v>
      </c>
      <c r="E20" s="21" t="s">
        <v>649</v>
      </c>
      <c r="F20" s="16">
        <v>1206827</v>
      </c>
      <c r="G20" s="16">
        <v>1040117</v>
      </c>
      <c r="H20" s="16">
        <v>160998</v>
      </c>
      <c r="I20" s="16">
        <v>5712</v>
      </c>
      <c r="J20" s="16">
        <v>163012</v>
      </c>
    </row>
    <row r="21" spans="1:10">
      <c r="A21" s="21" t="s">
        <v>232</v>
      </c>
      <c r="B21" s="21" t="s">
        <v>233</v>
      </c>
      <c r="C21" s="21" t="s">
        <v>262</v>
      </c>
      <c r="D21" s="21" t="s">
        <v>642</v>
      </c>
      <c r="E21" s="21" t="s">
        <v>650</v>
      </c>
      <c r="F21" s="16">
        <v>6894920</v>
      </c>
      <c r="G21" s="16">
        <v>5827546</v>
      </c>
      <c r="H21" s="16">
        <v>720105</v>
      </c>
      <c r="I21" s="16">
        <v>347269</v>
      </c>
      <c r="J21" s="16">
        <v>1029259</v>
      </c>
    </row>
    <row r="22" spans="1:10">
      <c r="A22" s="21" t="s">
        <v>232</v>
      </c>
      <c r="B22" s="21" t="s">
        <v>233</v>
      </c>
      <c r="C22" s="21" t="s">
        <v>262</v>
      </c>
      <c r="D22" s="21" t="s">
        <v>651</v>
      </c>
      <c r="E22" s="21" t="s">
        <v>214</v>
      </c>
      <c r="F22" s="16">
        <v>8053208</v>
      </c>
      <c r="G22" s="16">
        <v>7023501</v>
      </c>
      <c r="H22" s="16">
        <v>741274</v>
      </c>
      <c r="I22" s="16">
        <v>288433</v>
      </c>
      <c r="J22" s="16">
        <v>990352</v>
      </c>
    </row>
    <row r="23" spans="1:10">
      <c r="A23" s="21" t="s">
        <v>232</v>
      </c>
      <c r="B23" s="21" t="s">
        <v>233</v>
      </c>
      <c r="C23" s="21" t="s">
        <v>262</v>
      </c>
      <c r="D23" s="21" t="s">
        <v>651</v>
      </c>
      <c r="E23" s="21" t="s">
        <v>643</v>
      </c>
      <c r="F23" s="16">
        <v>360911</v>
      </c>
      <c r="G23" s="16">
        <v>338426</v>
      </c>
      <c r="H23" s="16">
        <v>21246</v>
      </c>
      <c r="I23" s="16">
        <v>1239</v>
      </c>
      <c r="J23" s="16">
        <v>21445</v>
      </c>
    </row>
    <row r="24" spans="1:10">
      <c r="A24" s="21" t="s">
        <v>232</v>
      </c>
      <c r="B24" s="21" t="s">
        <v>233</v>
      </c>
      <c r="C24" s="21" t="s">
        <v>262</v>
      </c>
      <c r="D24" s="21" t="s">
        <v>651</v>
      </c>
      <c r="E24" s="21" t="s">
        <v>644</v>
      </c>
      <c r="F24" s="16">
        <v>624233</v>
      </c>
      <c r="G24" s="16">
        <v>583794</v>
      </c>
      <c r="H24" s="16">
        <v>38139</v>
      </c>
      <c r="I24" s="16">
        <v>2300</v>
      </c>
      <c r="J24" s="16">
        <v>38466</v>
      </c>
    </row>
    <row r="25" spans="1:10">
      <c r="A25" s="21" t="s">
        <v>232</v>
      </c>
      <c r="B25" s="21" t="s">
        <v>233</v>
      </c>
      <c r="C25" s="21" t="s">
        <v>262</v>
      </c>
      <c r="D25" s="21" t="s">
        <v>651</v>
      </c>
      <c r="E25" s="21" t="s">
        <v>645</v>
      </c>
      <c r="F25" s="16">
        <v>516639</v>
      </c>
      <c r="G25" s="16">
        <v>478361</v>
      </c>
      <c r="H25" s="16">
        <v>36077</v>
      </c>
      <c r="I25" s="16">
        <v>2201</v>
      </c>
      <c r="J25" s="16">
        <v>36293</v>
      </c>
    </row>
    <row r="26" spans="1:10">
      <c r="A26" s="21" t="s">
        <v>232</v>
      </c>
      <c r="B26" s="21" t="s">
        <v>233</v>
      </c>
      <c r="C26" s="21" t="s">
        <v>262</v>
      </c>
      <c r="D26" s="21" t="s">
        <v>651</v>
      </c>
      <c r="E26" s="21" t="s">
        <v>646</v>
      </c>
      <c r="F26" s="16">
        <v>364198</v>
      </c>
      <c r="G26" s="16">
        <v>331965</v>
      </c>
      <c r="H26" s="16">
        <v>30587</v>
      </c>
      <c r="I26" s="16">
        <v>1646</v>
      </c>
      <c r="J26" s="16">
        <v>30729</v>
      </c>
    </row>
    <row r="27" spans="1:10">
      <c r="A27" s="21" t="s">
        <v>232</v>
      </c>
      <c r="B27" s="21" t="s">
        <v>233</v>
      </c>
      <c r="C27" s="21" t="s">
        <v>262</v>
      </c>
      <c r="D27" s="21" t="s">
        <v>651</v>
      </c>
      <c r="E27" s="21" t="s">
        <v>647</v>
      </c>
      <c r="F27" s="16">
        <v>343338</v>
      </c>
      <c r="G27" s="16">
        <v>309611</v>
      </c>
      <c r="H27" s="16">
        <v>32281</v>
      </c>
      <c r="I27" s="16">
        <v>1446</v>
      </c>
      <c r="J27" s="16">
        <v>32384</v>
      </c>
    </row>
    <row r="28" spans="1:10">
      <c r="A28" s="21" t="s">
        <v>232</v>
      </c>
      <c r="B28" s="21" t="s">
        <v>233</v>
      </c>
      <c r="C28" s="21" t="s">
        <v>262</v>
      </c>
      <c r="D28" s="21" t="s">
        <v>651</v>
      </c>
      <c r="E28" s="21" t="s">
        <v>648</v>
      </c>
      <c r="F28" s="16">
        <v>357843</v>
      </c>
      <c r="G28" s="16">
        <v>316385</v>
      </c>
      <c r="H28" s="16">
        <v>39861</v>
      </c>
      <c r="I28" s="16">
        <v>1597</v>
      </c>
      <c r="J28" s="16">
        <v>39979</v>
      </c>
    </row>
    <row r="29" spans="1:10">
      <c r="A29" s="21" t="s">
        <v>232</v>
      </c>
      <c r="B29" s="21" t="s">
        <v>233</v>
      </c>
      <c r="C29" s="21" t="s">
        <v>262</v>
      </c>
      <c r="D29" s="21" t="s">
        <v>651</v>
      </c>
      <c r="E29" s="21" t="s">
        <v>649</v>
      </c>
      <c r="F29" s="16">
        <v>459955</v>
      </c>
      <c r="G29" s="16">
        <v>397143</v>
      </c>
      <c r="H29" s="16">
        <v>60893</v>
      </c>
      <c r="I29" s="16">
        <v>1919</v>
      </c>
      <c r="J29" s="16">
        <v>61072</v>
      </c>
    </row>
    <row r="30" spans="1:10">
      <c r="A30" s="21" t="s">
        <v>232</v>
      </c>
      <c r="B30" s="21" t="s">
        <v>233</v>
      </c>
      <c r="C30" s="21" t="s">
        <v>262</v>
      </c>
      <c r="D30" s="21" t="s">
        <v>651</v>
      </c>
      <c r="E30" s="21" t="s">
        <v>650</v>
      </c>
      <c r="F30" s="16">
        <v>5026091</v>
      </c>
      <c r="G30" s="16">
        <v>4267816</v>
      </c>
      <c r="H30" s="16">
        <v>482190</v>
      </c>
      <c r="I30" s="16">
        <v>276085</v>
      </c>
      <c r="J30" s="16">
        <v>729984</v>
      </c>
    </row>
    <row r="31" spans="1:10">
      <c r="A31" s="21" t="s">
        <v>232</v>
      </c>
      <c r="B31" s="21" t="s">
        <v>233</v>
      </c>
      <c r="C31" s="21" t="s">
        <v>262</v>
      </c>
      <c r="D31" s="21" t="s">
        <v>652</v>
      </c>
      <c r="E31" s="21" t="s">
        <v>214</v>
      </c>
      <c r="F31" s="16">
        <v>6029774</v>
      </c>
      <c r="G31" s="16">
        <v>5332151</v>
      </c>
      <c r="H31" s="16">
        <v>621543</v>
      </c>
      <c r="I31" s="16">
        <v>76080</v>
      </c>
      <c r="J31" s="16">
        <v>679563</v>
      </c>
    </row>
    <row r="32" spans="1:10">
      <c r="A32" s="21" t="s">
        <v>232</v>
      </c>
      <c r="B32" s="21" t="s">
        <v>233</v>
      </c>
      <c r="C32" s="21" t="s">
        <v>262</v>
      </c>
      <c r="D32" s="21" t="s">
        <v>652</v>
      </c>
      <c r="E32" s="21" t="s">
        <v>643</v>
      </c>
      <c r="F32" s="16">
        <v>289556</v>
      </c>
      <c r="G32" s="16">
        <v>269003</v>
      </c>
      <c r="H32" s="16">
        <v>19673</v>
      </c>
      <c r="I32" s="16">
        <v>880</v>
      </c>
      <c r="J32" s="16">
        <v>19874</v>
      </c>
    </row>
    <row r="33" spans="1:10">
      <c r="A33" s="21" t="s">
        <v>232</v>
      </c>
      <c r="B33" s="21" t="s">
        <v>233</v>
      </c>
      <c r="C33" s="21" t="s">
        <v>262</v>
      </c>
      <c r="D33" s="21" t="s">
        <v>652</v>
      </c>
      <c r="E33" s="21" t="s">
        <v>644</v>
      </c>
      <c r="F33" s="16">
        <v>576909</v>
      </c>
      <c r="G33" s="16">
        <v>533808</v>
      </c>
      <c r="H33" s="16">
        <v>41407</v>
      </c>
      <c r="I33" s="16">
        <v>1694</v>
      </c>
      <c r="J33" s="16">
        <v>41773</v>
      </c>
    </row>
    <row r="34" spans="1:10">
      <c r="A34" s="21" t="s">
        <v>232</v>
      </c>
      <c r="B34" s="21" t="s">
        <v>233</v>
      </c>
      <c r="C34" s="21" t="s">
        <v>262</v>
      </c>
      <c r="D34" s="21" t="s">
        <v>652</v>
      </c>
      <c r="E34" s="21" t="s">
        <v>645</v>
      </c>
      <c r="F34" s="16">
        <v>759106</v>
      </c>
      <c r="G34" s="16">
        <v>697768</v>
      </c>
      <c r="H34" s="16">
        <v>59229</v>
      </c>
      <c r="I34" s="16">
        <v>2109</v>
      </c>
      <c r="J34" s="16">
        <v>59700</v>
      </c>
    </row>
    <row r="35" spans="1:10">
      <c r="A35" s="21" t="s">
        <v>232</v>
      </c>
      <c r="B35" s="21" t="s">
        <v>233</v>
      </c>
      <c r="C35" s="21" t="s">
        <v>262</v>
      </c>
      <c r="D35" s="21" t="s">
        <v>652</v>
      </c>
      <c r="E35" s="21" t="s">
        <v>646</v>
      </c>
      <c r="F35" s="16">
        <v>705185</v>
      </c>
      <c r="G35" s="16">
        <v>640369</v>
      </c>
      <c r="H35" s="16">
        <v>63039</v>
      </c>
      <c r="I35" s="16">
        <v>1777</v>
      </c>
      <c r="J35" s="16">
        <v>63388</v>
      </c>
    </row>
    <row r="36" spans="1:10">
      <c r="A36" s="21" t="s">
        <v>232</v>
      </c>
      <c r="B36" s="21" t="s">
        <v>233</v>
      </c>
      <c r="C36" s="21" t="s">
        <v>262</v>
      </c>
      <c r="D36" s="21" t="s">
        <v>652</v>
      </c>
      <c r="E36" s="21" t="s">
        <v>647</v>
      </c>
      <c r="F36" s="16">
        <v>698042</v>
      </c>
      <c r="G36" s="16">
        <v>624705</v>
      </c>
      <c r="H36" s="16">
        <v>71498</v>
      </c>
      <c r="I36" s="16">
        <v>1839</v>
      </c>
      <c r="J36" s="16">
        <v>71871</v>
      </c>
    </row>
    <row r="37" spans="1:10">
      <c r="A37" s="21" t="s">
        <v>232</v>
      </c>
      <c r="B37" s="21" t="s">
        <v>233</v>
      </c>
      <c r="C37" s="21" t="s">
        <v>262</v>
      </c>
      <c r="D37" s="21" t="s">
        <v>652</v>
      </c>
      <c r="E37" s="21" t="s">
        <v>648</v>
      </c>
      <c r="F37" s="16">
        <v>698878</v>
      </c>
      <c r="G37" s="16">
        <v>614959</v>
      </c>
      <c r="H37" s="16">
        <v>81890</v>
      </c>
      <c r="I37" s="16">
        <v>2029</v>
      </c>
      <c r="J37" s="16">
        <v>82402</v>
      </c>
    </row>
    <row r="38" spans="1:10">
      <c r="A38" s="21" t="s">
        <v>232</v>
      </c>
      <c r="B38" s="21" t="s">
        <v>233</v>
      </c>
      <c r="C38" s="21" t="s">
        <v>262</v>
      </c>
      <c r="D38" s="21" t="s">
        <v>652</v>
      </c>
      <c r="E38" s="21" t="s">
        <v>649</v>
      </c>
      <c r="F38" s="16">
        <v>619444</v>
      </c>
      <c r="G38" s="16">
        <v>537963</v>
      </c>
      <c r="H38" s="16">
        <v>78947</v>
      </c>
      <c r="I38" s="16">
        <v>2534</v>
      </c>
      <c r="J38" s="16">
        <v>79965</v>
      </c>
    </row>
    <row r="39" spans="1:10">
      <c r="A39" s="21" t="s">
        <v>232</v>
      </c>
      <c r="B39" s="21" t="s">
        <v>233</v>
      </c>
      <c r="C39" s="21" t="s">
        <v>262</v>
      </c>
      <c r="D39" s="21" t="s">
        <v>652</v>
      </c>
      <c r="E39" s="21" t="s">
        <v>650</v>
      </c>
      <c r="F39" s="16">
        <v>1682654</v>
      </c>
      <c r="G39" s="16">
        <v>1413576</v>
      </c>
      <c r="H39" s="16">
        <v>205860</v>
      </c>
      <c r="I39" s="16">
        <v>63218</v>
      </c>
      <c r="J39" s="16">
        <v>260590</v>
      </c>
    </row>
    <row r="40" spans="1:10">
      <c r="A40" s="21" t="s">
        <v>232</v>
      </c>
      <c r="B40" s="21" t="s">
        <v>233</v>
      </c>
      <c r="C40" s="21" t="s">
        <v>262</v>
      </c>
      <c r="D40" s="21" t="s">
        <v>653</v>
      </c>
      <c r="E40" s="21" t="s">
        <v>214</v>
      </c>
      <c r="F40" s="16">
        <v>1591294</v>
      </c>
      <c r="G40" s="16">
        <v>1368974</v>
      </c>
      <c r="H40" s="16">
        <v>209049</v>
      </c>
      <c r="I40" s="16">
        <v>13271</v>
      </c>
      <c r="J40" s="16">
        <v>217464</v>
      </c>
    </row>
    <row r="41" spans="1:10">
      <c r="A41" s="21" t="s">
        <v>232</v>
      </c>
      <c r="B41" s="21" t="s">
        <v>233</v>
      </c>
      <c r="C41" s="21" t="s">
        <v>262</v>
      </c>
      <c r="D41" s="21" t="s">
        <v>653</v>
      </c>
      <c r="E41" s="21" t="s">
        <v>643</v>
      </c>
      <c r="F41" s="16">
        <v>100695</v>
      </c>
      <c r="G41" s="16">
        <v>90665</v>
      </c>
      <c r="H41" s="16">
        <v>9644</v>
      </c>
      <c r="I41" s="16">
        <v>386</v>
      </c>
      <c r="J41" s="16">
        <v>9752</v>
      </c>
    </row>
    <row r="42" spans="1:10">
      <c r="A42" s="21" t="s">
        <v>232</v>
      </c>
      <c r="B42" s="21" t="s">
        <v>233</v>
      </c>
      <c r="C42" s="21" t="s">
        <v>262</v>
      </c>
      <c r="D42" s="21" t="s">
        <v>653</v>
      </c>
      <c r="E42" s="21" t="s">
        <v>644</v>
      </c>
      <c r="F42" s="16">
        <v>203514</v>
      </c>
      <c r="G42" s="16">
        <v>182485</v>
      </c>
      <c r="H42" s="16">
        <v>20258</v>
      </c>
      <c r="I42" s="16">
        <v>771</v>
      </c>
      <c r="J42" s="16">
        <v>20453</v>
      </c>
    </row>
    <row r="43" spans="1:10">
      <c r="A43" s="21" t="s">
        <v>232</v>
      </c>
      <c r="B43" s="21" t="s">
        <v>233</v>
      </c>
      <c r="C43" s="21" t="s">
        <v>262</v>
      </c>
      <c r="D43" s="21" t="s">
        <v>653</v>
      </c>
      <c r="E43" s="21" t="s">
        <v>645</v>
      </c>
      <c r="F43" s="16">
        <v>288004</v>
      </c>
      <c r="G43" s="16">
        <v>255112</v>
      </c>
      <c r="H43" s="16">
        <v>31897</v>
      </c>
      <c r="I43" s="16">
        <v>995</v>
      </c>
      <c r="J43" s="16">
        <v>32180</v>
      </c>
    </row>
    <row r="44" spans="1:10">
      <c r="A44" s="21" t="s">
        <v>232</v>
      </c>
      <c r="B44" s="21" t="s">
        <v>233</v>
      </c>
      <c r="C44" s="21" t="s">
        <v>262</v>
      </c>
      <c r="D44" s="21" t="s">
        <v>653</v>
      </c>
      <c r="E44" s="21" t="s">
        <v>646</v>
      </c>
      <c r="F44" s="16">
        <v>271548</v>
      </c>
      <c r="G44" s="16">
        <v>236803</v>
      </c>
      <c r="H44" s="16">
        <v>33893</v>
      </c>
      <c r="I44" s="16">
        <v>852</v>
      </c>
      <c r="J44" s="16">
        <v>34160</v>
      </c>
    </row>
    <row r="45" spans="1:10">
      <c r="A45" s="21" t="s">
        <v>232</v>
      </c>
      <c r="B45" s="21" t="s">
        <v>233</v>
      </c>
      <c r="C45" s="21" t="s">
        <v>262</v>
      </c>
      <c r="D45" s="21" t="s">
        <v>653</v>
      </c>
      <c r="E45" s="21" t="s">
        <v>647</v>
      </c>
      <c r="F45" s="16">
        <v>246138</v>
      </c>
      <c r="G45" s="16">
        <v>210698</v>
      </c>
      <c r="H45" s="16">
        <v>34468</v>
      </c>
      <c r="I45" s="16">
        <v>972</v>
      </c>
      <c r="J45" s="16">
        <v>34837</v>
      </c>
    </row>
    <row r="46" spans="1:10">
      <c r="A46" s="21" t="s">
        <v>232</v>
      </c>
      <c r="B46" s="21" t="s">
        <v>233</v>
      </c>
      <c r="C46" s="21" t="s">
        <v>262</v>
      </c>
      <c r="D46" s="21" t="s">
        <v>653</v>
      </c>
      <c r="E46" s="21" t="s">
        <v>648</v>
      </c>
      <c r="F46" s="16">
        <v>187721</v>
      </c>
      <c r="G46" s="16">
        <v>157905</v>
      </c>
      <c r="H46" s="16">
        <v>28853</v>
      </c>
      <c r="I46" s="16">
        <v>963</v>
      </c>
      <c r="J46" s="16">
        <v>29331</v>
      </c>
    </row>
    <row r="47" spans="1:10">
      <c r="A47" s="21" t="s">
        <v>232</v>
      </c>
      <c r="B47" s="21" t="s">
        <v>233</v>
      </c>
      <c r="C47" s="21" t="s">
        <v>262</v>
      </c>
      <c r="D47" s="21" t="s">
        <v>653</v>
      </c>
      <c r="E47" s="21" t="s">
        <v>649</v>
      </c>
      <c r="F47" s="16">
        <v>118002</v>
      </c>
      <c r="G47" s="16">
        <v>97410</v>
      </c>
      <c r="H47" s="16">
        <v>19566</v>
      </c>
      <c r="I47" s="16">
        <v>1026</v>
      </c>
      <c r="J47" s="16">
        <v>20201</v>
      </c>
    </row>
    <row r="48" spans="1:10">
      <c r="A48" s="21" t="s">
        <v>232</v>
      </c>
      <c r="B48" s="21" t="s">
        <v>233</v>
      </c>
      <c r="C48" s="21" t="s">
        <v>262</v>
      </c>
      <c r="D48" s="21" t="s">
        <v>653</v>
      </c>
      <c r="E48" s="21" t="s">
        <v>650</v>
      </c>
      <c r="F48" s="16">
        <v>175672</v>
      </c>
      <c r="G48" s="16">
        <v>137896</v>
      </c>
      <c r="H48" s="16">
        <v>30470</v>
      </c>
      <c r="I48" s="16">
        <v>7306</v>
      </c>
      <c r="J48" s="16">
        <v>36550</v>
      </c>
    </row>
    <row r="49" spans="1:10">
      <c r="A49" s="21" t="s">
        <v>232</v>
      </c>
      <c r="B49" s="21" t="s">
        <v>233</v>
      </c>
      <c r="C49" s="21" t="s">
        <v>262</v>
      </c>
      <c r="D49" s="21" t="s">
        <v>654</v>
      </c>
      <c r="E49" s="21" t="s">
        <v>214</v>
      </c>
      <c r="F49" s="16">
        <v>262843</v>
      </c>
      <c r="G49" s="16">
        <v>224564</v>
      </c>
      <c r="H49" s="16">
        <v>35514</v>
      </c>
      <c r="I49" s="16">
        <v>2765</v>
      </c>
      <c r="J49" s="16">
        <v>37048</v>
      </c>
    </row>
    <row r="50" spans="1:10">
      <c r="A50" s="21" t="s">
        <v>232</v>
      </c>
      <c r="B50" s="21" t="s">
        <v>233</v>
      </c>
      <c r="C50" s="21" t="s">
        <v>262</v>
      </c>
      <c r="D50" s="21" t="s">
        <v>654</v>
      </c>
      <c r="E50" s="21" t="s">
        <v>643</v>
      </c>
      <c r="F50" s="16">
        <v>27104</v>
      </c>
      <c r="G50" s="16">
        <v>23880</v>
      </c>
      <c r="H50" s="16">
        <v>3053</v>
      </c>
      <c r="I50" s="16">
        <v>171</v>
      </c>
      <c r="J50" s="16">
        <v>3096</v>
      </c>
    </row>
    <row r="51" spans="1:10">
      <c r="A51" s="21" t="s">
        <v>232</v>
      </c>
      <c r="B51" s="21" t="s">
        <v>233</v>
      </c>
      <c r="C51" s="21" t="s">
        <v>262</v>
      </c>
      <c r="D51" s="21" t="s">
        <v>654</v>
      </c>
      <c r="E51" s="21" t="s">
        <v>644</v>
      </c>
      <c r="F51" s="16">
        <v>50236</v>
      </c>
      <c r="G51" s="16">
        <v>43979</v>
      </c>
      <c r="H51" s="16">
        <v>5935</v>
      </c>
      <c r="I51" s="16">
        <v>322</v>
      </c>
      <c r="J51" s="16">
        <v>6027</v>
      </c>
    </row>
    <row r="52" spans="1:10">
      <c r="A52" s="21" t="s">
        <v>232</v>
      </c>
      <c r="B52" s="21" t="s">
        <v>233</v>
      </c>
      <c r="C52" s="21" t="s">
        <v>262</v>
      </c>
      <c r="D52" s="21" t="s">
        <v>654</v>
      </c>
      <c r="E52" s="21" t="s">
        <v>645</v>
      </c>
      <c r="F52" s="16">
        <v>61633</v>
      </c>
      <c r="G52" s="16">
        <v>53364</v>
      </c>
      <c r="H52" s="16">
        <v>7892</v>
      </c>
      <c r="I52" s="16">
        <v>377</v>
      </c>
      <c r="J52" s="16">
        <v>8029</v>
      </c>
    </row>
    <row r="53" spans="1:10">
      <c r="A53" s="21" t="s">
        <v>232</v>
      </c>
      <c r="B53" s="21" t="s">
        <v>233</v>
      </c>
      <c r="C53" s="21" t="s">
        <v>262</v>
      </c>
      <c r="D53" s="21" t="s">
        <v>654</v>
      </c>
      <c r="E53" s="21" t="s">
        <v>646</v>
      </c>
      <c r="F53" s="16">
        <v>50120</v>
      </c>
      <c r="G53" s="16">
        <v>42590</v>
      </c>
      <c r="H53" s="16">
        <v>7167</v>
      </c>
      <c r="I53" s="16">
        <v>363</v>
      </c>
      <c r="J53" s="16">
        <v>7320</v>
      </c>
    </row>
    <row r="54" spans="1:10">
      <c r="A54" s="21" t="s">
        <v>232</v>
      </c>
      <c r="B54" s="21" t="s">
        <v>233</v>
      </c>
      <c r="C54" s="21" t="s">
        <v>262</v>
      </c>
      <c r="D54" s="21" t="s">
        <v>654</v>
      </c>
      <c r="E54" s="21" t="s">
        <v>647</v>
      </c>
      <c r="F54" s="16">
        <v>35057</v>
      </c>
      <c r="G54" s="16">
        <v>29431</v>
      </c>
      <c r="H54" s="16">
        <v>5260</v>
      </c>
      <c r="I54" s="16">
        <v>366</v>
      </c>
      <c r="J54" s="16">
        <v>5446</v>
      </c>
    </row>
    <row r="55" spans="1:10">
      <c r="A55" s="21" t="s">
        <v>232</v>
      </c>
      <c r="B55" s="21" t="s">
        <v>233</v>
      </c>
      <c r="C55" s="21" t="s">
        <v>262</v>
      </c>
      <c r="D55" s="21" t="s">
        <v>654</v>
      </c>
      <c r="E55" s="21" t="s">
        <v>648</v>
      </c>
      <c r="F55" s="16">
        <v>18764</v>
      </c>
      <c r="G55" s="16">
        <v>15461</v>
      </c>
      <c r="H55" s="16">
        <v>3030</v>
      </c>
      <c r="I55" s="16">
        <v>273</v>
      </c>
      <c r="J55" s="16">
        <v>3221</v>
      </c>
    </row>
    <row r="56" spans="1:10">
      <c r="A56" s="21" t="s">
        <v>232</v>
      </c>
      <c r="B56" s="21" t="s">
        <v>233</v>
      </c>
      <c r="C56" s="21" t="s">
        <v>262</v>
      </c>
      <c r="D56" s="21" t="s">
        <v>654</v>
      </c>
      <c r="E56" s="21" t="s">
        <v>649</v>
      </c>
      <c r="F56" s="16">
        <v>9426</v>
      </c>
      <c r="G56" s="16">
        <v>7601</v>
      </c>
      <c r="H56" s="16">
        <v>1592</v>
      </c>
      <c r="I56" s="16">
        <v>233</v>
      </c>
      <c r="J56" s="16">
        <v>1774</v>
      </c>
    </row>
    <row r="57" spans="1:10">
      <c r="A57" s="21" t="s">
        <v>232</v>
      </c>
      <c r="B57" s="21" t="s">
        <v>233</v>
      </c>
      <c r="C57" s="21" t="s">
        <v>262</v>
      </c>
      <c r="D57" s="21" t="s">
        <v>654</v>
      </c>
      <c r="E57" s="21" t="s">
        <v>650</v>
      </c>
      <c r="F57" s="16">
        <v>10503</v>
      </c>
      <c r="G57" s="16">
        <v>8258</v>
      </c>
      <c r="H57" s="16">
        <v>1585</v>
      </c>
      <c r="I57" s="16">
        <v>660</v>
      </c>
      <c r="J57" s="16">
        <v>2135</v>
      </c>
    </row>
    <row r="58" spans="1:10">
      <c r="A58" s="21" t="s">
        <v>232</v>
      </c>
      <c r="B58" s="21" t="s">
        <v>237</v>
      </c>
      <c r="C58" s="21" t="s">
        <v>264</v>
      </c>
      <c r="D58" s="21" t="s">
        <v>214</v>
      </c>
      <c r="E58" s="21" t="s">
        <v>214</v>
      </c>
      <c r="F58" s="16">
        <v>380888</v>
      </c>
      <c r="G58" s="16">
        <v>324463</v>
      </c>
      <c r="H58" s="16">
        <v>46542</v>
      </c>
      <c r="I58" s="16">
        <v>9883</v>
      </c>
      <c r="J58" s="16">
        <v>36635</v>
      </c>
    </row>
    <row r="59" spans="1:10">
      <c r="A59" s="21" t="s">
        <v>232</v>
      </c>
      <c r="B59" s="21" t="s">
        <v>237</v>
      </c>
      <c r="C59" s="21" t="s">
        <v>264</v>
      </c>
      <c r="D59" s="21" t="s">
        <v>641</v>
      </c>
      <c r="E59" s="21" t="s">
        <v>214</v>
      </c>
      <c r="F59" s="16">
        <v>168788</v>
      </c>
      <c r="G59" s="16">
        <v>149328</v>
      </c>
      <c r="H59" s="16">
        <v>17092</v>
      </c>
      <c r="I59" s="16">
        <v>2368</v>
      </c>
      <c r="J59" s="16">
        <v>734</v>
      </c>
    </row>
    <row r="60" spans="1:10">
      <c r="A60" s="21" t="s">
        <v>232</v>
      </c>
      <c r="B60" s="21" t="s">
        <v>237</v>
      </c>
      <c r="C60" s="21" t="s">
        <v>264</v>
      </c>
      <c r="D60" s="21" t="s">
        <v>642</v>
      </c>
      <c r="E60" s="21" t="s">
        <v>214</v>
      </c>
      <c r="F60" s="16">
        <v>212100</v>
      </c>
      <c r="G60" s="16">
        <v>175135</v>
      </c>
      <c r="H60" s="16">
        <v>29450</v>
      </c>
      <c r="I60" s="16">
        <v>7515</v>
      </c>
      <c r="J60" s="16">
        <v>35901</v>
      </c>
    </row>
    <row r="61" spans="1:10">
      <c r="A61" s="21" t="s">
        <v>232</v>
      </c>
      <c r="B61" s="21" t="s">
        <v>237</v>
      </c>
      <c r="C61" s="21" t="s">
        <v>264</v>
      </c>
      <c r="D61" s="21" t="s">
        <v>642</v>
      </c>
      <c r="E61" s="21" t="s">
        <v>643</v>
      </c>
      <c r="F61" s="16">
        <v>11519</v>
      </c>
      <c r="G61" s="16">
        <v>10208</v>
      </c>
      <c r="H61" s="16">
        <v>1278</v>
      </c>
      <c r="I61" s="16">
        <v>33</v>
      </c>
      <c r="J61" s="16">
        <v>1292</v>
      </c>
    </row>
    <row r="62" spans="1:10">
      <c r="A62" s="21" t="s">
        <v>232</v>
      </c>
      <c r="B62" s="21" t="s">
        <v>237</v>
      </c>
      <c r="C62" s="21" t="s">
        <v>264</v>
      </c>
      <c r="D62" s="21" t="s">
        <v>642</v>
      </c>
      <c r="E62" s="21" t="s">
        <v>644</v>
      </c>
      <c r="F62" s="16">
        <v>21201</v>
      </c>
      <c r="G62" s="16">
        <v>18791</v>
      </c>
      <c r="H62" s="16">
        <v>2343</v>
      </c>
      <c r="I62" s="16">
        <v>67</v>
      </c>
      <c r="J62" s="16">
        <v>2368</v>
      </c>
    </row>
    <row r="63" spans="1:10">
      <c r="A63" s="21" t="s">
        <v>232</v>
      </c>
      <c r="B63" s="21" t="s">
        <v>237</v>
      </c>
      <c r="C63" s="21" t="s">
        <v>264</v>
      </c>
      <c r="D63" s="21" t="s">
        <v>642</v>
      </c>
      <c r="E63" s="21" t="s">
        <v>645</v>
      </c>
      <c r="F63" s="16">
        <v>22014</v>
      </c>
      <c r="G63" s="16">
        <v>19242</v>
      </c>
      <c r="H63" s="16">
        <v>2684</v>
      </c>
      <c r="I63" s="16">
        <v>88</v>
      </c>
      <c r="J63" s="16">
        <v>2718</v>
      </c>
    </row>
    <row r="64" spans="1:10">
      <c r="A64" s="21" t="s">
        <v>232</v>
      </c>
      <c r="B64" s="21" t="s">
        <v>237</v>
      </c>
      <c r="C64" s="21" t="s">
        <v>264</v>
      </c>
      <c r="D64" s="21" t="s">
        <v>642</v>
      </c>
      <c r="E64" s="21" t="s">
        <v>646</v>
      </c>
      <c r="F64" s="16">
        <v>18444</v>
      </c>
      <c r="G64" s="16">
        <v>15779</v>
      </c>
      <c r="H64" s="16">
        <v>2598</v>
      </c>
      <c r="I64" s="16">
        <v>67</v>
      </c>
      <c r="J64" s="16">
        <v>2614</v>
      </c>
    </row>
    <row r="65" spans="1:10">
      <c r="A65" s="21" t="s">
        <v>232</v>
      </c>
      <c r="B65" s="21" t="s">
        <v>237</v>
      </c>
      <c r="C65" s="21" t="s">
        <v>264</v>
      </c>
      <c r="D65" s="21" t="s">
        <v>642</v>
      </c>
      <c r="E65" s="21" t="s">
        <v>647</v>
      </c>
      <c r="F65" s="16">
        <v>16965</v>
      </c>
      <c r="G65" s="16">
        <v>14219</v>
      </c>
      <c r="H65" s="16">
        <v>2686</v>
      </c>
      <c r="I65" s="16">
        <v>60</v>
      </c>
      <c r="J65" s="16">
        <v>2710</v>
      </c>
    </row>
    <row r="66" spans="1:10">
      <c r="A66" s="21" t="s">
        <v>232</v>
      </c>
      <c r="B66" s="21" t="s">
        <v>237</v>
      </c>
      <c r="C66" s="21" t="s">
        <v>264</v>
      </c>
      <c r="D66" s="21" t="s">
        <v>642</v>
      </c>
      <c r="E66" s="21" t="s">
        <v>648</v>
      </c>
      <c r="F66" s="16">
        <v>15848</v>
      </c>
      <c r="G66" s="16">
        <v>13129</v>
      </c>
      <c r="H66" s="16">
        <v>2641</v>
      </c>
      <c r="I66" s="16">
        <v>78</v>
      </c>
      <c r="J66" s="16">
        <v>2664</v>
      </c>
    </row>
    <row r="67" spans="1:10">
      <c r="A67" s="21" t="s">
        <v>232</v>
      </c>
      <c r="B67" s="21" t="s">
        <v>237</v>
      </c>
      <c r="C67" s="21" t="s">
        <v>264</v>
      </c>
      <c r="D67" s="21" t="s">
        <v>642</v>
      </c>
      <c r="E67" s="21" t="s">
        <v>649</v>
      </c>
      <c r="F67" s="16">
        <v>14780</v>
      </c>
      <c r="G67" s="16">
        <v>11983</v>
      </c>
      <c r="H67" s="16">
        <v>2712</v>
      </c>
      <c r="I67" s="16">
        <v>85</v>
      </c>
      <c r="J67" s="16">
        <v>2747</v>
      </c>
    </row>
    <row r="68" spans="1:10">
      <c r="A68" s="21" t="s">
        <v>232</v>
      </c>
      <c r="B68" s="21" t="s">
        <v>237</v>
      </c>
      <c r="C68" s="21" t="s">
        <v>264</v>
      </c>
      <c r="D68" s="21" t="s">
        <v>642</v>
      </c>
      <c r="E68" s="21" t="s">
        <v>650</v>
      </c>
      <c r="F68" s="16">
        <v>91329</v>
      </c>
      <c r="G68" s="16">
        <v>71784</v>
      </c>
      <c r="H68" s="16">
        <v>12508</v>
      </c>
      <c r="I68" s="16">
        <v>7037</v>
      </c>
      <c r="J68" s="16">
        <v>18788</v>
      </c>
    </row>
    <row r="69" spans="1:10">
      <c r="A69" s="21" t="s">
        <v>232</v>
      </c>
      <c r="B69" s="21" t="s">
        <v>237</v>
      </c>
      <c r="C69" s="21" t="s">
        <v>264</v>
      </c>
      <c r="D69" s="21" t="s">
        <v>651</v>
      </c>
      <c r="E69" s="21" t="s">
        <v>214</v>
      </c>
      <c r="F69" s="16">
        <v>104610</v>
      </c>
      <c r="G69" s="16">
        <v>85561</v>
      </c>
      <c r="H69" s="16">
        <v>13297</v>
      </c>
      <c r="I69" s="16">
        <v>5752</v>
      </c>
      <c r="J69" s="16">
        <v>18353</v>
      </c>
    </row>
    <row r="70" spans="1:10">
      <c r="A70" s="21" t="s">
        <v>232</v>
      </c>
      <c r="B70" s="21" t="s">
        <v>237</v>
      </c>
      <c r="C70" s="21" t="s">
        <v>264</v>
      </c>
      <c r="D70" s="21" t="s">
        <v>651</v>
      </c>
      <c r="E70" s="21" t="s">
        <v>643</v>
      </c>
      <c r="F70" s="16">
        <v>4610</v>
      </c>
      <c r="G70" s="16">
        <v>4170</v>
      </c>
      <c r="H70" s="16">
        <v>431</v>
      </c>
      <c r="I70" s="16">
        <v>9</v>
      </c>
      <c r="J70" s="16">
        <v>434</v>
      </c>
    </row>
    <row r="71" spans="1:10">
      <c r="A71" s="21" t="s">
        <v>232</v>
      </c>
      <c r="B71" s="21" t="s">
        <v>237</v>
      </c>
      <c r="C71" s="21" t="s">
        <v>264</v>
      </c>
      <c r="D71" s="21" t="s">
        <v>651</v>
      </c>
      <c r="E71" s="21" t="s">
        <v>644</v>
      </c>
      <c r="F71" s="16">
        <v>7492</v>
      </c>
      <c r="G71" s="16">
        <v>6763</v>
      </c>
      <c r="H71" s="16">
        <v>700</v>
      </c>
      <c r="I71" s="16">
        <v>29</v>
      </c>
      <c r="J71" s="16">
        <v>710</v>
      </c>
    </row>
    <row r="72" spans="1:10">
      <c r="A72" s="21" t="s">
        <v>232</v>
      </c>
      <c r="B72" s="21" t="s">
        <v>237</v>
      </c>
      <c r="C72" s="21" t="s">
        <v>264</v>
      </c>
      <c r="D72" s="21" t="s">
        <v>651</v>
      </c>
      <c r="E72" s="21" t="s">
        <v>645</v>
      </c>
      <c r="F72" s="16">
        <v>5311</v>
      </c>
      <c r="G72" s="16">
        <v>4751</v>
      </c>
      <c r="H72" s="16">
        <v>538</v>
      </c>
      <c r="I72" s="16">
        <v>22</v>
      </c>
      <c r="J72" s="16">
        <v>542</v>
      </c>
    </row>
    <row r="73" spans="1:10">
      <c r="A73" s="21" t="s">
        <v>232</v>
      </c>
      <c r="B73" s="21" t="s">
        <v>237</v>
      </c>
      <c r="C73" s="21" t="s">
        <v>264</v>
      </c>
      <c r="D73" s="21" t="s">
        <v>651</v>
      </c>
      <c r="E73" s="21" t="s">
        <v>646</v>
      </c>
      <c r="F73" s="16">
        <v>3631</v>
      </c>
      <c r="G73" s="16">
        <v>3154</v>
      </c>
      <c r="H73" s="16">
        <v>458</v>
      </c>
      <c r="I73" s="16">
        <v>19</v>
      </c>
      <c r="J73" s="16">
        <v>463</v>
      </c>
    </row>
    <row r="74" spans="1:10">
      <c r="A74" s="21" t="s">
        <v>232</v>
      </c>
      <c r="B74" s="21" t="s">
        <v>237</v>
      </c>
      <c r="C74" s="21" t="s">
        <v>264</v>
      </c>
      <c r="D74" s="21" t="s">
        <v>651</v>
      </c>
      <c r="E74" s="21" t="s">
        <v>647</v>
      </c>
      <c r="F74" s="16">
        <v>3430</v>
      </c>
      <c r="G74" s="16">
        <v>2923</v>
      </c>
      <c r="H74" s="16">
        <v>493</v>
      </c>
      <c r="I74" s="16">
        <v>14</v>
      </c>
      <c r="J74" s="16">
        <v>495</v>
      </c>
    </row>
    <row r="75" spans="1:10">
      <c r="A75" s="21" t="s">
        <v>232</v>
      </c>
      <c r="B75" s="21" t="s">
        <v>237</v>
      </c>
      <c r="C75" s="21" t="s">
        <v>264</v>
      </c>
      <c r="D75" s="21" t="s">
        <v>651</v>
      </c>
      <c r="E75" s="21" t="s">
        <v>648</v>
      </c>
      <c r="F75" s="16">
        <v>4083</v>
      </c>
      <c r="G75" s="16">
        <v>3387</v>
      </c>
      <c r="H75" s="16">
        <v>676</v>
      </c>
      <c r="I75" s="16">
        <v>20</v>
      </c>
      <c r="J75" s="16">
        <v>678</v>
      </c>
    </row>
    <row r="76" spans="1:10">
      <c r="A76" s="21" t="s">
        <v>232</v>
      </c>
      <c r="B76" s="21" t="s">
        <v>237</v>
      </c>
      <c r="C76" s="21" t="s">
        <v>264</v>
      </c>
      <c r="D76" s="21" t="s">
        <v>651</v>
      </c>
      <c r="E76" s="21" t="s">
        <v>649</v>
      </c>
      <c r="F76" s="16">
        <v>6050</v>
      </c>
      <c r="G76" s="16">
        <v>4913</v>
      </c>
      <c r="H76" s="16">
        <v>1107</v>
      </c>
      <c r="I76" s="16">
        <v>30</v>
      </c>
      <c r="J76" s="16">
        <v>1109</v>
      </c>
    </row>
    <row r="77" spans="1:10">
      <c r="A77" s="21" t="s">
        <v>232</v>
      </c>
      <c r="B77" s="21" t="s">
        <v>237</v>
      </c>
      <c r="C77" s="21" t="s">
        <v>264</v>
      </c>
      <c r="D77" s="21" t="s">
        <v>651</v>
      </c>
      <c r="E77" s="21" t="s">
        <v>650</v>
      </c>
      <c r="F77" s="16">
        <v>70003</v>
      </c>
      <c r="G77" s="16">
        <v>55500</v>
      </c>
      <c r="H77" s="16">
        <v>8894</v>
      </c>
      <c r="I77" s="16">
        <v>5609</v>
      </c>
      <c r="J77" s="16">
        <v>13922</v>
      </c>
    </row>
    <row r="78" spans="1:10">
      <c r="A78" s="21" t="s">
        <v>232</v>
      </c>
      <c r="B78" s="21" t="s">
        <v>237</v>
      </c>
      <c r="C78" s="21" t="s">
        <v>264</v>
      </c>
      <c r="D78" s="21" t="s">
        <v>652</v>
      </c>
      <c r="E78" s="21" t="s">
        <v>214</v>
      </c>
      <c r="F78" s="16">
        <v>73836</v>
      </c>
      <c r="G78" s="16">
        <v>62116</v>
      </c>
      <c r="H78" s="16">
        <v>10263</v>
      </c>
      <c r="I78" s="16">
        <v>1457</v>
      </c>
      <c r="J78" s="16">
        <v>11444</v>
      </c>
    </row>
    <row r="79" spans="1:10">
      <c r="A79" s="21" t="s">
        <v>232</v>
      </c>
      <c r="B79" s="21" t="s">
        <v>237</v>
      </c>
      <c r="C79" s="21" t="s">
        <v>264</v>
      </c>
      <c r="D79" s="21" t="s">
        <v>652</v>
      </c>
      <c r="E79" s="21" t="s">
        <v>643</v>
      </c>
      <c r="F79" s="16">
        <v>4172</v>
      </c>
      <c r="G79" s="16">
        <v>3717</v>
      </c>
      <c r="H79" s="16">
        <v>443</v>
      </c>
      <c r="I79" s="16">
        <v>12</v>
      </c>
      <c r="J79" s="16">
        <v>447</v>
      </c>
    </row>
    <row r="80" spans="1:10">
      <c r="A80" s="21" t="s">
        <v>232</v>
      </c>
      <c r="B80" s="21" t="s">
        <v>237</v>
      </c>
      <c r="C80" s="21" t="s">
        <v>264</v>
      </c>
      <c r="D80" s="21" t="s">
        <v>652</v>
      </c>
      <c r="E80" s="21" t="s">
        <v>644</v>
      </c>
      <c r="F80" s="16">
        <v>8200</v>
      </c>
      <c r="G80" s="16">
        <v>7326</v>
      </c>
      <c r="H80" s="16">
        <v>856</v>
      </c>
      <c r="I80" s="16">
        <v>18</v>
      </c>
      <c r="J80" s="16">
        <v>866</v>
      </c>
    </row>
    <row r="81" spans="1:10">
      <c r="A81" s="21" t="s">
        <v>232</v>
      </c>
      <c r="B81" s="21" t="s">
        <v>237</v>
      </c>
      <c r="C81" s="21" t="s">
        <v>264</v>
      </c>
      <c r="D81" s="21" t="s">
        <v>652</v>
      </c>
      <c r="E81" s="21" t="s">
        <v>645</v>
      </c>
      <c r="F81" s="16">
        <v>9493</v>
      </c>
      <c r="G81" s="16">
        <v>8431</v>
      </c>
      <c r="H81" s="16">
        <v>1026</v>
      </c>
      <c r="I81" s="16">
        <v>36</v>
      </c>
      <c r="J81" s="16">
        <v>1040</v>
      </c>
    </row>
    <row r="82" spans="1:10">
      <c r="A82" s="21" t="s">
        <v>232</v>
      </c>
      <c r="B82" s="21" t="s">
        <v>237</v>
      </c>
      <c r="C82" s="21" t="s">
        <v>264</v>
      </c>
      <c r="D82" s="21" t="s">
        <v>652</v>
      </c>
      <c r="E82" s="21" t="s">
        <v>646</v>
      </c>
      <c r="F82" s="16">
        <v>8589</v>
      </c>
      <c r="G82" s="16">
        <v>7511</v>
      </c>
      <c r="H82" s="16">
        <v>1054</v>
      </c>
      <c r="I82" s="16">
        <v>24</v>
      </c>
      <c r="J82" s="16">
        <v>1061</v>
      </c>
    </row>
    <row r="83" spans="1:10">
      <c r="A83" s="21" t="s">
        <v>232</v>
      </c>
      <c r="B83" s="21" t="s">
        <v>237</v>
      </c>
      <c r="C83" s="21" t="s">
        <v>264</v>
      </c>
      <c r="D83" s="21" t="s">
        <v>652</v>
      </c>
      <c r="E83" s="21" t="s">
        <v>647</v>
      </c>
      <c r="F83" s="16">
        <v>8589</v>
      </c>
      <c r="G83" s="16">
        <v>7352</v>
      </c>
      <c r="H83" s="16">
        <v>1215</v>
      </c>
      <c r="I83" s="16">
        <v>22</v>
      </c>
      <c r="J83" s="16">
        <v>1222</v>
      </c>
    </row>
    <row r="84" spans="1:10">
      <c r="A84" s="21" t="s">
        <v>232</v>
      </c>
      <c r="B84" s="21" t="s">
        <v>237</v>
      </c>
      <c r="C84" s="21" t="s">
        <v>264</v>
      </c>
      <c r="D84" s="21" t="s">
        <v>652</v>
      </c>
      <c r="E84" s="21" t="s">
        <v>648</v>
      </c>
      <c r="F84" s="16">
        <v>8491</v>
      </c>
      <c r="G84" s="16">
        <v>7153</v>
      </c>
      <c r="H84" s="16">
        <v>1299</v>
      </c>
      <c r="I84" s="16">
        <v>39</v>
      </c>
      <c r="J84" s="16">
        <v>1306</v>
      </c>
    </row>
    <row r="85" spans="1:10">
      <c r="A85" s="21" t="s">
        <v>232</v>
      </c>
      <c r="B85" s="21" t="s">
        <v>237</v>
      </c>
      <c r="C85" s="21" t="s">
        <v>264</v>
      </c>
      <c r="D85" s="21" t="s">
        <v>652</v>
      </c>
      <c r="E85" s="21" t="s">
        <v>649</v>
      </c>
      <c r="F85" s="16">
        <v>7136</v>
      </c>
      <c r="G85" s="16">
        <v>5847</v>
      </c>
      <c r="H85" s="16">
        <v>1257</v>
      </c>
      <c r="I85" s="16">
        <v>32</v>
      </c>
      <c r="J85" s="16">
        <v>1274</v>
      </c>
    </row>
    <row r="86" spans="1:10">
      <c r="A86" s="21" t="s">
        <v>232</v>
      </c>
      <c r="B86" s="21" t="s">
        <v>237</v>
      </c>
      <c r="C86" s="21" t="s">
        <v>264</v>
      </c>
      <c r="D86" s="21" t="s">
        <v>652</v>
      </c>
      <c r="E86" s="21" t="s">
        <v>650</v>
      </c>
      <c r="F86" s="16">
        <v>19166</v>
      </c>
      <c r="G86" s="16">
        <v>14779</v>
      </c>
      <c r="H86" s="16">
        <v>3113</v>
      </c>
      <c r="I86" s="16">
        <v>1274</v>
      </c>
      <c r="J86" s="16">
        <v>4228</v>
      </c>
    </row>
    <row r="87" spans="1:10">
      <c r="A87" s="21" t="s">
        <v>232</v>
      </c>
      <c r="B87" s="21" t="s">
        <v>237</v>
      </c>
      <c r="C87" s="21" t="s">
        <v>264</v>
      </c>
      <c r="D87" s="21" t="s">
        <v>653</v>
      </c>
      <c r="E87" s="21" t="s">
        <v>214</v>
      </c>
      <c r="F87" s="16">
        <v>27653</v>
      </c>
      <c r="G87" s="16">
        <v>22637</v>
      </c>
      <c r="H87" s="16">
        <v>4765</v>
      </c>
      <c r="I87" s="16">
        <v>251</v>
      </c>
      <c r="J87" s="16">
        <v>4944</v>
      </c>
    </row>
    <row r="88" spans="1:10">
      <c r="A88" s="21" t="s">
        <v>232</v>
      </c>
      <c r="B88" s="21" t="s">
        <v>237</v>
      </c>
      <c r="C88" s="21" t="s">
        <v>264</v>
      </c>
      <c r="D88" s="21" t="s">
        <v>653</v>
      </c>
      <c r="E88" s="21" t="s">
        <v>643</v>
      </c>
      <c r="F88" s="16">
        <v>1988</v>
      </c>
      <c r="G88" s="16">
        <v>1705</v>
      </c>
      <c r="H88" s="16">
        <v>273</v>
      </c>
      <c r="I88" s="16">
        <v>10</v>
      </c>
      <c r="J88" s="16">
        <v>279</v>
      </c>
    </row>
    <row r="89" spans="1:10">
      <c r="A89" s="21" t="s">
        <v>232</v>
      </c>
      <c r="B89" s="21" t="s">
        <v>237</v>
      </c>
      <c r="C89" s="21" t="s">
        <v>264</v>
      </c>
      <c r="D89" s="21" t="s">
        <v>653</v>
      </c>
      <c r="E89" s="21" t="s">
        <v>644</v>
      </c>
      <c r="F89" s="16">
        <v>4193</v>
      </c>
      <c r="G89" s="16">
        <v>3611</v>
      </c>
      <c r="H89" s="16">
        <v>571</v>
      </c>
      <c r="I89" s="16">
        <v>11</v>
      </c>
      <c r="J89" s="16">
        <v>574</v>
      </c>
    </row>
    <row r="90" spans="1:10">
      <c r="A90" s="21" t="s">
        <v>232</v>
      </c>
      <c r="B90" s="21" t="s">
        <v>237</v>
      </c>
      <c r="C90" s="21" t="s">
        <v>264</v>
      </c>
      <c r="D90" s="21" t="s">
        <v>653</v>
      </c>
      <c r="E90" s="21" t="s">
        <v>645</v>
      </c>
      <c r="F90" s="16">
        <v>5658</v>
      </c>
      <c r="G90" s="16">
        <v>4787</v>
      </c>
      <c r="H90" s="16">
        <v>850</v>
      </c>
      <c r="I90" s="16">
        <v>21</v>
      </c>
      <c r="J90" s="16">
        <v>859</v>
      </c>
    </row>
    <row r="91" spans="1:10">
      <c r="A91" s="21" t="s">
        <v>232</v>
      </c>
      <c r="B91" s="21" t="s">
        <v>237</v>
      </c>
      <c r="C91" s="21" t="s">
        <v>264</v>
      </c>
      <c r="D91" s="21" t="s">
        <v>653</v>
      </c>
      <c r="E91" s="21" t="s">
        <v>646</v>
      </c>
      <c r="F91" s="16">
        <v>5034</v>
      </c>
      <c r="G91" s="16">
        <v>4174</v>
      </c>
      <c r="H91" s="16">
        <v>842</v>
      </c>
      <c r="I91" s="16">
        <v>18</v>
      </c>
      <c r="J91" s="16">
        <v>845</v>
      </c>
    </row>
    <row r="92" spans="1:10">
      <c r="A92" s="21" t="s">
        <v>232</v>
      </c>
      <c r="B92" s="21" t="s">
        <v>237</v>
      </c>
      <c r="C92" s="21" t="s">
        <v>264</v>
      </c>
      <c r="D92" s="21" t="s">
        <v>653</v>
      </c>
      <c r="E92" s="21" t="s">
        <v>647</v>
      </c>
      <c r="F92" s="16">
        <v>4279</v>
      </c>
      <c r="G92" s="16">
        <v>3431</v>
      </c>
      <c r="H92" s="16">
        <v>828</v>
      </c>
      <c r="I92" s="16">
        <v>20</v>
      </c>
      <c r="J92" s="16">
        <v>839</v>
      </c>
    </row>
    <row r="93" spans="1:10">
      <c r="A93" s="21" t="s">
        <v>232</v>
      </c>
      <c r="B93" s="21" t="s">
        <v>237</v>
      </c>
      <c r="C93" s="21" t="s">
        <v>264</v>
      </c>
      <c r="D93" s="21" t="s">
        <v>653</v>
      </c>
      <c r="E93" s="21" t="s">
        <v>648</v>
      </c>
      <c r="F93" s="16">
        <v>2966</v>
      </c>
      <c r="G93" s="16">
        <v>2350</v>
      </c>
      <c r="H93" s="16">
        <v>602</v>
      </c>
      <c r="I93" s="16">
        <v>14</v>
      </c>
      <c r="J93" s="16">
        <v>612</v>
      </c>
    </row>
    <row r="94" spans="1:10">
      <c r="A94" s="21" t="s">
        <v>232</v>
      </c>
      <c r="B94" s="21" t="s">
        <v>237</v>
      </c>
      <c r="C94" s="21" t="s">
        <v>264</v>
      </c>
      <c r="D94" s="21" t="s">
        <v>653</v>
      </c>
      <c r="E94" s="21" t="s">
        <v>649</v>
      </c>
      <c r="F94" s="16">
        <v>1499</v>
      </c>
      <c r="G94" s="16">
        <v>1159</v>
      </c>
      <c r="H94" s="16">
        <v>320</v>
      </c>
      <c r="I94" s="16">
        <v>20</v>
      </c>
      <c r="J94" s="16">
        <v>333</v>
      </c>
    </row>
    <row r="95" spans="1:10">
      <c r="A95" s="21" t="s">
        <v>232</v>
      </c>
      <c r="B95" s="21" t="s">
        <v>237</v>
      </c>
      <c r="C95" s="21" t="s">
        <v>264</v>
      </c>
      <c r="D95" s="21" t="s">
        <v>653</v>
      </c>
      <c r="E95" s="21" t="s">
        <v>650</v>
      </c>
      <c r="F95" s="16">
        <v>2036</v>
      </c>
      <c r="G95" s="16">
        <v>1420</v>
      </c>
      <c r="H95" s="16">
        <v>479</v>
      </c>
      <c r="I95" s="16">
        <v>137</v>
      </c>
      <c r="J95" s="16">
        <v>603</v>
      </c>
    </row>
    <row r="96" spans="1:10">
      <c r="A96" s="21" t="s">
        <v>232</v>
      </c>
      <c r="B96" s="21" t="s">
        <v>237</v>
      </c>
      <c r="C96" s="21" t="s">
        <v>264</v>
      </c>
      <c r="D96" s="21" t="s">
        <v>654</v>
      </c>
      <c r="E96" s="21" t="s">
        <v>214</v>
      </c>
      <c r="F96" s="16">
        <v>6001</v>
      </c>
      <c r="G96" s="16">
        <v>4821</v>
      </c>
      <c r="H96" s="16">
        <v>1125</v>
      </c>
      <c r="I96" s="16">
        <v>55</v>
      </c>
      <c r="J96" s="16">
        <v>1160</v>
      </c>
    </row>
    <row r="97" spans="1:10">
      <c r="A97" s="21" t="s">
        <v>232</v>
      </c>
      <c r="B97" s="21" t="s">
        <v>237</v>
      </c>
      <c r="C97" s="21" t="s">
        <v>264</v>
      </c>
      <c r="D97" s="21" t="s">
        <v>654</v>
      </c>
      <c r="E97" s="21" t="s">
        <v>643</v>
      </c>
      <c r="F97" s="16">
        <v>749</v>
      </c>
      <c r="G97" s="16">
        <v>616</v>
      </c>
      <c r="H97" s="16">
        <v>131</v>
      </c>
      <c r="I97" s="16">
        <v>2</v>
      </c>
      <c r="J97" s="16">
        <v>132</v>
      </c>
    </row>
    <row r="98" spans="1:10">
      <c r="A98" s="21" t="s">
        <v>232</v>
      </c>
      <c r="B98" s="21" t="s">
        <v>237</v>
      </c>
      <c r="C98" s="21" t="s">
        <v>264</v>
      </c>
      <c r="D98" s="21" t="s">
        <v>654</v>
      </c>
      <c r="E98" s="21" t="s">
        <v>644</v>
      </c>
      <c r="F98" s="16">
        <v>1316</v>
      </c>
      <c r="G98" s="16">
        <v>1091</v>
      </c>
      <c r="H98" s="16">
        <v>216</v>
      </c>
      <c r="I98" s="16">
        <v>9</v>
      </c>
      <c r="J98" s="16">
        <v>218</v>
      </c>
    </row>
    <row r="99" spans="1:10">
      <c r="A99" s="21" t="s">
        <v>232</v>
      </c>
      <c r="B99" s="21" t="s">
        <v>237</v>
      </c>
      <c r="C99" s="21" t="s">
        <v>264</v>
      </c>
      <c r="D99" s="21" t="s">
        <v>654</v>
      </c>
      <c r="E99" s="21" t="s">
        <v>645</v>
      </c>
      <c r="F99" s="16">
        <v>1552</v>
      </c>
      <c r="G99" s="16">
        <v>1273</v>
      </c>
      <c r="H99" s="16">
        <v>270</v>
      </c>
      <c r="I99" s="16">
        <v>9</v>
      </c>
      <c r="J99" s="16">
        <v>277</v>
      </c>
    </row>
    <row r="100" spans="1:10">
      <c r="A100" s="21" t="s">
        <v>232</v>
      </c>
      <c r="B100" s="21" t="s">
        <v>237</v>
      </c>
      <c r="C100" s="21" t="s">
        <v>264</v>
      </c>
      <c r="D100" s="21" t="s">
        <v>654</v>
      </c>
      <c r="E100" s="21" t="s">
        <v>646</v>
      </c>
      <c r="F100" s="16">
        <v>1190</v>
      </c>
      <c r="G100" s="16">
        <v>940</v>
      </c>
      <c r="H100" s="16">
        <v>244</v>
      </c>
      <c r="I100" s="16">
        <v>6</v>
      </c>
      <c r="J100" s="16">
        <v>245</v>
      </c>
    </row>
    <row r="101" spans="1:10">
      <c r="A101" s="21" t="s">
        <v>232</v>
      </c>
      <c r="B101" s="21" t="s">
        <v>237</v>
      </c>
      <c r="C101" s="21" t="s">
        <v>264</v>
      </c>
      <c r="D101" s="21" t="s">
        <v>654</v>
      </c>
      <c r="E101" s="21" t="s">
        <v>647</v>
      </c>
      <c r="F101" s="16">
        <v>667</v>
      </c>
      <c r="G101" s="16">
        <v>513</v>
      </c>
      <c r="H101" s="16">
        <v>150</v>
      </c>
      <c r="I101" s="16">
        <v>4</v>
      </c>
      <c r="J101" s="16">
        <v>154</v>
      </c>
    </row>
    <row r="102" spans="1:10">
      <c r="A102" s="21" t="s">
        <v>232</v>
      </c>
      <c r="B102" s="21" t="s">
        <v>237</v>
      </c>
      <c r="C102" s="21" t="s">
        <v>264</v>
      </c>
      <c r="D102" s="21" t="s">
        <v>654</v>
      </c>
      <c r="E102" s="21" t="s">
        <v>648</v>
      </c>
      <c r="F102" s="16">
        <v>308</v>
      </c>
      <c r="G102" s="16">
        <v>239</v>
      </c>
      <c r="H102" s="16">
        <v>64</v>
      </c>
      <c r="I102" s="16">
        <v>5</v>
      </c>
      <c r="J102" s="16">
        <v>68</v>
      </c>
    </row>
    <row r="103" spans="1:10">
      <c r="A103" s="21" t="s">
        <v>232</v>
      </c>
      <c r="B103" s="21" t="s">
        <v>237</v>
      </c>
      <c r="C103" s="21" t="s">
        <v>264</v>
      </c>
      <c r="D103" s="21" t="s">
        <v>654</v>
      </c>
      <c r="E103" s="21" t="s">
        <v>649</v>
      </c>
      <c r="F103" s="16">
        <v>95</v>
      </c>
      <c r="G103" s="16">
        <v>64</v>
      </c>
      <c r="H103" s="16">
        <v>28</v>
      </c>
      <c r="I103" s="16">
        <v>3</v>
      </c>
      <c r="J103" s="16">
        <v>31</v>
      </c>
    </row>
    <row r="104" spans="1:10">
      <c r="A104" s="21" t="s">
        <v>232</v>
      </c>
      <c r="B104" s="21" t="s">
        <v>237</v>
      </c>
      <c r="C104" s="21" t="s">
        <v>264</v>
      </c>
      <c r="D104" s="21" t="s">
        <v>654</v>
      </c>
      <c r="E104" s="21" t="s">
        <v>650</v>
      </c>
      <c r="F104" s="16">
        <v>124</v>
      </c>
      <c r="G104" s="16">
        <v>85</v>
      </c>
      <c r="H104" s="16">
        <v>22</v>
      </c>
      <c r="I104" s="16">
        <v>17</v>
      </c>
      <c r="J104" s="16">
        <v>35</v>
      </c>
    </row>
    <row r="105" spans="1:10">
      <c r="A105" s="21" t="s">
        <v>240</v>
      </c>
      <c r="B105" s="21" t="s">
        <v>237</v>
      </c>
      <c r="C105" s="21" t="s">
        <v>265</v>
      </c>
      <c r="D105" s="21" t="s">
        <v>214</v>
      </c>
      <c r="E105" s="21" t="s">
        <v>214</v>
      </c>
      <c r="F105" s="16">
        <v>26327</v>
      </c>
      <c r="G105" s="16">
        <v>21026</v>
      </c>
      <c r="H105" s="16">
        <v>4443</v>
      </c>
      <c r="I105" s="16">
        <v>858</v>
      </c>
      <c r="J105" s="16">
        <v>3501</v>
      </c>
    </row>
    <row r="106" spans="1:10">
      <c r="A106" s="21" t="s">
        <v>240</v>
      </c>
      <c r="B106" s="21" t="s">
        <v>237</v>
      </c>
      <c r="C106" s="21" t="s">
        <v>265</v>
      </c>
      <c r="D106" s="21" t="s">
        <v>641</v>
      </c>
      <c r="E106" s="21" t="s">
        <v>214</v>
      </c>
      <c r="F106" s="16">
        <v>12098</v>
      </c>
      <c r="G106" s="16">
        <v>10245</v>
      </c>
      <c r="H106" s="16">
        <v>1645</v>
      </c>
      <c r="I106" s="16">
        <v>208</v>
      </c>
      <c r="J106" s="16">
        <v>138</v>
      </c>
    </row>
    <row r="107" spans="1:10">
      <c r="A107" s="21" t="s">
        <v>240</v>
      </c>
      <c r="B107" s="21" t="s">
        <v>237</v>
      </c>
      <c r="C107" s="21" t="s">
        <v>265</v>
      </c>
      <c r="D107" s="21" t="s">
        <v>642</v>
      </c>
      <c r="E107" s="21" t="s">
        <v>214</v>
      </c>
      <c r="F107" s="16">
        <v>14229</v>
      </c>
      <c r="G107" s="16">
        <v>10781</v>
      </c>
      <c r="H107" s="16">
        <v>2798</v>
      </c>
      <c r="I107" s="16">
        <v>650</v>
      </c>
      <c r="J107" s="16">
        <v>3363</v>
      </c>
    </row>
    <row r="108" spans="1:10">
      <c r="A108" s="21" t="s">
        <v>240</v>
      </c>
      <c r="B108" s="21" t="s">
        <v>237</v>
      </c>
      <c r="C108" s="21" t="s">
        <v>265</v>
      </c>
      <c r="D108" s="21" t="s">
        <v>642</v>
      </c>
      <c r="E108" s="21" t="s">
        <v>643</v>
      </c>
      <c r="F108" s="16">
        <v>667</v>
      </c>
      <c r="G108" s="16">
        <v>575</v>
      </c>
      <c r="H108" s="16">
        <v>91</v>
      </c>
      <c r="I108" s="16">
        <v>1</v>
      </c>
      <c r="J108" s="16">
        <v>92</v>
      </c>
    </row>
    <row r="109" spans="1:10">
      <c r="A109" s="21" t="s">
        <v>240</v>
      </c>
      <c r="B109" s="21" t="s">
        <v>237</v>
      </c>
      <c r="C109" s="21" t="s">
        <v>265</v>
      </c>
      <c r="D109" s="21" t="s">
        <v>642</v>
      </c>
      <c r="E109" s="21" t="s">
        <v>644</v>
      </c>
      <c r="F109" s="16">
        <v>1225</v>
      </c>
      <c r="G109" s="16">
        <v>987</v>
      </c>
      <c r="H109" s="16">
        <v>231</v>
      </c>
      <c r="I109" s="16">
        <v>7</v>
      </c>
      <c r="J109" s="16">
        <v>234</v>
      </c>
    </row>
    <row r="110" spans="1:10">
      <c r="A110" s="21" t="s">
        <v>240</v>
      </c>
      <c r="B110" s="21" t="s">
        <v>237</v>
      </c>
      <c r="C110" s="21" t="s">
        <v>265</v>
      </c>
      <c r="D110" s="21" t="s">
        <v>642</v>
      </c>
      <c r="E110" s="21" t="s">
        <v>645</v>
      </c>
      <c r="F110" s="16">
        <v>1382</v>
      </c>
      <c r="G110" s="16">
        <v>1110</v>
      </c>
      <c r="H110" s="16">
        <v>263</v>
      </c>
      <c r="I110" s="16">
        <v>9</v>
      </c>
      <c r="J110" s="16">
        <v>269</v>
      </c>
    </row>
    <row r="111" spans="1:10">
      <c r="A111" s="21" t="s">
        <v>240</v>
      </c>
      <c r="B111" s="21" t="s">
        <v>237</v>
      </c>
      <c r="C111" s="21" t="s">
        <v>265</v>
      </c>
      <c r="D111" s="21" t="s">
        <v>642</v>
      </c>
      <c r="E111" s="21" t="s">
        <v>646</v>
      </c>
      <c r="F111" s="16">
        <v>1179</v>
      </c>
      <c r="G111" s="16">
        <v>920</v>
      </c>
      <c r="H111" s="16">
        <v>252</v>
      </c>
      <c r="I111" s="16">
        <v>7</v>
      </c>
      <c r="J111" s="16">
        <v>254</v>
      </c>
    </row>
    <row r="112" spans="1:10">
      <c r="A112" s="21" t="s">
        <v>240</v>
      </c>
      <c r="B112" s="21" t="s">
        <v>237</v>
      </c>
      <c r="C112" s="21" t="s">
        <v>265</v>
      </c>
      <c r="D112" s="21" t="s">
        <v>642</v>
      </c>
      <c r="E112" s="21" t="s">
        <v>647</v>
      </c>
      <c r="F112" s="16">
        <v>1021</v>
      </c>
      <c r="G112" s="16">
        <v>749</v>
      </c>
      <c r="H112" s="16">
        <v>270</v>
      </c>
      <c r="I112" s="16">
        <v>2</v>
      </c>
      <c r="J112" s="16">
        <v>272</v>
      </c>
    </row>
    <row r="113" spans="1:10">
      <c r="A113" s="21" t="s">
        <v>240</v>
      </c>
      <c r="B113" s="21" t="s">
        <v>237</v>
      </c>
      <c r="C113" s="21" t="s">
        <v>265</v>
      </c>
      <c r="D113" s="21" t="s">
        <v>642</v>
      </c>
      <c r="E113" s="21" t="s">
        <v>648</v>
      </c>
      <c r="F113" s="16">
        <v>1032</v>
      </c>
      <c r="G113" s="16">
        <v>773</v>
      </c>
      <c r="H113" s="16">
        <v>254</v>
      </c>
      <c r="I113" s="16">
        <v>5</v>
      </c>
      <c r="J113" s="16">
        <v>255</v>
      </c>
    </row>
    <row r="114" spans="1:10">
      <c r="A114" s="21" t="s">
        <v>240</v>
      </c>
      <c r="B114" s="21" t="s">
        <v>237</v>
      </c>
      <c r="C114" s="21" t="s">
        <v>265</v>
      </c>
      <c r="D114" s="21" t="s">
        <v>642</v>
      </c>
      <c r="E114" s="21" t="s">
        <v>649</v>
      </c>
      <c r="F114" s="16">
        <v>923</v>
      </c>
      <c r="G114" s="16">
        <v>677</v>
      </c>
      <c r="H114" s="16">
        <v>242</v>
      </c>
      <c r="I114" s="16">
        <v>4</v>
      </c>
      <c r="J114" s="16">
        <v>243</v>
      </c>
    </row>
    <row r="115" spans="1:10">
      <c r="A115" s="21" t="s">
        <v>240</v>
      </c>
      <c r="B115" s="21" t="s">
        <v>237</v>
      </c>
      <c r="C115" s="21" t="s">
        <v>265</v>
      </c>
      <c r="D115" s="21" t="s">
        <v>642</v>
      </c>
      <c r="E115" s="21" t="s">
        <v>650</v>
      </c>
      <c r="F115" s="16">
        <v>6800</v>
      </c>
      <c r="G115" s="16">
        <v>4990</v>
      </c>
      <c r="H115" s="16">
        <v>1195</v>
      </c>
      <c r="I115" s="16">
        <v>615</v>
      </c>
      <c r="J115" s="16">
        <v>1744</v>
      </c>
    </row>
    <row r="116" spans="1:10">
      <c r="A116" s="21" t="s">
        <v>240</v>
      </c>
      <c r="B116" s="21" t="s">
        <v>237</v>
      </c>
      <c r="C116" s="21" t="s">
        <v>265</v>
      </c>
      <c r="D116" s="21" t="s">
        <v>651</v>
      </c>
      <c r="E116" s="21" t="s">
        <v>214</v>
      </c>
      <c r="F116" s="16">
        <v>7263</v>
      </c>
      <c r="G116" s="16">
        <v>5552</v>
      </c>
      <c r="H116" s="16">
        <v>1207</v>
      </c>
      <c r="I116" s="16">
        <v>504</v>
      </c>
      <c r="J116" s="16">
        <v>1660</v>
      </c>
    </row>
    <row r="117" spans="1:10">
      <c r="A117" s="21" t="s">
        <v>240</v>
      </c>
      <c r="B117" s="21" t="s">
        <v>237</v>
      </c>
      <c r="C117" s="21" t="s">
        <v>265</v>
      </c>
      <c r="D117" s="21" t="s">
        <v>651</v>
      </c>
      <c r="E117" s="21" t="s">
        <v>643</v>
      </c>
      <c r="F117" s="16">
        <v>223</v>
      </c>
      <c r="G117" s="16">
        <v>200</v>
      </c>
      <c r="H117" s="16">
        <v>23</v>
      </c>
      <c r="I117" s="22" t="s">
        <v>268</v>
      </c>
      <c r="J117" s="16">
        <v>23</v>
      </c>
    </row>
    <row r="118" spans="1:10">
      <c r="A118" s="21" t="s">
        <v>240</v>
      </c>
      <c r="B118" s="21" t="s">
        <v>237</v>
      </c>
      <c r="C118" s="21" t="s">
        <v>265</v>
      </c>
      <c r="D118" s="21" t="s">
        <v>651</v>
      </c>
      <c r="E118" s="21" t="s">
        <v>644</v>
      </c>
      <c r="F118" s="16">
        <v>390</v>
      </c>
      <c r="G118" s="16">
        <v>334</v>
      </c>
      <c r="H118" s="16">
        <v>53</v>
      </c>
      <c r="I118" s="16">
        <v>3</v>
      </c>
      <c r="J118" s="16">
        <v>54</v>
      </c>
    </row>
    <row r="119" spans="1:10">
      <c r="A119" s="21" t="s">
        <v>240</v>
      </c>
      <c r="B119" s="21" t="s">
        <v>237</v>
      </c>
      <c r="C119" s="21" t="s">
        <v>265</v>
      </c>
      <c r="D119" s="21" t="s">
        <v>651</v>
      </c>
      <c r="E119" s="21" t="s">
        <v>645</v>
      </c>
      <c r="F119" s="16">
        <v>336</v>
      </c>
      <c r="G119" s="16">
        <v>276</v>
      </c>
      <c r="H119" s="16">
        <v>59</v>
      </c>
      <c r="I119" s="16">
        <v>1</v>
      </c>
      <c r="J119" s="16">
        <v>59</v>
      </c>
    </row>
    <row r="120" spans="1:10">
      <c r="A120" s="21" t="s">
        <v>240</v>
      </c>
      <c r="B120" s="21" t="s">
        <v>237</v>
      </c>
      <c r="C120" s="21" t="s">
        <v>265</v>
      </c>
      <c r="D120" s="21" t="s">
        <v>651</v>
      </c>
      <c r="E120" s="21" t="s">
        <v>646</v>
      </c>
      <c r="F120" s="16">
        <v>223</v>
      </c>
      <c r="G120" s="16">
        <v>177</v>
      </c>
      <c r="H120" s="16">
        <v>44</v>
      </c>
      <c r="I120" s="16">
        <v>2</v>
      </c>
      <c r="J120" s="16">
        <v>44</v>
      </c>
    </row>
    <row r="121" spans="1:10">
      <c r="A121" s="21" t="s">
        <v>240</v>
      </c>
      <c r="B121" s="21" t="s">
        <v>237</v>
      </c>
      <c r="C121" s="21" t="s">
        <v>265</v>
      </c>
      <c r="D121" s="21" t="s">
        <v>651</v>
      </c>
      <c r="E121" s="21" t="s">
        <v>647</v>
      </c>
      <c r="F121" s="16">
        <v>197</v>
      </c>
      <c r="G121" s="16">
        <v>159</v>
      </c>
      <c r="H121" s="16">
        <v>38</v>
      </c>
      <c r="I121" s="22" t="s">
        <v>268</v>
      </c>
      <c r="J121" s="16">
        <v>38</v>
      </c>
    </row>
    <row r="122" spans="1:10">
      <c r="A122" s="21" t="s">
        <v>240</v>
      </c>
      <c r="B122" s="21" t="s">
        <v>237</v>
      </c>
      <c r="C122" s="21" t="s">
        <v>265</v>
      </c>
      <c r="D122" s="21" t="s">
        <v>651</v>
      </c>
      <c r="E122" s="21" t="s">
        <v>648</v>
      </c>
      <c r="F122" s="16">
        <v>249</v>
      </c>
      <c r="G122" s="16">
        <v>187</v>
      </c>
      <c r="H122" s="16">
        <v>61</v>
      </c>
      <c r="I122" s="16">
        <v>1</v>
      </c>
      <c r="J122" s="16">
        <v>61</v>
      </c>
    </row>
    <row r="123" spans="1:10">
      <c r="A123" s="21" t="s">
        <v>240</v>
      </c>
      <c r="B123" s="21" t="s">
        <v>237</v>
      </c>
      <c r="C123" s="21" t="s">
        <v>265</v>
      </c>
      <c r="D123" s="21" t="s">
        <v>651</v>
      </c>
      <c r="E123" s="21" t="s">
        <v>649</v>
      </c>
      <c r="F123" s="16">
        <v>379</v>
      </c>
      <c r="G123" s="16">
        <v>283</v>
      </c>
      <c r="H123" s="16">
        <v>95</v>
      </c>
      <c r="I123" s="16">
        <v>1</v>
      </c>
      <c r="J123" s="16">
        <v>95</v>
      </c>
    </row>
    <row r="124" spans="1:10">
      <c r="A124" s="21" t="s">
        <v>240</v>
      </c>
      <c r="B124" s="21" t="s">
        <v>237</v>
      </c>
      <c r="C124" s="21" t="s">
        <v>265</v>
      </c>
      <c r="D124" s="21" t="s">
        <v>651</v>
      </c>
      <c r="E124" s="21" t="s">
        <v>650</v>
      </c>
      <c r="F124" s="16">
        <v>5266</v>
      </c>
      <c r="G124" s="16">
        <v>3936</v>
      </c>
      <c r="H124" s="16">
        <v>834</v>
      </c>
      <c r="I124" s="16">
        <v>496</v>
      </c>
      <c r="J124" s="16">
        <v>1286</v>
      </c>
    </row>
    <row r="125" spans="1:10">
      <c r="A125" s="21" t="s">
        <v>240</v>
      </c>
      <c r="B125" s="21" t="s">
        <v>237</v>
      </c>
      <c r="C125" s="21" t="s">
        <v>265</v>
      </c>
      <c r="D125" s="21" t="s">
        <v>652</v>
      </c>
      <c r="E125" s="21" t="s">
        <v>214</v>
      </c>
      <c r="F125" s="16">
        <v>4796</v>
      </c>
      <c r="G125" s="16">
        <v>3633</v>
      </c>
      <c r="H125" s="16">
        <v>1043</v>
      </c>
      <c r="I125" s="16">
        <v>120</v>
      </c>
      <c r="J125" s="16">
        <v>1137</v>
      </c>
    </row>
    <row r="126" spans="1:10">
      <c r="A126" s="21" t="s">
        <v>240</v>
      </c>
      <c r="B126" s="21" t="s">
        <v>237</v>
      </c>
      <c r="C126" s="21" t="s">
        <v>265</v>
      </c>
      <c r="D126" s="21" t="s">
        <v>652</v>
      </c>
      <c r="E126" s="21" t="s">
        <v>643</v>
      </c>
      <c r="F126" s="16">
        <v>253</v>
      </c>
      <c r="G126" s="16">
        <v>213</v>
      </c>
      <c r="H126" s="16">
        <v>40</v>
      </c>
      <c r="I126" s="22" t="s">
        <v>268</v>
      </c>
      <c r="J126" s="16">
        <v>40</v>
      </c>
    </row>
    <row r="127" spans="1:10">
      <c r="A127" s="21" t="s">
        <v>240</v>
      </c>
      <c r="B127" s="21" t="s">
        <v>237</v>
      </c>
      <c r="C127" s="21" t="s">
        <v>265</v>
      </c>
      <c r="D127" s="21" t="s">
        <v>652</v>
      </c>
      <c r="E127" s="21" t="s">
        <v>644</v>
      </c>
      <c r="F127" s="16">
        <v>501</v>
      </c>
      <c r="G127" s="16">
        <v>399</v>
      </c>
      <c r="H127" s="16">
        <v>102</v>
      </c>
      <c r="I127" s="22" t="s">
        <v>268</v>
      </c>
      <c r="J127" s="16">
        <v>102</v>
      </c>
    </row>
    <row r="128" spans="1:10">
      <c r="A128" s="21" t="s">
        <v>240</v>
      </c>
      <c r="B128" s="21" t="s">
        <v>237</v>
      </c>
      <c r="C128" s="21" t="s">
        <v>265</v>
      </c>
      <c r="D128" s="21" t="s">
        <v>652</v>
      </c>
      <c r="E128" s="21" t="s">
        <v>645</v>
      </c>
      <c r="F128" s="16">
        <v>597</v>
      </c>
      <c r="G128" s="16">
        <v>482</v>
      </c>
      <c r="H128" s="16">
        <v>113</v>
      </c>
      <c r="I128" s="16">
        <v>2</v>
      </c>
      <c r="J128" s="16">
        <v>115</v>
      </c>
    </row>
    <row r="129" spans="1:10">
      <c r="A129" s="21" t="s">
        <v>240</v>
      </c>
      <c r="B129" s="21" t="s">
        <v>237</v>
      </c>
      <c r="C129" s="21" t="s">
        <v>265</v>
      </c>
      <c r="D129" s="21" t="s">
        <v>652</v>
      </c>
      <c r="E129" s="21" t="s">
        <v>646</v>
      </c>
      <c r="F129" s="16">
        <v>556</v>
      </c>
      <c r="G129" s="16">
        <v>439</v>
      </c>
      <c r="H129" s="16">
        <v>113</v>
      </c>
      <c r="I129" s="16">
        <v>4</v>
      </c>
      <c r="J129" s="16">
        <v>114</v>
      </c>
    </row>
    <row r="130" spans="1:10">
      <c r="A130" s="21" t="s">
        <v>240</v>
      </c>
      <c r="B130" s="21" t="s">
        <v>237</v>
      </c>
      <c r="C130" s="21" t="s">
        <v>265</v>
      </c>
      <c r="D130" s="21" t="s">
        <v>652</v>
      </c>
      <c r="E130" s="21" t="s">
        <v>647</v>
      </c>
      <c r="F130" s="16">
        <v>518</v>
      </c>
      <c r="G130" s="16">
        <v>381</v>
      </c>
      <c r="H130" s="16">
        <v>136</v>
      </c>
      <c r="I130" s="16">
        <v>1</v>
      </c>
      <c r="J130" s="16">
        <v>137</v>
      </c>
    </row>
    <row r="131" spans="1:10">
      <c r="A131" s="21" t="s">
        <v>240</v>
      </c>
      <c r="B131" s="21" t="s">
        <v>237</v>
      </c>
      <c r="C131" s="21" t="s">
        <v>265</v>
      </c>
      <c r="D131" s="21" t="s">
        <v>652</v>
      </c>
      <c r="E131" s="21" t="s">
        <v>648</v>
      </c>
      <c r="F131" s="16">
        <v>574</v>
      </c>
      <c r="G131" s="16">
        <v>443</v>
      </c>
      <c r="H131" s="16">
        <v>127</v>
      </c>
      <c r="I131" s="16">
        <v>4</v>
      </c>
      <c r="J131" s="16">
        <v>128</v>
      </c>
    </row>
    <row r="132" spans="1:10">
      <c r="A132" s="21" t="s">
        <v>240</v>
      </c>
      <c r="B132" s="21" t="s">
        <v>237</v>
      </c>
      <c r="C132" s="21" t="s">
        <v>265</v>
      </c>
      <c r="D132" s="21" t="s">
        <v>652</v>
      </c>
      <c r="E132" s="21" t="s">
        <v>649</v>
      </c>
      <c r="F132" s="16">
        <v>431</v>
      </c>
      <c r="G132" s="16">
        <v>313</v>
      </c>
      <c r="H132" s="16">
        <v>116</v>
      </c>
      <c r="I132" s="16">
        <v>2</v>
      </c>
      <c r="J132" s="16">
        <v>117</v>
      </c>
    </row>
    <row r="133" spans="1:10">
      <c r="A133" s="21" t="s">
        <v>240</v>
      </c>
      <c r="B133" s="21" t="s">
        <v>237</v>
      </c>
      <c r="C133" s="21" t="s">
        <v>265</v>
      </c>
      <c r="D133" s="21" t="s">
        <v>652</v>
      </c>
      <c r="E133" s="21" t="s">
        <v>650</v>
      </c>
      <c r="F133" s="16">
        <v>1366</v>
      </c>
      <c r="G133" s="16">
        <v>963</v>
      </c>
      <c r="H133" s="16">
        <v>296</v>
      </c>
      <c r="I133" s="16">
        <v>107</v>
      </c>
      <c r="J133" s="16">
        <v>384</v>
      </c>
    </row>
    <row r="134" spans="1:10">
      <c r="A134" s="21" t="s">
        <v>240</v>
      </c>
      <c r="B134" s="21" t="s">
        <v>237</v>
      </c>
      <c r="C134" s="21" t="s">
        <v>265</v>
      </c>
      <c r="D134" s="21" t="s">
        <v>653</v>
      </c>
      <c r="E134" s="21" t="s">
        <v>214</v>
      </c>
      <c r="F134" s="16">
        <v>1803</v>
      </c>
      <c r="G134" s="16">
        <v>1324</v>
      </c>
      <c r="H134" s="16">
        <v>457</v>
      </c>
      <c r="I134" s="16">
        <v>22</v>
      </c>
      <c r="J134" s="16">
        <v>473</v>
      </c>
    </row>
    <row r="135" spans="1:10">
      <c r="A135" s="21" t="s">
        <v>240</v>
      </c>
      <c r="B135" s="21" t="s">
        <v>237</v>
      </c>
      <c r="C135" s="21" t="s">
        <v>265</v>
      </c>
      <c r="D135" s="21" t="s">
        <v>653</v>
      </c>
      <c r="E135" s="21" t="s">
        <v>643</v>
      </c>
      <c r="F135" s="16">
        <v>139</v>
      </c>
      <c r="G135" s="16">
        <v>121</v>
      </c>
      <c r="H135" s="16">
        <v>18</v>
      </c>
      <c r="I135" s="22" t="s">
        <v>268</v>
      </c>
      <c r="J135" s="16">
        <v>18</v>
      </c>
    </row>
    <row r="136" spans="1:10">
      <c r="A136" s="21" t="s">
        <v>240</v>
      </c>
      <c r="B136" s="21" t="s">
        <v>237</v>
      </c>
      <c r="C136" s="21" t="s">
        <v>265</v>
      </c>
      <c r="D136" s="21" t="s">
        <v>653</v>
      </c>
      <c r="E136" s="21" t="s">
        <v>644</v>
      </c>
      <c r="F136" s="16">
        <v>254</v>
      </c>
      <c r="G136" s="16">
        <v>192</v>
      </c>
      <c r="H136" s="16">
        <v>59</v>
      </c>
      <c r="I136" s="16">
        <v>3</v>
      </c>
      <c r="J136" s="16">
        <v>61</v>
      </c>
    </row>
    <row r="137" spans="1:10">
      <c r="A137" s="21" t="s">
        <v>240</v>
      </c>
      <c r="B137" s="21" t="s">
        <v>237</v>
      </c>
      <c r="C137" s="21" t="s">
        <v>265</v>
      </c>
      <c r="D137" s="21" t="s">
        <v>653</v>
      </c>
      <c r="E137" s="21" t="s">
        <v>645</v>
      </c>
      <c r="F137" s="16">
        <v>356</v>
      </c>
      <c r="G137" s="16">
        <v>282</v>
      </c>
      <c r="H137" s="16">
        <v>69</v>
      </c>
      <c r="I137" s="16">
        <v>5</v>
      </c>
      <c r="J137" s="16">
        <v>72</v>
      </c>
    </row>
    <row r="138" spans="1:10">
      <c r="A138" s="21" t="s">
        <v>240</v>
      </c>
      <c r="B138" s="21" t="s">
        <v>237</v>
      </c>
      <c r="C138" s="21" t="s">
        <v>265</v>
      </c>
      <c r="D138" s="21" t="s">
        <v>653</v>
      </c>
      <c r="E138" s="21" t="s">
        <v>646</v>
      </c>
      <c r="F138" s="16">
        <v>342</v>
      </c>
      <c r="G138" s="16">
        <v>259</v>
      </c>
      <c r="H138" s="16">
        <v>82</v>
      </c>
      <c r="I138" s="16">
        <v>1</v>
      </c>
      <c r="J138" s="16">
        <v>83</v>
      </c>
    </row>
    <row r="139" spans="1:10">
      <c r="A139" s="21" t="s">
        <v>240</v>
      </c>
      <c r="B139" s="21" t="s">
        <v>237</v>
      </c>
      <c r="C139" s="21" t="s">
        <v>265</v>
      </c>
      <c r="D139" s="21" t="s">
        <v>653</v>
      </c>
      <c r="E139" s="21" t="s">
        <v>647</v>
      </c>
      <c r="F139" s="16">
        <v>264</v>
      </c>
      <c r="G139" s="16">
        <v>181</v>
      </c>
      <c r="H139" s="16">
        <v>82</v>
      </c>
      <c r="I139" s="16">
        <v>1</v>
      </c>
      <c r="J139" s="16">
        <v>83</v>
      </c>
    </row>
    <row r="140" spans="1:10">
      <c r="A140" s="21" t="s">
        <v>240</v>
      </c>
      <c r="B140" s="21" t="s">
        <v>237</v>
      </c>
      <c r="C140" s="21" t="s">
        <v>265</v>
      </c>
      <c r="D140" s="21" t="s">
        <v>653</v>
      </c>
      <c r="E140" s="21" t="s">
        <v>648</v>
      </c>
      <c r="F140" s="16">
        <v>183</v>
      </c>
      <c r="G140" s="16">
        <v>125</v>
      </c>
      <c r="H140" s="16">
        <v>58</v>
      </c>
      <c r="I140" s="22" t="s">
        <v>268</v>
      </c>
      <c r="J140" s="16">
        <v>58</v>
      </c>
    </row>
    <row r="141" spans="1:10">
      <c r="A141" s="21" t="s">
        <v>240</v>
      </c>
      <c r="B141" s="21" t="s">
        <v>237</v>
      </c>
      <c r="C141" s="21" t="s">
        <v>265</v>
      </c>
      <c r="D141" s="21" t="s">
        <v>653</v>
      </c>
      <c r="E141" s="21" t="s">
        <v>649</v>
      </c>
      <c r="F141" s="16">
        <v>104</v>
      </c>
      <c r="G141" s="16">
        <v>76</v>
      </c>
      <c r="H141" s="16">
        <v>27</v>
      </c>
      <c r="I141" s="16">
        <v>1</v>
      </c>
      <c r="J141" s="16">
        <v>27</v>
      </c>
    </row>
    <row r="142" spans="1:10">
      <c r="A142" s="21" t="s">
        <v>240</v>
      </c>
      <c r="B142" s="21" t="s">
        <v>237</v>
      </c>
      <c r="C142" s="21" t="s">
        <v>265</v>
      </c>
      <c r="D142" s="21" t="s">
        <v>653</v>
      </c>
      <c r="E142" s="21" t="s">
        <v>650</v>
      </c>
      <c r="F142" s="16">
        <v>161</v>
      </c>
      <c r="G142" s="16">
        <v>88</v>
      </c>
      <c r="H142" s="16">
        <v>62</v>
      </c>
      <c r="I142" s="16">
        <v>11</v>
      </c>
      <c r="J142" s="16">
        <v>71</v>
      </c>
    </row>
    <row r="143" spans="1:10">
      <c r="A143" s="21" t="s">
        <v>240</v>
      </c>
      <c r="B143" s="21" t="s">
        <v>237</v>
      </c>
      <c r="C143" s="21" t="s">
        <v>265</v>
      </c>
      <c r="D143" s="21" t="s">
        <v>654</v>
      </c>
      <c r="E143" s="21" t="s">
        <v>214</v>
      </c>
      <c r="F143" s="16">
        <v>367</v>
      </c>
      <c r="G143" s="16">
        <v>272</v>
      </c>
      <c r="H143" s="16">
        <v>91</v>
      </c>
      <c r="I143" s="16">
        <v>4</v>
      </c>
      <c r="J143" s="16">
        <v>93</v>
      </c>
    </row>
    <row r="144" spans="1:10">
      <c r="A144" s="21" t="s">
        <v>240</v>
      </c>
      <c r="B144" s="21" t="s">
        <v>237</v>
      </c>
      <c r="C144" s="21" t="s">
        <v>265</v>
      </c>
      <c r="D144" s="21" t="s">
        <v>654</v>
      </c>
      <c r="E144" s="21" t="s">
        <v>643</v>
      </c>
      <c r="F144" s="16">
        <v>52</v>
      </c>
      <c r="G144" s="16">
        <v>41</v>
      </c>
      <c r="H144" s="16">
        <v>10</v>
      </c>
      <c r="I144" s="16">
        <v>1</v>
      </c>
      <c r="J144" s="16">
        <v>11</v>
      </c>
    </row>
    <row r="145" spans="1:10">
      <c r="A145" s="21" t="s">
        <v>240</v>
      </c>
      <c r="B145" s="21" t="s">
        <v>237</v>
      </c>
      <c r="C145" s="21" t="s">
        <v>265</v>
      </c>
      <c r="D145" s="21" t="s">
        <v>654</v>
      </c>
      <c r="E145" s="21" t="s">
        <v>644</v>
      </c>
      <c r="F145" s="16">
        <v>80</v>
      </c>
      <c r="G145" s="16">
        <v>62</v>
      </c>
      <c r="H145" s="16">
        <v>17</v>
      </c>
      <c r="I145" s="16">
        <v>1</v>
      </c>
      <c r="J145" s="16">
        <v>17</v>
      </c>
    </row>
    <row r="146" spans="1:10">
      <c r="A146" s="21" t="s">
        <v>240</v>
      </c>
      <c r="B146" s="21" t="s">
        <v>237</v>
      </c>
      <c r="C146" s="21" t="s">
        <v>265</v>
      </c>
      <c r="D146" s="21" t="s">
        <v>654</v>
      </c>
      <c r="E146" s="21" t="s">
        <v>645</v>
      </c>
      <c r="F146" s="16">
        <v>93</v>
      </c>
      <c r="G146" s="16">
        <v>70</v>
      </c>
      <c r="H146" s="16">
        <v>22</v>
      </c>
      <c r="I146" s="16">
        <v>1</v>
      </c>
      <c r="J146" s="16">
        <v>23</v>
      </c>
    </row>
    <row r="147" spans="1:10">
      <c r="A147" s="21" t="s">
        <v>240</v>
      </c>
      <c r="B147" s="21" t="s">
        <v>237</v>
      </c>
      <c r="C147" s="21" t="s">
        <v>265</v>
      </c>
      <c r="D147" s="21" t="s">
        <v>654</v>
      </c>
      <c r="E147" s="21" t="s">
        <v>646</v>
      </c>
      <c r="F147" s="16">
        <v>58</v>
      </c>
      <c r="G147" s="16">
        <v>45</v>
      </c>
      <c r="H147" s="16">
        <v>13</v>
      </c>
      <c r="I147" s="22" t="s">
        <v>268</v>
      </c>
      <c r="J147" s="16">
        <v>13</v>
      </c>
    </row>
    <row r="148" spans="1:10">
      <c r="A148" s="21" t="s">
        <v>240</v>
      </c>
      <c r="B148" s="21" t="s">
        <v>237</v>
      </c>
      <c r="C148" s="21" t="s">
        <v>265</v>
      </c>
      <c r="D148" s="21" t="s">
        <v>654</v>
      </c>
      <c r="E148" s="21" t="s">
        <v>647</v>
      </c>
      <c r="F148" s="16">
        <v>42</v>
      </c>
      <c r="G148" s="16">
        <v>28</v>
      </c>
      <c r="H148" s="16">
        <v>14</v>
      </c>
      <c r="I148" s="22" t="s">
        <v>268</v>
      </c>
      <c r="J148" s="16">
        <v>14</v>
      </c>
    </row>
    <row r="149" spans="1:10">
      <c r="A149" s="21" t="s">
        <v>240</v>
      </c>
      <c r="B149" s="21" t="s">
        <v>237</v>
      </c>
      <c r="C149" s="21" t="s">
        <v>265</v>
      </c>
      <c r="D149" s="21" t="s">
        <v>654</v>
      </c>
      <c r="E149" s="21" t="s">
        <v>648</v>
      </c>
      <c r="F149" s="16">
        <v>26</v>
      </c>
      <c r="G149" s="16">
        <v>18</v>
      </c>
      <c r="H149" s="16">
        <v>8</v>
      </c>
      <c r="I149" s="22" t="s">
        <v>268</v>
      </c>
      <c r="J149" s="16">
        <v>8</v>
      </c>
    </row>
    <row r="150" spans="1:10">
      <c r="A150" s="21" t="s">
        <v>240</v>
      </c>
      <c r="B150" s="21" t="s">
        <v>237</v>
      </c>
      <c r="C150" s="21" t="s">
        <v>265</v>
      </c>
      <c r="D150" s="21" t="s">
        <v>654</v>
      </c>
      <c r="E150" s="21" t="s">
        <v>649</v>
      </c>
      <c r="F150" s="16">
        <v>9</v>
      </c>
      <c r="G150" s="16">
        <v>5</v>
      </c>
      <c r="H150" s="16">
        <v>4</v>
      </c>
      <c r="I150" s="22" t="s">
        <v>268</v>
      </c>
      <c r="J150" s="16">
        <v>4</v>
      </c>
    </row>
    <row r="151" spans="1:10">
      <c r="A151" s="21" t="s">
        <v>240</v>
      </c>
      <c r="B151" s="21" t="s">
        <v>237</v>
      </c>
      <c r="C151" s="21" t="s">
        <v>265</v>
      </c>
      <c r="D151" s="21" t="s">
        <v>654</v>
      </c>
      <c r="E151" s="21" t="s">
        <v>650</v>
      </c>
      <c r="F151" s="16">
        <v>7</v>
      </c>
      <c r="G151" s="16">
        <v>3</v>
      </c>
      <c r="H151" s="16">
        <v>3</v>
      </c>
      <c r="I151" s="16">
        <v>1</v>
      </c>
      <c r="J151" s="16">
        <v>3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3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E88E32-19C1-4F2C-8C4F-2B5F2DC5D56D}">
  <sheetPr>
    <pageSetUpPr fitToPage="1"/>
  </sheetPr>
  <dimension ref="A1:DP66"/>
  <sheetViews>
    <sheetView zoomScaleNormal="100" workbookViewId="0">
      <pane xSplit="9" ySplit="12" topLeftCell="J13" activePane="bottomRight" state="frozen"/>
      <selection pane="topRight" activeCell="AD1" sqref="AD1"/>
      <selection pane="bottomLeft" activeCell="A23" sqref="A23"/>
      <selection pane="bottomRight" activeCell="A10" sqref="A10"/>
    </sheetView>
  </sheetViews>
  <sheetFormatPr defaultColWidth="12.625" defaultRowHeight="12" outlineLevelRow="1"/>
  <cols>
    <col min="1" max="1" width="17.5" style="20" customWidth="1"/>
    <col min="2" max="2" width="12.625" style="20"/>
    <col min="3" max="3" width="2.375" style="20" bestFit="1" customWidth="1"/>
    <col min="4" max="4" width="11.25" style="20" bestFit="1" customWidth="1"/>
    <col min="5" max="5" width="5.875" style="20" bestFit="1" customWidth="1"/>
    <col min="6" max="6" width="5" style="20" bestFit="1" customWidth="1"/>
    <col min="7" max="7" width="11.25" style="20" bestFit="1" customWidth="1"/>
    <col min="8" max="8" width="5.875" style="20" bestFit="1" customWidth="1"/>
    <col min="9" max="9" width="19" style="20" bestFit="1" customWidth="1"/>
    <col min="10" max="16384" width="12.625" style="20"/>
  </cols>
  <sheetData>
    <row r="1" spans="1:120" s="11" customFormat="1">
      <c r="A1" s="11" t="s">
        <v>192</v>
      </c>
    </row>
    <row r="2" spans="1:120" s="11" customFormat="1">
      <c r="A2" s="11" t="s">
        <v>276</v>
      </c>
    </row>
    <row r="3" spans="1:120" s="11" customFormat="1"/>
    <row r="4" spans="1:120" s="11" customFormat="1" outlineLevel="1">
      <c r="A4" s="11" t="s">
        <v>277</v>
      </c>
    </row>
    <row r="5" spans="1:120" s="11" customFormat="1" outlineLevel="1">
      <c r="A5" s="11" t="s">
        <v>278</v>
      </c>
    </row>
    <row r="6" spans="1:120" s="11" customFormat="1" outlineLevel="1">
      <c r="A6" s="11" t="s">
        <v>279</v>
      </c>
    </row>
    <row r="7" spans="1:120" s="11" customFormat="1">
      <c r="J7" s="12" t="s">
        <v>200</v>
      </c>
      <c r="K7" s="12" t="s">
        <v>200</v>
      </c>
      <c r="L7" s="12" t="s">
        <v>200</v>
      </c>
      <c r="M7" s="12" t="s">
        <v>200</v>
      </c>
      <c r="N7" s="12" t="s">
        <v>200</v>
      </c>
      <c r="O7" s="12" t="s">
        <v>200</v>
      </c>
      <c r="P7" s="12" t="s">
        <v>200</v>
      </c>
      <c r="Q7" s="12" t="s">
        <v>200</v>
      </c>
      <c r="R7" s="12" t="s">
        <v>200</v>
      </c>
      <c r="S7" s="12" t="s">
        <v>200</v>
      </c>
      <c r="T7" s="12" t="s">
        <v>200</v>
      </c>
      <c r="U7" s="12" t="s">
        <v>200</v>
      </c>
      <c r="V7" s="12" t="s">
        <v>200</v>
      </c>
      <c r="W7" s="12" t="s">
        <v>200</v>
      </c>
      <c r="X7" s="12" t="s">
        <v>200</v>
      </c>
      <c r="Y7" s="12" t="s">
        <v>200</v>
      </c>
      <c r="Z7" s="12" t="s">
        <v>200</v>
      </c>
      <c r="AA7" s="12" t="s">
        <v>200</v>
      </c>
      <c r="AB7" s="12" t="s">
        <v>200</v>
      </c>
      <c r="AC7" s="12" t="s">
        <v>200</v>
      </c>
      <c r="AD7" s="12" t="s">
        <v>200</v>
      </c>
      <c r="AE7" s="12" t="s">
        <v>200</v>
      </c>
      <c r="AF7" s="12" t="s">
        <v>200</v>
      </c>
      <c r="AG7" s="12" t="s">
        <v>200</v>
      </c>
      <c r="AH7" s="12" t="s">
        <v>200</v>
      </c>
      <c r="AI7" s="12" t="s">
        <v>200</v>
      </c>
      <c r="AJ7" s="12" t="s">
        <v>200</v>
      </c>
      <c r="AK7" s="12" t="s">
        <v>200</v>
      </c>
      <c r="AL7" s="12" t="s">
        <v>200</v>
      </c>
      <c r="AM7" s="12" t="s">
        <v>200</v>
      </c>
      <c r="AN7" s="12" t="s">
        <v>200</v>
      </c>
      <c r="AO7" s="12" t="s">
        <v>200</v>
      </c>
      <c r="AP7" s="12" t="s">
        <v>200</v>
      </c>
      <c r="AQ7" s="12" t="s">
        <v>200</v>
      </c>
      <c r="AR7" s="12" t="s">
        <v>200</v>
      </c>
      <c r="AS7" s="12" t="s">
        <v>200</v>
      </c>
      <c r="AT7" s="12" t="s">
        <v>200</v>
      </c>
      <c r="AU7" s="12" t="s">
        <v>200</v>
      </c>
      <c r="AV7" s="12" t="s">
        <v>200</v>
      </c>
      <c r="AW7" s="12" t="s">
        <v>200</v>
      </c>
      <c r="AX7" s="12" t="s">
        <v>200</v>
      </c>
      <c r="AY7" s="12" t="s">
        <v>200</v>
      </c>
      <c r="AZ7" s="12" t="s">
        <v>200</v>
      </c>
      <c r="BA7" s="12" t="s">
        <v>200</v>
      </c>
      <c r="BB7" s="12" t="s">
        <v>200</v>
      </c>
      <c r="BC7" s="12" t="s">
        <v>200</v>
      </c>
      <c r="BD7" s="12" t="s">
        <v>200</v>
      </c>
      <c r="BE7" s="12" t="s">
        <v>200</v>
      </c>
      <c r="BF7" s="12" t="s">
        <v>200</v>
      </c>
      <c r="BG7" s="12" t="s">
        <v>200</v>
      </c>
      <c r="BH7" s="12" t="s">
        <v>200</v>
      </c>
      <c r="BI7" s="12" t="s">
        <v>200</v>
      </c>
      <c r="BJ7" s="12" t="s">
        <v>200</v>
      </c>
      <c r="BK7" s="12" t="s">
        <v>200</v>
      </c>
      <c r="BL7" s="12" t="s">
        <v>200</v>
      </c>
      <c r="BM7" s="12" t="s">
        <v>200</v>
      </c>
      <c r="BN7" s="12" t="s">
        <v>200</v>
      </c>
      <c r="BO7" s="12" t="s">
        <v>200</v>
      </c>
      <c r="BP7" s="12" t="s">
        <v>200</v>
      </c>
      <c r="BQ7" s="12" t="s">
        <v>200</v>
      </c>
      <c r="BR7" s="12" t="s">
        <v>200</v>
      </c>
      <c r="BS7" s="12" t="s">
        <v>200</v>
      </c>
      <c r="BT7" s="12" t="s">
        <v>200</v>
      </c>
      <c r="BU7" s="12" t="s">
        <v>200</v>
      </c>
      <c r="BV7" s="12" t="s">
        <v>200</v>
      </c>
      <c r="BW7" s="12" t="s">
        <v>200</v>
      </c>
      <c r="BX7" s="12" t="s">
        <v>200</v>
      </c>
      <c r="BY7" s="12" t="s">
        <v>200</v>
      </c>
      <c r="BZ7" s="12" t="s">
        <v>200</v>
      </c>
      <c r="CA7" s="12" t="s">
        <v>200</v>
      </c>
      <c r="CB7" s="12" t="s">
        <v>200</v>
      </c>
      <c r="CC7" s="12" t="s">
        <v>200</v>
      </c>
      <c r="CD7" s="12" t="s">
        <v>200</v>
      </c>
      <c r="CE7" s="12" t="s">
        <v>200</v>
      </c>
      <c r="CF7" s="12" t="s">
        <v>200</v>
      </c>
      <c r="CG7" s="12" t="s">
        <v>200</v>
      </c>
      <c r="CH7" s="12" t="s">
        <v>200</v>
      </c>
      <c r="CI7" s="12" t="s">
        <v>200</v>
      </c>
      <c r="CJ7" s="12" t="s">
        <v>200</v>
      </c>
      <c r="CK7" s="12" t="s">
        <v>200</v>
      </c>
      <c r="CL7" s="12" t="s">
        <v>200</v>
      </c>
      <c r="CM7" s="12" t="s">
        <v>200</v>
      </c>
      <c r="CN7" s="12" t="s">
        <v>200</v>
      </c>
      <c r="CO7" s="12" t="s">
        <v>200</v>
      </c>
      <c r="CP7" s="12" t="s">
        <v>200</v>
      </c>
      <c r="CQ7" s="12" t="s">
        <v>200</v>
      </c>
      <c r="CR7" s="12" t="s">
        <v>200</v>
      </c>
      <c r="CS7" s="12" t="s">
        <v>200</v>
      </c>
      <c r="CT7" s="12" t="s">
        <v>200</v>
      </c>
      <c r="CU7" s="12" t="s">
        <v>200</v>
      </c>
      <c r="CV7" s="12" t="s">
        <v>200</v>
      </c>
      <c r="CW7" s="12" t="s">
        <v>200</v>
      </c>
      <c r="CX7" s="12" t="s">
        <v>200</v>
      </c>
      <c r="CY7" s="12" t="s">
        <v>200</v>
      </c>
      <c r="CZ7" s="12" t="s">
        <v>200</v>
      </c>
      <c r="DA7" s="12" t="s">
        <v>200</v>
      </c>
      <c r="DB7" s="12" t="s">
        <v>200</v>
      </c>
      <c r="DC7" s="12" t="s">
        <v>200</v>
      </c>
      <c r="DD7" s="12" t="s">
        <v>200</v>
      </c>
      <c r="DE7" s="12" t="s">
        <v>200</v>
      </c>
      <c r="DF7" s="12" t="s">
        <v>200</v>
      </c>
      <c r="DG7" s="12" t="s">
        <v>200</v>
      </c>
      <c r="DH7" s="12" t="s">
        <v>200</v>
      </c>
      <c r="DI7" s="12" t="s">
        <v>200</v>
      </c>
      <c r="DJ7" s="12" t="s">
        <v>200</v>
      </c>
      <c r="DK7" s="12" t="s">
        <v>200</v>
      </c>
      <c r="DL7" s="12" t="s">
        <v>200</v>
      </c>
      <c r="DM7" s="12" t="s">
        <v>200</v>
      </c>
      <c r="DN7" s="12" t="s">
        <v>200</v>
      </c>
      <c r="DO7" s="12" t="s">
        <v>280</v>
      </c>
      <c r="DP7" s="12" t="s">
        <v>281</v>
      </c>
    </row>
    <row r="8" spans="1:120" s="11" customFormat="1">
      <c r="J8" s="12" t="s">
        <v>282</v>
      </c>
      <c r="K8" s="12" t="s">
        <v>282</v>
      </c>
      <c r="L8" s="12" t="s">
        <v>282</v>
      </c>
      <c r="M8" s="12" t="s">
        <v>282</v>
      </c>
      <c r="N8" s="12" t="s">
        <v>282</v>
      </c>
      <c r="O8" s="12" t="s">
        <v>282</v>
      </c>
      <c r="P8" s="12" t="s">
        <v>282</v>
      </c>
      <c r="Q8" s="12" t="s">
        <v>282</v>
      </c>
      <c r="R8" s="12" t="s">
        <v>282</v>
      </c>
      <c r="S8" s="12" t="s">
        <v>282</v>
      </c>
      <c r="T8" s="12" t="s">
        <v>282</v>
      </c>
      <c r="U8" s="12" t="s">
        <v>282</v>
      </c>
      <c r="V8" s="12" t="s">
        <v>282</v>
      </c>
      <c r="W8" s="12" t="s">
        <v>282</v>
      </c>
      <c r="X8" s="12" t="s">
        <v>282</v>
      </c>
      <c r="Y8" s="12" t="s">
        <v>282</v>
      </c>
      <c r="Z8" s="12" t="s">
        <v>282</v>
      </c>
      <c r="AA8" s="12" t="s">
        <v>282</v>
      </c>
      <c r="AB8" s="12" t="s">
        <v>282</v>
      </c>
      <c r="AC8" s="12" t="s">
        <v>282</v>
      </c>
      <c r="AD8" s="12" t="s">
        <v>282</v>
      </c>
      <c r="AE8" s="12" t="s">
        <v>282</v>
      </c>
      <c r="AF8" s="12" t="s">
        <v>282</v>
      </c>
      <c r="AG8" s="12" t="s">
        <v>282</v>
      </c>
      <c r="AH8" s="12" t="s">
        <v>282</v>
      </c>
      <c r="AI8" s="12" t="s">
        <v>282</v>
      </c>
      <c r="AJ8" s="12" t="s">
        <v>282</v>
      </c>
      <c r="AK8" s="12" t="s">
        <v>282</v>
      </c>
      <c r="AL8" s="12" t="s">
        <v>282</v>
      </c>
      <c r="AM8" s="12" t="s">
        <v>282</v>
      </c>
      <c r="AN8" s="12" t="s">
        <v>282</v>
      </c>
      <c r="AO8" s="12" t="s">
        <v>282</v>
      </c>
      <c r="AP8" s="12" t="s">
        <v>282</v>
      </c>
      <c r="AQ8" s="12" t="s">
        <v>282</v>
      </c>
      <c r="AR8" s="12" t="s">
        <v>282</v>
      </c>
      <c r="AS8" s="12" t="s">
        <v>282</v>
      </c>
      <c r="AT8" s="12" t="s">
        <v>282</v>
      </c>
      <c r="AU8" s="12" t="s">
        <v>282</v>
      </c>
      <c r="AV8" s="12" t="s">
        <v>282</v>
      </c>
      <c r="AW8" s="12" t="s">
        <v>282</v>
      </c>
      <c r="AX8" s="12" t="s">
        <v>282</v>
      </c>
      <c r="AY8" s="12" t="s">
        <v>282</v>
      </c>
      <c r="AZ8" s="12" t="s">
        <v>282</v>
      </c>
      <c r="BA8" s="12" t="s">
        <v>282</v>
      </c>
      <c r="BB8" s="12" t="s">
        <v>282</v>
      </c>
      <c r="BC8" s="12" t="s">
        <v>282</v>
      </c>
      <c r="BD8" s="12" t="s">
        <v>282</v>
      </c>
      <c r="BE8" s="12" t="s">
        <v>282</v>
      </c>
      <c r="BF8" s="12" t="s">
        <v>282</v>
      </c>
      <c r="BG8" s="12" t="s">
        <v>282</v>
      </c>
      <c r="BH8" s="12" t="s">
        <v>282</v>
      </c>
      <c r="BI8" s="12" t="s">
        <v>282</v>
      </c>
      <c r="BJ8" s="12" t="s">
        <v>282</v>
      </c>
      <c r="BK8" s="12" t="s">
        <v>282</v>
      </c>
      <c r="BL8" s="12" t="s">
        <v>282</v>
      </c>
      <c r="BM8" s="12" t="s">
        <v>282</v>
      </c>
      <c r="BN8" s="12" t="s">
        <v>282</v>
      </c>
      <c r="BO8" s="12" t="s">
        <v>282</v>
      </c>
      <c r="BP8" s="12" t="s">
        <v>282</v>
      </c>
      <c r="BQ8" s="12" t="s">
        <v>282</v>
      </c>
      <c r="BR8" s="12" t="s">
        <v>282</v>
      </c>
      <c r="BS8" s="12" t="s">
        <v>282</v>
      </c>
      <c r="BT8" s="12" t="s">
        <v>282</v>
      </c>
      <c r="BU8" s="12" t="s">
        <v>282</v>
      </c>
      <c r="BV8" s="12" t="s">
        <v>282</v>
      </c>
      <c r="BW8" s="12" t="s">
        <v>282</v>
      </c>
      <c r="BX8" s="12" t="s">
        <v>282</v>
      </c>
      <c r="BY8" s="12" t="s">
        <v>282</v>
      </c>
      <c r="BZ8" s="12" t="s">
        <v>282</v>
      </c>
      <c r="CA8" s="12" t="s">
        <v>282</v>
      </c>
      <c r="CB8" s="12" t="s">
        <v>282</v>
      </c>
      <c r="CC8" s="12" t="s">
        <v>282</v>
      </c>
      <c r="CD8" s="12" t="s">
        <v>282</v>
      </c>
      <c r="CE8" s="12" t="s">
        <v>282</v>
      </c>
      <c r="CF8" s="12" t="s">
        <v>282</v>
      </c>
      <c r="CG8" s="12" t="s">
        <v>282</v>
      </c>
      <c r="CH8" s="12" t="s">
        <v>282</v>
      </c>
      <c r="CI8" s="12" t="s">
        <v>282</v>
      </c>
      <c r="CJ8" s="12" t="s">
        <v>282</v>
      </c>
      <c r="CK8" s="12" t="s">
        <v>282</v>
      </c>
      <c r="CL8" s="12" t="s">
        <v>282</v>
      </c>
      <c r="CM8" s="12" t="s">
        <v>282</v>
      </c>
      <c r="CN8" s="12" t="s">
        <v>282</v>
      </c>
      <c r="CO8" s="12" t="s">
        <v>282</v>
      </c>
      <c r="CP8" s="12" t="s">
        <v>282</v>
      </c>
      <c r="CQ8" s="12" t="s">
        <v>282</v>
      </c>
      <c r="CR8" s="12" t="s">
        <v>282</v>
      </c>
      <c r="CS8" s="12" t="s">
        <v>282</v>
      </c>
      <c r="CT8" s="12" t="s">
        <v>282</v>
      </c>
      <c r="CU8" s="12" t="s">
        <v>282</v>
      </c>
      <c r="CV8" s="12" t="s">
        <v>282</v>
      </c>
      <c r="CW8" s="12" t="s">
        <v>282</v>
      </c>
      <c r="CX8" s="12" t="s">
        <v>282</v>
      </c>
      <c r="CY8" s="12" t="s">
        <v>282</v>
      </c>
      <c r="CZ8" s="12" t="s">
        <v>282</v>
      </c>
      <c r="DA8" s="12" t="s">
        <v>282</v>
      </c>
      <c r="DB8" s="12" t="s">
        <v>282</v>
      </c>
      <c r="DC8" s="12" t="s">
        <v>282</v>
      </c>
      <c r="DD8" s="12" t="s">
        <v>282</v>
      </c>
      <c r="DE8" s="12" t="s">
        <v>282</v>
      </c>
      <c r="DF8" s="12" t="s">
        <v>282</v>
      </c>
      <c r="DG8" s="12" t="s">
        <v>282</v>
      </c>
      <c r="DH8" s="12" t="s">
        <v>282</v>
      </c>
      <c r="DI8" s="12" t="s">
        <v>282</v>
      </c>
      <c r="DJ8" s="12" t="s">
        <v>282</v>
      </c>
      <c r="DK8" s="12" t="s">
        <v>282</v>
      </c>
      <c r="DL8" s="12" t="s">
        <v>282</v>
      </c>
      <c r="DM8" s="12" t="s">
        <v>282</v>
      </c>
      <c r="DN8" s="12" t="s">
        <v>282</v>
      </c>
      <c r="DO8" s="12"/>
      <c r="DP8" s="12"/>
    </row>
    <row r="9" spans="1:120" s="11" customFormat="1">
      <c r="J9" s="12">
        <v>1</v>
      </c>
      <c r="K9" s="12">
        <v>1</v>
      </c>
      <c r="L9" s="12">
        <v>1</v>
      </c>
      <c r="M9" s="12">
        <v>1</v>
      </c>
      <c r="N9" s="12">
        <v>1</v>
      </c>
      <c r="O9" s="12">
        <v>1</v>
      </c>
      <c r="P9" s="12">
        <v>1</v>
      </c>
      <c r="Q9" s="12">
        <v>1</v>
      </c>
      <c r="R9" s="12">
        <v>1</v>
      </c>
      <c r="S9" s="12">
        <v>1</v>
      </c>
      <c r="T9" s="12">
        <v>1</v>
      </c>
      <c r="U9" s="12">
        <v>1</v>
      </c>
      <c r="V9" s="12">
        <v>1</v>
      </c>
      <c r="W9" s="12">
        <v>1</v>
      </c>
      <c r="X9" s="12">
        <v>1</v>
      </c>
      <c r="Y9" s="12">
        <v>1</v>
      </c>
      <c r="Z9" s="12">
        <v>1</v>
      </c>
      <c r="AA9" s="12">
        <v>1</v>
      </c>
      <c r="AB9" s="12">
        <v>1</v>
      </c>
      <c r="AC9" s="12">
        <v>1</v>
      </c>
      <c r="AD9" s="12">
        <v>1</v>
      </c>
      <c r="AE9" s="12">
        <v>1</v>
      </c>
      <c r="AF9" s="12">
        <v>1</v>
      </c>
      <c r="AG9" s="12">
        <v>1</v>
      </c>
      <c r="AH9" s="12">
        <v>1</v>
      </c>
      <c r="AI9" s="12">
        <v>1</v>
      </c>
      <c r="AJ9" s="12">
        <v>1</v>
      </c>
      <c r="AK9" s="12">
        <v>1</v>
      </c>
      <c r="AL9" s="12">
        <v>1</v>
      </c>
      <c r="AM9" s="12">
        <v>1</v>
      </c>
      <c r="AN9" s="12">
        <v>1</v>
      </c>
      <c r="AO9" s="12">
        <v>1</v>
      </c>
      <c r="AP9" s="12">
        <v>1</v>
      </c>
      <c r="AQ9" s="12">
        <v>1</v>
      </c>
      <c r="AR9" s="12">
        <v>1</v>
      </c>
      <c r="AS9" s="12">
        <v>1</v>
      </c>
      <c r="AT9" s="12">
        <v>1</v>
      </c>
      <c r="AU9" s="12">
        <v>1</v>
      </c>
      <c r="AV9" s="12">
        <v>1</v>
      </c>
      <c r="AW9" s="12">
        <v>1</v>
      </c>
      <c r="AX9" s="12">
        <v>1</v>
      </c>
      <c r="AY9" s="12">
        <v>1</v>
      </c>
      <c r="AZ9" s="12">
        <v>1</v>
      </c>
      <c r="BA9" s="12">
        <v>1</v>
      </c>
      <c r="BB9" s="12">
        <v>1</v>
      </c>
      <c r="BC9" s="12">
        <v>1</v>
      </c>
      <c r="BD9" s="12">
        <v>1</v>
      </c>
      <c r="BE9" s="12">
        <v>1</v>
      </c>
      <c r="BF9" s="12">
        <v>1</v>
      </c>
      <c r="BG9" s="12">
        <v>1</v>
      </c>
      <c r="BH9" s="12">
        <v>1</v>
      </c>
      <c r="BI9" s="12">
        <v>1</v>
      </c>
      <c r="BJ9" s="12">
        <v>1</v>
      </c>
      <c r="BK9" s="12">
        <v>1</v>
      </c>
      <c r="BL9" s="12">
        <v>1</v>
      </c>
      <c r="BM9" s="12">
        <v>1</v>
      </c>
      <c r="BN9" s="12">
        <v>1</v>
      </c>
      <c r="BO9" s="12">
        <v>1</v>
      </c>
      <c r="BP9" s="12">
        <v>1</v>
      </c>
      <c r="BQ9" s="12">
        <v>1</v>
      </c>
      <c r="BR9" s="12">
        <v>1</v>
      </c>
      <c r="BS9" s="12">
        <v>1</v>
      </c>
      <c r="BT9" s="12">
        <v>1</v>
      </c>
      <c r="BU9" s="12">
        <v>1</v>
      </c>
      <c r="BV9" s="12">
        <v>1</v>
      </c>
      <c r="BW9" s="12">
        <v>1</v>
      </c>
      <c r="BX9" s="12">
        <v>1</v>
      </c>
      <c r="BY9" s="12">
        <v>1</v>
      </c>
      <c r="BZ9" s="12">
        <v>1</v>
      </c>
      <c r="CA9" s="12">
        <v>1</v>
      </c>
      <c r="CB9" s="12">
        <v>1</v>
      </c>
      <c r="CC9" s="12">
        <v>1</v>
      </c>
      <c r="CD9" s="12">
        <v>1</v>
      </c>
      <c r="CE9" s="12">
        <v>1</v>
      </c>
      <c r="CF9" s="12">
        <v>1</v>
      </c>
      <c r="CG9" s="12">
        <v>1</v>
      </c>
      <c r="CH9" s="12">
        <v>1</v>
      </c>
      <c r="CI9" s="12">
        <v>1</v>
      </c>
      <c r="CJ9" s="12">
        <v>1</v>
      </c>
      <c r="CK9" s="12">
        <v>1</v>
      </c>
      <c r="CL9" s="12">
        <v>1</v>
      </c>
      <c r="CM9" s="12">
        <v>1</v>
      </c>
      <c r="CN9" s="12">
        <v>1</v>
      </c>
      <c r="CO9" s="12">
        <v>1</v>
      </c>
      <c r="CP9" s="12">
        <v>1</v>
      </c>
      <c r="CQ9" s="12">
        <v>1</v>
      </c>
      <c r="CR9" s="12">
        <v>1</v>
      </c>
      <c r="CS9" s="12">
        <v>1</v>
      </c>
      <c r="CT9" s="12">
        <v>1</v>
      </c>
      <c r="CU9" s="12">
        <v>1</v>
      </c>
      <c r="CV9" s="12">
        <v>1</v>
      </c>
      <c r="CW9" s="12">
        <v>1</v>
      </c>
      <c r="CX9" s="12">
        <v>1</v>
      </c>
      <c r="CY9" s="12">
        <v>1</v>
      </c>
      <c r="CZ9" s="12">
        <v>1</v>
      </c>
      <c r="DA9" s="12">
        <v>1</v>
      </c>
      <c r="DB9" s="12">
        <v>1</v>
      </c>
      <c r="DC9" s="12">
        <v>1</v>
      </c>
      <c r="DD9" s="12">
        <v>1</v>
      </c>
      <c r="DE9" s="12">
        <v>1</v>
      </c>
      <c r="DF9" s="12">
        <v>1</v>
      </c>
      <c r="DG9" s="12">
        <v>1</v>
      </c>
      <c r="DH9" s="12">
        <v>1</v>
      </c>
      <c r="DI9" s="12">
        <v>1</v>
      </c>
      <c r="DJ9" s="12">
        <v>1</v>
      </c>
      <c r="DK9" s="12">
        <v>1</v>
      </c>
      <c r="DL9" s="12">
        <v>1</v>
      </c>
      <c r="DM9" s="12">
        <v>1</v>
      </c>
      <c r="DN9" s="12">
        <v>1</v>
      </c>
      <c r="DO9" s="12"/>
      <c r="DP9" s="12"/>
    </row>
    <row r="10" spans="1:120" s="11" customFormat="1" ht="24">
      <c r="J10" s="12" t="s">
        <v>283</v>
      </c>
      <c r="K10" s="12" t="s">
        <v>284</v>
      </c>
      <c r="L10" s="12" t="s">
        <v>285</v>
      </c>
      <c r="M10" s="12" t="s">
        <v>286</v>
      </c>
      <c r="N10" s="12" t="s">
        <v>287</v>
      </c>
      <c r="O10" s="12" t="s">
        <v>288</v>
      </c>
      <c r="P10" s="12" t="s">
        <v>289</v>
      </c>
      <c r="Q10" s="12" t="s">
        <v>290</v>
      </c>
      <c r="R10" s="12" t="s">
        <v>291</v>
      </c>
      <c r="S10" s="12" t="s">
        <v>292</v>
      </c>
      <c r="T10" s="12" t="s">
        <v>293</v>
      </c>
      <c r="U10" s="12" t="s">
        <v>294</v>
      </c>
      <c r="V10" s="12" t="s">
        <v>295</v>
      </c>
      <c r="W10" s="12" t="s">
        <v>296</v>
      </c>
      <c r="X10" s="12" t="s">
        <v>297</v>
      </c>
      <c r="Y10" s="12" t="s">
        <v>298</v>
      </c>
      <c r="Z10" s="12" t="s">
        <v>299</v>
      </c>
      <c r="AA10" s="12" t="s">
        <v>300</v>
      </c>
      <c r="AB10" s="12" t="s">
        <v>301</v>
      </c>
      <c r="AC10" s="12" t="s">
        <v>302</v>
      </c>
      <c r="AD10" s="12" t="s">
        <v>303</v>
      </c>
      <c r="AE10" s="12" t="s">
        <v>304</v>
      </c>
      <c r="AF10" s="12" t="s">
        <v>305</v>
      </c>
      <c r="AG10" s="12" t="s">
        <v>306</v>
      </c>
      <c r="AH10" s="12" t="s">
        <v>307</v>
      </c>
      <c r="AI10" s="12" t="s">
        <v>308</v>
      </c>
      <c r="AJ10" s="12" t="s">
        <v>309</v>
      </c>
      <c r="AK10" s="12" t="s">
        <v>310</v>
      </c>
      <c r="AL10" s="12" t="s">
        <v>311</v>
      </c>
      <c r="AM10" s="12" t="s">
        <v>312</v>
      </c>
      <c r="AN10" s="12" t="s">
        <v>313</v>
      </c>
      <c r="AO10" s="12" t="s">
        <v>314</v>
      </c>
      <c r="AP10" s="12" t="s">
        <v>315</v>
      </c>
      <c r="AQ10" s="12" t="s">
        <v>316</v>
      </c>
      <c r="AR10" s="12" t="s">
        <v>317</v>
      </c>
      <c r="AS10" s="12" t="s">
        <v>318</v>
      </c>
      <c r="AT10" s="12" t="s">
        <v>319</v>
      </c>
      <c r="AU10" s="12" t="s">
        <v>320</v>
      </c>
      <c r="AV10" s="12" t="s">
        <v>321</v>
      </c>
      <c r="AW10" s="12" t="s">
        <v>322</v>
      </c>
      <c r="AX10" s="12" t="s">
        <v>323</v>
      </c>
      <c r="AY10" s="12" t="s">
        <v>324</v>
      </c>
      <c r="AZ10" s="12" t="s">
        <v>325</v>
      </c>
      <c r="BA10" s="12" t="s">
        <v>326</v>
      </c>
      <c r="BB10" s="12" t="s">
        <v>327</v>
      </c>
      <c r="BC10" s="12" t="s">
        <v>328</v>
      </c>
      <c r="BD10" s="12" t="s">
        <v>329</v>
      </c>
      <c r="BE10" s="12" t="s">
        <v>330</v>
      </c>
      <c r="BF10" s="12" t="s">
        <v>331</v>
      </c>
      <c r="BG10" s="12" t="s">
        <v>332</v>
      </c>
      <c r="BH10" s="12" t="s">
        <v>333</v>
      </c>
      <c r="BI10" s="12" t="s">
        <v>334</v>
      </c>
      <c r="BJ10" s="12" t="s">
        <v>335</v>
      </c>
      <c r="BK10" s="12" t="s">
        <v>336</v>
      </c>
      <c r="BL10" s="12" t="s">
        <v>337</v>
      </c>
      <c r="BM10" s="12" t="s">
        <v>338</v>
      </c>
      <c r="BN10" s="12" t="s">
        <v>339</v>
      </c>
      <c r="BO10" s="12" t="s">
        <v>340</v>
      </c>
      <c r="BP10" s="12" t="s">
        <v>341</v>
      </c>
      <c r="BQ10" s="12" t="s">
        <v>342</v>
      </c>
      <c r="BR10" s="12" t="s">
        <v>343</v>
      </c>
      <c r="BS10" s="12" t="s">
        <v>344</v>
      </c>
      <c r="BT10" s="12" t="s">
        <v>345</v>
      </c>
      <c r="BU10" s="12" t="s">
        <v>346</v>
      </c>
      <c r="BV10" s="12" t="s">
        <v>347</v>
      </c>
      <c r="BW10" s="12" t="s">
        <v>348</v>
      </c>
      <c r="BX10" s="12" t="s">
        <v>349</v>
      </c>
      <c r="BY10" s="12" t="s">
        <v>350</v>
      </c>
      <c r="BZ10" s="12" t="s">
        <v>351</v>
      </c>
      <c r="CA10" s="12" t="s">
        <v>352</v>
      </c>
      <c r="CB10" s="12" t="s">
        <v>353</v>
      </c>
      <c r="CC10" s="12" t="s">
        <v>354</v>
      </c>
      <c r="CD10" s="12" t="s">
        <v>355</v>
      </c>
      <c r="CE10" s="12" t="s">
        <v>356</v>
      </c>
      <c r="CF10" s="12" t="s">
        <v>357</v>
      </c>
      <c r="CG10" s="12" t="s">
        <v>358</v>
      </c>
      <c r="CH10" s="12" t="s">
        <v>359</v>
      </c>
      <c r="CI10" s="12" t="s">
        <v>360</v>
      </c>
      <c r="CJ10" s="12" t="s">
        <v>361</v>
      </c>
      <c r="CK10" s="12" t="s">
        <v>362</v>
      </c>
      <c r="CL10" s="12" t="s">
        <v>363</v>
      </c>
      <c r="CM10" s="12" t="s">
        <v>364</v>
      </c>
      <c r="CN10" s="12" t="s">
        <v>365</v>
      </c>
      <c r="CO10" s="12" t="s">
        <v>366</v>
      </c>
      <c r="CP10" s="12" t="s">
        <v>367</v>
      </c>
      <c r="CQ10" s="12" t="s">
        <v>368</v>
      </c>
      <c r="CR10" s="12" t="s">
        <v>369</v>
      </c>
      <c r="CS10" s="12" t="s">
        <v>370</v>
      </c>
      <c r="CT10" s="12" t="s">
        <v>371</v>
      </c>
      <c r="CU10" s="12" t="s">
        <v>372</v>
      </c>
      <c r="CV10" s="12" t="s">
        <v>373</v>
      </c>
      <c r="CW10" s="12" t="s">
        <v>374</v>
      </c>
      <c r="CX10" s="12" t="s">
        <v>375</v>
      </c>
      <c r="CY10" s="12" t="s">
        <v>376</v>
      </c>
      <c r="CZ10" s="12" t="s">
        <v>377</v>
      </c>
      <c r="DA10" s="12" t="s">
        <v>378</v>
      </c>
      <c r="DB10" s="12" t="s">
        <v>379</v>
      </c>
      <c r="DC10" s="12" t="s">
        <v>380</v>
      </c>
      <c r="DD10" s="12" t="s">
        <v>381</v>
      </c>
      <c r="DE10" s="12" t="s">
        <v>382</v>
      </c>
      <c r="DF10" s="12" t="s">
        <v>383</v>
      </c>
      <c r="DG10" s="12" t="s">
        <v>384</v>
      </c>
      <c r="DH10" s="12" t="s">
        <v>385</v>
      </c>
      <c r="DI10" s="12" t="s">
        <v>386</v>
      </c>
      <c r="DJ10" s="12" t="s">
        <v>387</v>
      </c>
      <c r="DK10" s="12" t="s">
        <v>388</v>
      </c>
      <c r="DL10" s="12" t="s">
        <v>389</v>
      </c>
      <c r="DM10" s="12" t="s">
        <v>390</v>
      </c>
      <c r="DN10" s="12" t="s">
        <v>391</v>
      </c>
      <c r="DO10" s="12"/>
      <c r="DP10" s="12"/>
    </row>
    <row r="11" spans="1:120" s="11" customFormat="1">
      <c r="J11" s="13" t="s">
        <v>219</v>
      </c>
      <c r="K11" s="13" t="s">
        <v>219</v>
      </c>
      <c r="L11" s="13" t="s">
        <v>219</v>
      </c>
      <c r="M11" s="13" t="s">
        <v>219</v>
      </c>
      <c r="N11" s="13" t="s">
        <v>219</v>
      </c>
      <c r="O11" s="13" t="s">
        <v>219</v>
      </c>
      <c r="P11" s="13" t="s">
        <v>219</v>
      </c>
      <c r="Q11" s="13" t="s">
        <v>219</v>
      </c>
      <c r="R11" s="13" t="s">
        <v>219</v>
      </c>
      <c r="S11" s="13" t="s">
        <v>219</v>
      </c>
      <c r="T11" s="13" t="s">
        <v>219</v>
      </c>
      <c r="U11" s="13" t="s">
        <v>219</v>
      </c>
      <c r="V11" s="13" t="s">
        <v>219</v>
      </c>
      <c r="W11" s="13" t="s">
        <v>219</v>
      </c>
      <c r="X11" s="13" t="s">
        <v>219</v>
      </c>
      <c r="Y11" s="13" t="s">
        <v>219</v>
      </c>
      <c r="Z11" s="13" t="s">
        <v>219</v>
      </c>
      <c r="AA11" s="13" t="s">
        <v>219</v>
      </c>
      <c r="AB11" s="13" t="s">
        <v>219</v>
      </c>
      <c r="AC11" s="13" t="s">
        <v>219</v>
      </c>
      <c r="AD11" s="13" t="s">
        <v>219</v>
      </c>
      <c r="AE11" s="13" t="s">
        <v>219</v>
      </c>
      <c r="AF11" s="13" t="s">
        <v>219</v>
      </c>
      <c r="AG11" s="13" t="s">
        <v>219</v>
      </c>
      <c r="AH11" s="13" t="s">
        <v>219</v>
      </c>
      <c r="AI11" s="13" t="s">
        <v>219</v>
      </c>
      <c r="AJ11" s="13" t="s">
        <v>219</v>
      </c>
      <c r="AK11" s="13" t="s">
        <v>219</v>
      </c>
      <c r="AL11" s="13" t="s">
        <v>219</v>
      </c>
      <c r="AM11" s="13" t="s">
        <v>219</v>
      </c>
      <c r="AN11" s="13" t="s">
        <v>219</v>
      </c>
      <c r="AO11" s="13" t="s">
        <v>219</v>
      </c>
      <c r="AP11" s="13" t="s">
        <v>219</v>
      </c>
      <c r="AQ11" s="13" t="s">
        <v>219</v>
      </c>
      <c r="AR11" s="13" t="s">
        <v>219</v>
      </c>
      <c r="AS11" s="13" t="s">
        <v>219</v>
      </c>
      <c r="AT11" s="13" t="s">
        <v>219</v>
      </c>
      <c r="AU11" s="13" t="s">
        <v>219</v>
      </c>
      <c r="AV11" s="13" t="s">
        <v>219</v>
      </c>
      <c r="AW11" s="13" t="s">
        <v>219</v>
      </c>
      <c r="AX11" s="13" t="s">
        <v>219</v>
      </c>
      <c r="AY11" s="13" t="s">
        <v>219</v>
      </c>
      <c r="AZ11" s="13" t="s">
        <v>219</v>
      </c>
      <c r="BA11" s="13" t="s">
        <v>219</v>
      </c>
      <c r="BB11" s="13" t="s">
        <v>219</v>
      </c>
      <c r="BC11" s="13" t="s">
        <v>219</v>
      </c>
      <c r="BD11" s="13" t="s">
        <v>219</v>
      </c>
      <c r="BE11" s="13" t="s">
        <v>219</v>
      </c>
      <c r="BF11" s="13" t="s">
        <v>219</v>
      </c>
      <c r="BG11" s="13" t="s">
        <v>219</v>
      </c>
      <c r="BH11" s="13" t="s">
        <v>219</v>
      </c>
      <c r="BI11" s="13" t="s">
        <v>219</v>
      </c>
      <c r="BJ11" s="13" t="s">
        <v>219</v>
      </c>
      <c r="BK11" s="13" t="s">
        <v>219</v>
      </c>
      <c r="BL11" s="13" t="s">
        <v>219</v>
      </c>
      <c r="BM11" s="13" t="s">
        <v>219</v>
      </c>
      <c r="BN11" s="13" t="s">
        <v>219</v>
      </c>
      <c r="BO11" s="13" t="s">
        <v>219</v>
      </c>
      <c r="BP11" s="13" t="s">
        <v>219</v>
      </c>
      <c r="BQ11" s="13" t="s">
        <v>219</v>
      </c>
      <c r="BR11" s="13" t="s">
        <v>219</v>
      </c>
      <c r="BS11" s="13" t="s">
        <v>219</v>
      </c>
      <c r="BT11" s="13" t="s">
        <v>219</v>
      </c>
      <c r="BU11" s="13" t="s">
        <v>219</v>
      </c>
      <c r="BV11" s="13" t="s">
        <v>219</v>
      </c>
      <c r="BW11" s="13" t="s">
        <v>219</v>
      </c>
      <c r="BX11" s="13" t="s">
        <v>219</v>
      </c>
      <c r="BY11" s="13" t="s">
        <v>219</v>
      </c>
      <c r="BZ11" s="13" t="s">
        <v>219</v>
      </c>
      <c r="CA11" s="13" t="s">
        <v>219</v>
      </c>
      <c r="CB11" s="13" t="s">
        <v>219</v>
      </c>
      <c r="CC11" s="13" t="s">
        <v>219</v>
      </c>
      <c r="CD11" s="13" t="s">
        <v>219</v>
      </c>
      <c r="CE11" s="13" t="s">
        <v>219</v>
      </c>
      <c r="CF11" s="13" t="s">
        <v>219</v>
      </c>
      <c r="CG11" s="13" t="s">
        <v>219</v>
      </c>
      <c r="CH11" s="13" t="s">
        <v>219</v>
      </c>
      <c r="CI11" s="13" t="s">
        <v>219</v>
      </c>
      <c r="CJ11" s="13" t="s">
        <v>219</v>
      </c>
      <c r="CK11" s="13" t="s">
        <v>219</v>
      </c>
      <c r="CL11" s="13" t="s">
        <v>219</v>
      </c>
      <c r="CM11" s="13" t="s">
        <v>219</v>
      </c>
      <c r="CN11" s="13" t="s">
        <v>219</v>
      </c>
      <c r="CO11" s="13" t="s">
        <v>219</v>
      </c>
      <c r="CP11" s="13" t="s">
        <v>219</v>
      </c>
      <c r="CQ11" s="13" t="s">
        <v>219</v>
      </c>
      <c r="CR11" s="13" t="s">
        <v>219</v>
      </c>
      <c r="CS11" s="13" t="s">
        <v>219</v>
      </c>
      <c r="CT11" s="13" t="s">
        <v>219</v>
      </c>
      <c r="CU11" s="13" t="s">
        <v>219</v>
      </c>
      <c r="CV11" s="13" t="s">
        <v>219</v>
      </c>
      <c r="CW11" s="13" t="s">
        <v>219</v>
      </c>
      <c r="CX11" s="13" t="s">
        <v>219</v>
      </c>
      <c r="CY11" s="13" t="s">
        <v>219</v>
      </c>
      <c r="CZ11" s="13" t="s">
        <v>219</v>
      </c>
      <c r="DA11" s="13" t="s">
        <v>219</v>
      </c>
      <c r="DB11" s="13" t="s">
        <v>219</v>
      </c>
      <c r="DC11" s="13" t="s">
        <v>219</v>
      </c>
      <c r="DD11" s="13" t="s">
        <v>219</v>
      </c>
      <c r="DE11" s="13" t="s">
        <v>219</v>
      </c>
      <c r="DF11" s="13" t="s">
        <v>219</v>
      </c>
      <c r="DG11" s="13" t="s">
        <v>219</v>
      </c>
      <c r="DH11" s="13" t="s">
        <v>219</v>
      </c>
      <c r="DI11" s="13" t="s">
        <v>219</v>
      </c>
      <c r="DJ11" s="13" t="s">
        <v>219</v>
      </c>
      <c r="DK11" s="13" t="s">
        <v>219</v>
      </c>
      <c r="DL11" s="13" t="s">
        <v>219</v>
      </c>
      <c r="DM11" s="13" t="s">
        <v>219</v>
      </c>
      <c r="DN11" s="13" t="s">
        <v>219</v>
      </c>
      <c r="DO11" s="13" t="s">
        <v>392</v>
      </c>
      <c r="DP11" s="13" t="s">
        <v>392</v>
      </c>
    </row>
    <row r="12" spans="1:120" s="11" customFormat="1">
      <c r="A12" s="14" t="s">
        <v>393</v>
      </c>
      <c r="B12" s="14" t="s">
        <v>212</v>
      </c>
      <c r="C12" s="14" t="s">
        <v>224</v>
      </c>
      <c r="D12" s="14" t="s">
        <v>225</v>
      </c>
      <c r="E12" s="14" t="s">
        <v>226</v>
      </c>
      <c r="F12" s="14" t="s">
        <v>227</v>
      </c>
      <c r="G12" s="14" t="s">
        <v>228</v>
      </c>
      <c r="H12" s="14" t="s">
        <v>229</v>
      </c>
      <c r="I12" s="14" t="s">
        <v>230</v>
      </c>
      <c r="J12" s="14" t="s">
        <v>231</v>
      </c>
      <c r="K12" s="14"/>
      <c r="L12" s="14"/>
      <c r="M12" s="14"/>
      <c r="N12" s="14"/>
      <c r="O12" s="14"/>
      <c r="P12" s="14"/>
      <c r="Q12" s="14"/>
      <c r="R12" s="14"/>
      <c r="S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E12" s="14"/>
      <c r="AF12" s="14"/>
      <c r="AG12" s="14"/>
      <c r="AH12" s="14"/>
      <c r="AI12" s="14"/>
      <c r="AJ12" s="14"/>
      <c r="AK12" s="14"/>
      <c r="AL12" s="14"/>
      <c r="AM12" s="14"/>
      <c r="AN12" s="14"/>
      <c r="AO12" s="14"/>
      <c r="AP12" s="14"/>
      <c r="AQ12" s="14"/>
      <c r="AR12" s="14"/>
      <c r="AS12" s="14"/>
      <c r="AT12" s="14"/>
      <c r="AU12" s="14"/>
      <c r="AV12" s="14"/>
      <c r="AW12" s="14"/>
      <c r="AX12" s="14"/>
      <c r="AY12" s="14"/>
      <c r="AZ12" s="14"/>
      <c r="BA12" s="14"/>
      <c r="BB12" s="14"/>
      <c r="BC12" s="14"/>
      <c r="BD12" s="14"/>
      <c r="BE12" s="14"/>
      <c r="BF12" s="14"/>
      <c r="BG12" s="14"/>
      <c r="BH12" s="14"/>
      <c r="BI12" s="14"/>
      <c r="BJ12" s="14"/>
      <c r="BK12" s="14"/>
      <c r="BL12" s="14"/>
      <c r="BM12" s="14"/>
      <c r="BN12" s="14"/>
      <c r="BO12" s="14"/>
      <c r="BP12" s="14"/>
      <c r="BQ12" s="14"/>
      <c r="BR12" s="14"/>
      <c r="BS12" s="14"/>
      <c r="BT12" s="14"/>
      <c r="BU12" s="14"/>
      <c r="BV12" s="14"/>
      <c r="BW12" s="14"/>
      <c r="BX12" s="14"/>
      <c r="BY12" s="14"/>
      <c r="BZ12" s="14"/>
      <c r="CA12" s="14"/>
      <c r="CB12" s="14"/>
      <c r="CC12" s="14"/>
      <c r="CD12" s="14"/>
      <c r="CE12" s="14"/>
      <c r="CF12" s="14"/>
      <c r="CG12" s="14"/>
      <c r="CH12" s="14"/>
      <c r="CI12" s="14"/>
      <c r="CJ12" s="14"/>
      <c r="CK12" s="14"/>
      <c r="CL12" s="14"/>
      <c r="CM12" s="14"/>
      <c r="CN12" s="14"/>
      <c r="CO12" s="14"/>
      <c r="CP12" s="14"/>
      <c r="CQ12" s="14"/>
      <c r="CR12" s="14"/>
      <c r="CS12" s="14"/>
      <c r="CT12" s="14"/>
      <c r="CU12" s="14"/>
      <c r="CV12" s="14"/>
      <c r="CW12" s="14"/>
      <c r="CX12" s="14"/>
      <c r="CY12" s="14"/>
      <c r="CZ12" s="14"/>
      <c r="DA12" s="14"/>
      <c r="DB12" s="14"/>
      <c r="DC12" s="14"/>
      <c r="DD12" s="14"/>
      <c r="DE12" s="14"/>
      <c r="DF12" s="14"/>
      <c r="DG12" s="14"/>
      <c r="DH12" s="14"/>
      <c r="DI12" s="14"/>
      <c r="DJ12" s="14"/>
      <c r="DK12" s="14"/>
      <c r="DL12" s="14"/>
      <c r="DM12" s="14"/>
      <c r="DN12" s="14"/>
      <c r="DO12" s="14"/>
      <c r="DP12" s="14"/>
    </row>
    <row r="13" spans="1:120">
      <c r="A13" s="15" t="s">
        <v>394</v>
      </c>
      <c r="B13" s="15" t="s">
        <v>214</v>
      </c>
      <c r="C13" s="15" t="s">
        <v>232</v>
      </c>
      <c r="D13" s="15" t="s">
        <v>233</v>
      </c>
      <c r="E13" s="15" t="s">
        <v>234</v>
      </c>
      <c r="F13" s="15" t="s">
        <v>235</v>
      </c>
      <c r="G13" s="15" t="s">
        <v>233</v>
      </c>
      <c r="H13" s="15" t="s">
        <v>234</v>
      </c>
      <c r="I13" s="15" t="s">
        <v>236</v>
      </c>
      <c r="J13" s="16">
        <v>126146099</v>
      </c>
      <c r="K13" s="16">
        <v>831824</v>
      </c>
      <c r="L13" s="16">
        <v>866525</v>
      </c>
      <c r="M13" s="16">
        <v>910005</v>
      </c>
      <c r="N13" s="16">
        <v>934063</v>
      </c>
      <c r="O13" s="16">
        <v>973665</v>
      </c>
      <c r="P13" s="16">
        <v>998664</v>
      </c>
      <c r="Q13" s="16">
        <v>996576</v>
      </c>
      <c r="R13" s="16">
        <v>1020657</v>
      </c>
      <c r="S13" s="16">
        <v>1024325</v>
      </c>
      <c r="T13" s="16">
        <v>1048871</v>
      </c>
      <c r="U13" s="16">
        <v>1057736</v>
      </c>
      <c r="V13" s="16">
        <v>1063185</v>
      </c>
      <c r="W13" s="16">
        <v>1083113</v>
      </c>
      <c r="X13" s="16">
        <v>1077379</v>
      </c>
      <c r="Y13" s="16">
        <v>1069104</v>
      </c>
      <c r="Z13" s="16">
        <v>1070370</v>
      </c>
      <c r="AA13" s="16">
        <v>1113159</v>
      </c>
      <c r="AB13" s="16">
        <v>1123237</v>
      </c>
      <c r="AC13" s="16">
        <v>1151389</v>
      </c>
      <c r="AD13" s="16">
        <v>1159285</v>
      </c>
      <c r="AE13" s="16">
        <v>1177049</v>
      </c>
      <c r="AF13" s="16">
        <v>1174456</v>
      </c>
      <c r="AG13" s="16">
        <v>1193935</v>
      </c>
      <c r="AH13" s="16">
        <v>1193983</v>
      </c>
      <c r="AI13" s="16">
        <v>1191883</v>
      </c>
      <c r="AJ13" s="16">
        <v>1210380</v>
      </c>
      <c r="AK13" s="16">
        <v>1212167</v>
      </c>
      <c r="AL13" s="16">
        <v>1192761</v>
      </c>
      <c r="AM13" s="16">
        <v>1209983</v>
      </c>
      <c r="AN13" s="16">
        <v>1206673</v>
      </c>
      <c r="AO13" s="16">
        <v>1234225</v>
      </c>
      <c r="AP13" s="16">
        <v>1258775</v>
      </c>
      <c r="AQ13" s="16">
        <v>1299569</v>
      </c>
      <c r="AR13" s="16">
        <v>1335672</v>
      </c>
      <c r="AS13" s="16">
        <v>1356353</v>
      </c>
      <c r="AT13" s="16">
        <v>1407719</v>
      </c>
      <c r="AU13" s="16">
        <v>1456774</v>
      </c>
      <c r="AV13" s="16">
        <v>1476522</v>
      </c>
      <c r="AW13" s="16">
        <v>1478920</v>
      </c>
      <c r="AX13" s="16">
        <v>1491632</v>
      </c>
      <c r="AY13" s="16">
        <v>1558309</v>
      </c>
      <c r="AZ13" s="16">
        <v>1596338</v>
      </c>
      <c r="BA13" s="16">
        <v>1656969</v>
      </c>
      <c r="BB13" s="16">
        <v>1699648</v>
      </c>
      <c r="BC13" s="16">
        <v>1779813</v>
      </c>
      <c r="BD13" s="16">
        <v>1852394</v>
      </c>
      <c r="BE13" s="16">
        <v>1956602</v>
      </c>
      <c r="BF13" s="16">
        <v>1991137</v>
      </c>
      <c r="BG13" s="16">
        <v>1954205</v>
      </c>
      <c r="BH13" s="16">
        <v>1895955</v>
      </c>
      <c r="BI13" s="16">
        <v>1837431</v>
      </c>
      <c r="BJ13" s="16">
        <v>1807894</v>
      </c>
      <c r="BK13" s="16">
        <v>1764215</v>
      </c>
      <c r="BL13" s="16">
        <v>1758955</v>
      </c>
      <c r="BM13" s="16">
        <v>1371356</v>
      </c>
      <c r="BN13" s="16">
        <v>1689290</v>
      </c>
      <c r="BO13" s="16">
        <v>1582910</v>
      </c>
      <c r="BP13" s="16">
        <v>1542017</v>
      </c>
      <c r="BQ13" s="16">
        <v>1491947</v>
      </c>
      <c r="BR13" s="16">
        <v>1461318</v>
      </c>
      <c r="BS13" s="16">
        <v>1469672</v>
      </c>
      <c r="BT13" s="16">
        <v>1494495</v>
      </c>
      <c r="BU13" s="16">
        <v>1450282</v>
      </c>
      <c r="BV13" s="16">
        <v>1407740</v>
      </c>
      <c r="BW13" s="16">
        <v>1475001</v>
      </c>
      <c r="BX13" s="16">
        <v>1516441</v>
      </c>
      <c r="BY13" s="16">
        <v>1512118</v>
      </c>
      <c r="BZ13" s="16">
        <v>1598839</v>
      </c>
      <c r="CA13" s="16">
        <v>1679855</v>
      </c>
      <c r="CB13" s="16">
        <v>1768015</v>
      </c>
      <c r="CC13" s="16">
        <v>1886160</v>
      </c>
      <c r="CD13" s="16">
        <v>2052521</v>
      </c>
      <c r="CE13" s="16">
        <v>2014143</v>
      </c>
      <c r="CF13" s="16">
        <v>1893386</v>
      </c>
      <c r="CG13" s="16">
        <v>1165585</v>
      </c>
      <c r="CH13" s="16">
        <v>1234832</v>
      </c>
      <c r="CI13" s="16">
        <v>1488292</v>
      </c>
      <c r="CJ13" s="16">
        <v>1416571</v>
      </c>
      <c r="CK13" s="16">
        <v>1430462</v>
      </c>
      <c r="CL13" s="16">
        <v>1360771</v>
      </c>
      <c r="CM13" s="16">
        <v>1206058</v>
      </c>
      <c r="CN13" s="16">
        <v>1017635</v>
      </c>
      <c r="CO13" s="16">
        <v>1048747</v>
      </c>
      <c r="CP13" s="16">
        <v>1035057</v>
      </c>
      <c r="CQ13" s="16">
        <v>989231</v>
      </c>
      <c r="CR13" s="16">
        <v>893754</v>
      </c>
      <c r="CS13" s="16">
        <v>794162</v>
      </c>
      <c r="CT13" s="16">
        <v>739149</v>
      </c>
      <c r="CU13" s="16">
        <v>662252</v>
      </c>
      <c r="CV13" s="16">
        <v>580506</v>
      </c>
      <c r="CW13" s="16">
        <v>493824</v>
      </c>
      <c r="CX13" s="16">
        <v>425042</v>
      </c>
      <c r="CY13" s="16">
        <v>358386</v>
      </c>
      <c r="CZ13" s="16">
        <v>277613</v>
      </c>
      <c r="DA13" s="16">
        <v>224151</v>
      </c>
      <c r="DB13" s="16">
        <v>169988</v>
      </c>
      <c r="DC13" s="16">
        <v>123057</v>
      </c>
      <c r="DD13" s="16">
        <v>90075</v>
      </c>
      <c r="DE13" s="16">
        <v>64897</v>
      </c>
      <c r="DF13" s="16">
        <v>44707</v>
      </c>
      <c r="DG13" s="16">
        <v>79523</v>
      </c>
      <c r="DH13" s="16">
        <v>2931838</v>
      </c>
      <c r="DI13" s="16">
        <v>14955692</v>
      </c>
      <c r="DJ13" s="16">
        <v>72922764</v>
      </c>
      <c r="DK13" s="16">
        <v>35335805</v>
      </c>
      <c r="DL13" s="16">
        <v>18248742</v>
      </c>
      <c r="DM13" s="16">
        <v>6021086</v>
      </c>
      <c r="DN13" s="16">
        <v>75380592</v>
      </c>
      <c r="DO13" s="17">
        <v>47.660939999999997</v>
      </c>
      <c r="DP13" s="17">
        <v>48.605539999999998</v>
      </c>
    </row>
    <row r="14" spans="1:120">
      <c r="A14" s="21" t="s">
        <v>394</v>
      </c>
      <c r="B14" s="21" t="s">
        <v>214</v>
      </c>
      <c r="C14" s="21" t="s">
        <v>232</v>
      </c>
      <c r="D14" s="21" t="s">
        <v>237</v>
      </c>
      <c r="E14" s="21" t="s">
        <v>238</v>
      </c>
      <c r="F14" s="21" t="s">
        <v>235</v>
      </c>
      <c r="G14" s="21" t="s">
        <v>237</v>
      </c>
      <c r="H14" s="21" t="s">
        <v>238</v>
      </c>
      <c r="I14" s="21" t="s">
        <v>239</v>
      </c>
      <c r="J14" s="16">
        <v>1738301</v>
      </c>
      <c r="K14" s="16">
        <v>12599</v>
      </c>
      <c r="L14" s="16">
        <v>13195</v>
      </c>
      <c r="M14" s="16">
        <v>14034</v>
      </c>
      <c r="N14" s="16">
        <v>14330</v>
      </c>
      <c r="O14" s="16">
        <v>14883</v>
      </c>
      <c r="P14" s="16">
        <v>15321</v>
      </c>
      <c r="Q14" s="16">
        <v>15437</v>
      </c>
      <c r="R14" s="16">
        <v>15792</v>
      </c>
      <c r="S14" s="16">
        <v>15967</v>
      </c>
      <c r="T14" s="16">
        <v>16026</v>
      </c>
      <c r="U14" s="16">
        <v>16260</v>
      </c>
      <c r="V14" s="16">
        <v>16134</v>
      </c>
      <c r="W14" s="16">
        <v>16490</v>
      </c>
      <c r="X14" s="16">
        <v>16091</v>
      </c>
      <c r="Y14" s="16">
        <v>15807</v>
      </c>
      <c r="Z14" s="16">
        <v>15915</v>
      </c>
      <c r="AA14" s="16">
        <v>16671</v>
      </c>
      <c r="AB14" s="16">
        <v>16633</v>
      </c>
      <c r="AC14" s="16">
        <v>15782</v>
      </c>
      <c r="AD14" s="16">
        <v>14370</v>
      </c>
      <c r="AE14" s="16">
        <v>14345</v>
      </c>
      <c r="AF14" s="16">
        <v>14008</v>
      </c>
      <c r="AG14" s="16">
        <v>13976</v>
      </c>
      <c r="AH14" s="16">
        <v>13726</v>
      </c>
      <c r="AI14" s="16">
        <v>13772</v>
      </c>
      <c r="AJ14" s="16">
        <v>13835</v>
      </c>
      <c r="AK14" s="16">
        <v>14027</v>
      </c>
      <c r="AL14" s="16">
        <v>14519</v>
      </c>
      <c r="AM14" s="16">
        <v>14727</v>
      </c>
      <c r="AN14" s="16">
        <v>14655</v>
      </c>
      <c r="AO14" s="16">
        <v>15149</v>
      </c>
      <c r="AP14" s="16">
        <v>15932</v>
      </c>
      <c r="AQ14" s="16">
        <v>16726</v>
      </c>
      <c r="AR14" s="16">
        <v>17256</v>
      </c>
      <c r="AS14" s="16">
        <v>17953</v>
      </c>
      <c r="AT14" s="16">
        <v>18756</v>
      </c>
      <c r="AU14" s="16">
        <v>19561</v>
      </c>
      <c r="AV14" s="16">
        <v>19240</v>
      </c>
      <c r="AW14" s="16">
        <v>19707</v>
      </c>
      <c r="AX14" s="16">
        <v>19790</v>
      </c>
      <c r="AY14" s="16">
        <v>20555</v>
      </c>
      <c r="AZ14" s="16">
        <v>20792</v>
      </c>
      <c r="BA14" s="16">
        <v>21232</v>
      </c>
      <c r="BB14" s="16">
        <v>21543</v>
      </c>
      <c r="BC14" s="16">
        <v>22251</v>
      </c>
      <c r="BD14" s="16">
        <v>22507</v>
      </c>
      <c r="BE14" s="16">
        <v>23193</v>
      </c>
      <c r="BF14" s="16">
        <v>22961</v>
      </c>
      <c r="BG14" s="16">
        <v>22426</v>
      </c>
      <c r="BH14" s="16">
        <v>21258</v>
      </c>
      <c r="BI14" s="16">
        <v>20546</v>
      </c>
      <c r="BJ14" s="16">
        <v>20866</v>
      </c>
      <c r="BK14" s="16">
        <v>20825</v>
      </c>
      <c r="BL14" s="16">
        <v>22020</v>
      </c>
      <c r="BM14" s="16">
        <v>17587</v>
      </c>
      <c r="BN14" s="16">
        <v>21654</v>
      </c>
      <c r="BO14" s="16">
        <v>20962</v>
      </c>
      <c r="BP14" s="16">
        <v>21046</v>
      </c>
      <c r="BQ14" s="16">
        <v>21291</v>
      </c>
      <c r="BR14" s="16">
        <v>21588</v>
      </c>
      <c r="BS14" s="16">
        <v>22189</v>
      </c>
      <c r="BT14" s="16">
        <v>23467</v>
      </c>
      <c r="BU14" s="16">
        <v>22979</v>
      </c>
      <c r="BV14" s="16">
        <v>22843</v>
      </c>
      <c r="BW14" s="16">
        <v>24586</v>
      </c>
      <c r="BX14" s="16">
        <v>24794</v>
      </c>
      <c r="BY14" s="16">
        <v>24949</v>
      </c>
      <c r="BZ14" s="16">
        <v>25862</v>
      </c>
      <c r="CA14" s="16">
        <v>26799</v>
      </c>
      <c r="CB14" s="16">
        <v>27360</v>
      </c>
      <c r="CC14" s="16">
        <v>28117</v>
      </c>
      <c r="CD14" s="16">
        <v>29778</v>
      </c>
      <c r="CE14" s="16">
        <v>28091</v>
      </c>
      <c r="CF14" s="16">
        <v>26238</v>
      </c>
      <c r="CG14" s="16">
        <v>16090</v>
      </c>
      <c r="CH14" s="16">
        <v>16712</v>
      </c>
      <c r="CI14" s="16">
        <v>19618</v>
      </c>
      <c r="CJ14" s="16">
        <v>18584</v>
      </c>
      <c r="CK14" s="16">
        <v>18649</v>
      </c>
      <c r="CL14" s="16">
        <v>19045</v>
      </c>
      <c r="CM14" s="16">
        <v>17086</v>
      </c>
      <c r="CN14" s="16">
        <v>15541</v>
      </c>
      <c r="CO14" s="16">
        <v>16082</v>
      </c>
      <c r="CP14" s="16">
        <v>16756</v>
      </c>
      <c r="CQ14" s="16">
        <v>15534</v>
      </c>
      <c r="CR14" s="16">
        <v>14839</v>
      </c>
      <c r="CS14" s="16">
        <v>13484</v>
      </c>
      <c r="CT14" s="16">
        <v>12955</v>
      </c>
      <c r="CU14" s="16">
        <v>11629</v>
      </c>
      <c r="CV14" s="16">
        <v>10412</v>
      </c>
      <c r="CW14" s="16">
        <v>9060</v>
      </c>
      <c r="CX14" s="16">
        <v>7983</v>
      </c>
      <c r="CY14" s="16">
        <v>6714</v>
      </c>
      <c r="CZ14" s="16">
        <v>5457</v>
      </c>
      <c r="DA14" s="16">
        <v>4396</v>
      </c>
      <c r="DB14" s="16">
        <v>3409</v>
      </c>
      <c r="DC14" s="16">
        <v>2573</v>
      </c>
      <c r="DD14" s="16">
        <v>1887</v>
      </c>
      <c r="DE14" s="16">
        <v>1398</v>
      </c>
      <c r="DF14" s="16">
        <v>948</v>
      </c>
      <c r="DG14" s="16">
        <v>1709</v>
      </c>
      <c r="DH14" s="16">
        <v>25199</v>
      </c>
      <c r="DI14" s="16">
        <v>228366</v>
      </c>
      <c r="DJ14" s="16">
        <v>944198</v>
      </c>
      <c r="DK14" s="16">
        <v>540538</v>
      </c>
      <c r="DL14" s="16">
        <v>282460</v>
      </c>
      <c r="DM14" s="16">
        <v>108853</v>
      </c>
      <c r="DN14" s="16">
        <v>994591</v>
      </c>
      <c r="DO14" s="17">
        <v>48.644739999999999</v>
      </c>
      <c r="DP14" s="17">
        <v>50.410589999999999</v>
      </c>
    </row>
    <row r="15" spans="1:120">
      <c r="A15" s="21" t="s">
        <v>394</v>
      </c>
      <c r="B15" s="21" t="s">
        <v>214</v>
      </c>
      <c r="C15" s="21" t="s">
        <v>240</v>
      </c>
      <c r="D15" s="21" t="s">
        <v>237</v>
      </c>
      <c r="E15" s="21" t="s">
        <v>241</v>
      </c>
      <c r="F15" s="21"/>
      <c r="G15" s="21" t="s">
        <v>237</v>
      </c>
      <c r="H15" s="21" t="s">
        <v>241</v>
      </c>
      <c r="I15" s="21" t="s">
        <v>242</v>
      </c>
      <c r="J15" s="16">
        <v>123067</v>
      </c>
      <c r="K15" s="16">
        <v>763</v>
      </c>
      <c r="L15" s="16">
        <v>808</v>
      </c>
      <c r="M15" s="16">
        <v>856</v>
      </c>
      <c r="N15" s="16">
        <v>916</v>
      </c>
      <c r="O15" s="16">
        <v>991</v>
      </c>
      <c r="P15" s="16">
        <v>973</v>
      </c>
      <c r="Q15" s="16">
        <v>1011</v>
      </c>
      <c r="R15" s="16">
        <v>1021</v>
      </c>
      <c r="S15" s="16">
        <v>1056</v>
      </c>
      <c r="T15" s="16">
        <v>1061</v>
      </c>
      <c r="U15" s="16">
        <v>967</v>
      </c>
      <c r="V15" s="16">
        <v>1070</v>
      </c>
      <c r="W15" s="16">
        <v>1099</v>
      </c>
      <c r="X15" s="16">
        <v>1045</v>
      </c>
      <c r="Y15" s="16">
        <v>1042</v>
      </c>
      <c r="Z15" s="16">
        <v>1164</v>
      </c>
      <c r="AA15" s="16">
        <v>1297</v>
      </c>
      <c r="AB15" s="16">
        <v>1285</v>
      </c>
      <c r="AC15" s="16">
        <v>1118</v>
      </c>
      <c r="AD15" s="16">
        <v>905</v>
      </c>
      <c r="AE15" s="16">
        <v>894</v>
      </c>
      <c r="AF15" s="16">
        <v>840</v>
      </c>
      <c r="AG15" s="16">
        <v>860</v>
      </c>
      <c r="AH15" s="16">
        <v>867</v>
      </c>
      <c r="AI15" s="16">
        <v>931</v>
      </c>
      <c r="AJ15" s="16">
        <v>917</v>
      </c>
      <c r="AK15" s="16">
        <v>924</v>
      </c>
      <c r="AL15" s="16">
        <v>1028</v>
      </c>
      <c r="AM15" s="16">
        <v>986</v>
      </c>
      <c r="AN15" s="16">
        <v>935</v>
      </c>
      <c r="AO15" s="16">
        <v>1005</v>
      </c>
      <c r="AP15" s="16">
        <v>1089</v>
      </c>
      <c r="AQ15" s="16">
        <v>1095</v>
      </c>
      <c r="AR15" s="16">
        <v>1146</v>
      </c>
      <c r="AS15" s="16">
        <v>1184</v>
      </c>
      <c r="AT15" s="16">
        <v>1212</v>
      </c>
      <c r="AU15" s="16">
        <v>1218</v>
      </c>
      <c r="AV15" s="16">
        <v>1266</v>
      </c>
      <c r="AW15" s="16">
        <v>1330</v>
      </c>
      <c r="AX15" s="16">
        <v>1334</v>
      </c>
      <c r="AY15" s="16">
        <v>1269</v>
      </c>
      <c r="AZ15" s="16">
        <v>1374</v>
      </c>
      <c r="BA15" s="16">
        <v>1369</v>
      </c>
      <c r="BB15" s="16">
        <v>1402</v>
      </c>
      <c r="BC15" s="16">
        <v>1500</v>
      </c>
      <c r="BD15" s="16">
        <v>1499</v>
      </c>
      <c r="BE15" s="16">
        <v>1520</v>
      </c>
      <c r="BF15" s="16">
        <v>1562</v>
      </c>
      <c r="BG15" s="16">
        <v>1524</v>
      </c>
      <c r="BH15" s="16">
        <v>1515</v>
      </c>
      <c r="BI15" s="16">
        <v>1456</v>
      </c>
      <c r="BJ15" s="16">
        <v>1497</v>
      </c>
      <c r="BK15" s="16">
        <v>1513</v>
      </c>
      <c r="BL15" s="16">
        <v>1601</v>
      </c>
      <c r="BM15" s="16">
        <v>1264</v>
      </c>
      <c r="BN15" s="16">
        <v>1589</v>
      </c>
      <c r="BO15" s="16">
        <v>1565</v>
      </c>
      <c r="BP15" s="16">
        <v>1480</v>
      </c>
      <c r="BQ15" s="16">
        <v>1590</v>
      </c>
      <c r="BR15" s="16">
        <v>1569</v>
      </c>
      <c r="BS15" s="16">
        <v>1645</v>
      </c>
      <c r="BT15" s="16">
        <v>1767</v>
      </c>
      <c r="BU15" s="16">
        <v>1642</v>
      </c>
      <c r="BV15" s="16">
        <v>1727</v>
      </c>
      <c r="BW15" s="16">
        <v>1777</v>
      </c>
      <c r="BX15" s="16">
        <v>1894</v>
      </c>
      <c r="BY15" s="16">
        <v>1887</v>
      </c>
      <c r="BZ15" s="16">
        <v>1905</v>
      </c>
      <c r="CA15" s="16">
        <v>2068</v>
      </c>
      <c r="CB15" s="16">
        <v>1958</v>
      </c>
      <c r="CC15" s="16">
        <v>2147</v>
      </c>
      <c r="CD15" s="16">
        <v>2354</v>
      </c>
      <c r="CE15" s="16">
        <v>2082</v>
      </c>
      <c r="CF15" s="16">
        <v>2033</v>
      </c>
      <c r="CG15" s="16">
        <v>1184</v>
      </c>
      <c r="CH15" s="16">
        <v>1335</v>
      </c>
      <c r="CI15" s="16">
        <v>1637</v>
      </c>
      <c r="CJ15" s="16">
        <v>1464</v>
      </c>
      <c r="CK15" s="16">
        <v>1562</v>
      </c>
      <c r="CL15" s="16">
        <v>1566</v>
      </c>
      <c r="CM15" s="16">
        <v>1323</v>
      </c>
      <c r="CN15" s="16">
        <v>1268</v>
      </c>
      <c r="CO15" s="16">
        <v>1277</v>
      </c>
      <c r="CP15" s="16">
        <v>1336</v>
      </c>
      <c r="CQ15" s="16">
        <v>1327</v>
      </c>
      <c r="CR15" s="16">
        <v>1205</v>
      </c>
      <c r="CS15" s="16">
        <v>1076</v>
      </c>
      <c r="CT15" s="16">
        <v>1087</v>
      </c>
      <c r="CU15" s="16">
        <v>974</v>
      </c>
      <c r="CV15" s="16">
        <v>813</v>
      </c>
      <c r="CW15" s="16">
        <v>739</v>
      </c>
      <c r="CX15" s="16">
        <v>573</v>
      </c>
      <c r="CY15" s="16">
        <v>511</v>
      </c>
      <c r="CZ15" s="16">
        <v>410</v>
      </c>
      <c r="DA15" s="16">
        <v>346</v>
      </c>
      <c r="DB15" s="16">
        <v>226</v>
      </c>
      <c r="DC15" s="16">
        <v>184</v>
      </c>
      <c r="DD15" s="16">
        <v>127</v>
      </c>
      <c r="DE15" s="16">
        <v>90</v>
      </c>
      <c r="DF15" s="16">
        <v>71</v>
      </c>
      <c r="DG15" s="16">
        <v>92</v>
      </c>
      <c r="DH15" s="16">
        <v>1211</v>
      </c>
      <c r="DI15" s="16">
        <v>14679</v>
      </c>
      <c r="DJ15" s="16">
        <v>65046</v>
      </c>
      <c r="DK15" s="16">
        <v>42131</v>
      </c>
      <c r="DL15" s="16">
        <v>22619</v>
      </c>
      <c r="DM15" s="16">
        <v>8524</v>
      </c>
      <c r="DN15" s="16">
        <v>68989</v>
      </c>
      <c r="DO15" s="17">
        <v>50.416980000000002</v>
      </c>
      <c r="DP15" s="17">
        <v>53.261710000000001</v>
      </c>
    </row>
    <row r="16" spans="1:120">
      <c r="A16" s="21" t="s">
        <v>394</v>
      </c>
      <c r="B16" s="21" t="s">
        <v>214</v>
      </c>
      <c r="C16" s="21" t="s">
        <v>243</v>
      </c>
      <c r="D16" s="21" t="s">
        <v>237</v>
      </c>
      <c r="E16" s="21" t="s">
        <v>241</v>
      </c>
      <c r="F16" s="21" t="s">
        <v>235</v>
      </c>
      <c r="G16" s="21" t="s">
        <v>237</v>
      </c>
      <c r="H16" s="21" t="s">
        <v>241</v>
      </c>
      <c r="I16" s="21" t="s">
        <v>244</v>
      </c>
      <c r="J16" s="16">
        <v>96597</v>
      </c>
      <c r="K16" s="16">
        <v>637</v>
      </c>
      <c r="L16" s="16">
        <v>631</v>
      </c>
      <c r="M16" s="16">
        <v>682</v>
      </c>
      <c r="N16" s="16">
        <v>728</v>
      </c>
      <c r="O16" s="16">
        <v>786</v>
      </c>
      <c r="P16" s="16">
        <v>769</v>
      </c>
      <c r="Q16" s="16">
        <v>799</v>
      </c>
      <c r="R16" s="16">
        <v>794</v>
      </c>
      <c r="S16" s="16">
        <v>839</v>
      </c>
      <c r="T16" s="16">
        <v>815</v>
      </c>
      <c r="U16" s="16">
        <v>760</v>
      </c>
      <c r="V16" s="16">
        <v>848</v>
      </c>
      <c r="W16" s="16">
        <v>869</v>
      </c>
      <c r="X16" s="16">
        <v>821</v>
      </c>
      <c r="Y16" s="16">
        <v>815</v>
      </c>
      <c r="Z16" s="16">
        <v>953</v>
      </c>
      <c r="AA16" s="16">
        <v>1094</v>
      </c>
      <c r="AB16" s="16">
        <v>1052</v>
      </c>
      <c r="AC16" s="16">
        <v>928</v>
      </c>
      <c r="AD16" s="16">
        <v>752</v>
      </c>
      <c r="AE16" s="16">
        <v>732</v>
      </c>
      <c r="AF16" s="16">
        <v>676</v>
      </c>
      <c r="AG16" s="16">
        <v>698</v>
      </c>
      <c r="AH16" s="16">
        <v>709</v>
      </c>
      <c r="AI16" s="16">
        <v>745</v>
      </c>
      <c r="AJ16" s="16">
        <v>748</v>
      </c>
      <c r="AK16" s="16">
        <v>777</v>
      </c>
      <c r="AL16" s="16">
        <v>851</v>
      </c>
      <c r="AM16" s="16">
        <v>814</v>
      </c>
      <c r="AN16" s="16">
        <v>762</v>
      </c>
      <c r="AO16" s="16">
        <v>807</v>
      </c>
      <c r="AP16" s="16">
        <v>884</v>
      </c>
      <c r="AQ16" s="16">
        <v>869</v>
      </c>
      <c r="AR16" s="16">
        <v>918</v>
      </c>
      <c r="AS16" s="16">
        <v>955</v>
      </c>
      <c r="AT16" s="16">
        <v>997</v>
      </c>
      <c r="AU16" s="16">
        <v>961</v>
      </c>
      <c r="AV16" s="16">
        <v>984</v>
      </c>
      <c r="AW16" s="16">
        <v>1080</v>
      </c>
      <c r="AX16" s="16">
        <v>1069</v>
      </c>
      <c r="AY16" s="16">
        <v>995</v>
      </c>
      <c r="AZ16" s="16">
        <v>1088</v>
      </c>
      <c r="BA16" s="16">
        <v>1103</v>
      </c>
      <c r="BB16" s="16">
        <v>1129</v>
      </c>
      <c r="BC16" s="16">
        <v>1240</v>
      </c>
      <c r="BD16" s="16">
        <v>1207</v>
      </c>
      <c r="BE16" s="16">
        <v>1228</v>
      </c>
      <c r="BF16" s="16">
        <v>1265</v>
      </c>
      <c r="BG16" s="16">
        <v>1208</v>
      </c>
      <c r="BH16" s="16">
        <v>1246</v>
      </c>
      <c r="BI16" s="16">
        <v>1158</v>
      </c>
      <c r="BJ16" s="16">
        <v>1190</v>
      </c>
      <c r="BK16" s="16">
        <v>1215</v>
      </c>
      <c r="BL16" s="16">
        <v>1284</v>
      </c>
      <c r="BM16" s="16">
        <v>983</v>
      </c>
      <c r="BN16" s="16">
        <v>1258</v>
      </c>
      <c r="BO16" s="16">
        <v>1209</v>
      </c>
      <c r="BP16" s="16">
        <v>1133</v>
      </c>
      <c r="BQ16" s="16">
        <v>1234</v>
      </c>
      <c r="BR16" s="16">
        <v>1206</v>
      </c>
      <c r="BS16" s="16">
        <v>1273</v>
      </c>
      <c r="BT16" s="16">
        <v>1359</v>
      </c>
      <c r="BU16" s="16">
        <v>1232</v>
      </c>
      <c r="BV16" s="16">
        <v>1317</v>
      </c>
      <c r="BW16" s="16">
        <v>1357</v>
      </c>
      <c r="BX16" s="16">
        <v>1445</v>
      </c>
      <c r="BY16" s="16">
        <v>1461</v>
      </c>
      <c r="BZ16" s="16">
        <v>1488</v>
      </c>
      <c r="CA16" s="16">
        <v>1552</v>
      </c>
      <c r="CB16" s="16">
        <v>1529</v>
      </c>
      <c r="CC16" s="16">
        <v>1633</v>
      </c>
      <c r="CD16" s="16">
        <v>1819</v>
      </c>
      <c r="CE16" s="16">
        <v>1586</v>
      </c>
      <c r="CF16" s="16">
        <v>1589</v>
      </c>
      <c r="CG16" s="16">
        <v>927</v>
      </c>
      <c r="CH16" s="16">
        <v>1001</v>
      </c>
      <c r="CI16" s="16">
        <v>1220</v>
      </c>
      <c r="CJ16" s="16">
        <v>1127</v>
      </c>
      <c r="CK16" s="16">
        <v>1186</v>
      </c>
      <c r="CL16" s="16">
        <v>1173</v>
      </c>
      <c r="CM16" s="16">
        <v>974</v>
      </c>
      <c r="CN16" s="16">
        <v>929</v>
      </c>
      <c r="CO16" s="16">
        <v>937</v>
      </c>
      <c r="CP16" s="16">
        <v>998</v>
      </c>
      <c r="CQ16" s="16">
        <v>981</v>
      </c>
      <c r="CR16" s="16">
        <v>923</v>
      </c>
      <c r="CS16" s="16">
        <v>793</v>
      </c>
      <c r="CT16" s="16">
        <v>828</v>
      </c>
      <c r="CU16" s="16">
        <v>741</v>
      </c>
      <c r="CV16" s="16">
        <v>589</v>
      </c>
      <c r="CW16" s="16">
        <v>570</v>
      </c>
      <c r="CX16" s="16">
        <v>427</v>
      </c>
      <c r="CY16" s="16">
        <v>392</v>
      </c>
      <c r="CZ16" s="16">
        <v>302</v>
      </c>
      <c r="DA16" s="16">
        <v>263</v>
      </c>
      <c r="DB16" s="16">
        <v>167</v>
      </c>
      <c r="DC16" s="16">
        <v>147</v>
      </c>
      <c r="DD16" s="16">
        <v>93</v>
      </c>
      <c r="DE16" s="16">
        <v>68</v>
      </c>
      <c r="DF16" s="16">
        <v>54</v>
      </c>
      <c r="DG16" s="16">
        <v>71</v>
      </c>
      <c r="DH16" s="16">
        <v>1089</v>
      </c>
      <c r="DI16" s="16">
        <v>11593</v>
      </c>
      <c r="DJ16" s="16">
        <v>51932</v>
      </c>
      <c r="DK16" s="16">
        <v>31983</v>
      </c>
      <c r="DL16" s="16">
        <v>16954</v>
      </c>
      <c r="DM16" s="16">
        <v>6428</v>
      </c>
      <c r="DN16" s="16">
        <v>54628</v>
      </c>
      <c r="DO16" s="17">
        <v>49.807279999999999</v>
      </c>
      <c r="DP16" s="17">
        <v>52.237859999999998</v>
      </c>
    </row>
    <row r="17" spans="1:120">
      <c r="A17" s="21" t="s">
        <v>394</v>
      </c>
      <c r="B17" s="21" t="s">
        <v>214</v>
      </c>
      <c r="C17" s="21" t="s">
        <v>243</v>
      </c>
      <c r="D17" s="21" t="s">
        <v>237</v>
      </c>
      <c r="E17" s="21" t="s">
        <v>245</v>
      </c>
      <c r="F17" s="21" t="s">
        <v>235</v>
      </c>
      <c r="G17" s="21" t="s">
        <v>237</v>
      </c>
      <c r="H17" s="21" t="s">
        <v>241</v>
      </c>
      <c r="I17" s="21" t="s">
        <v>246</v>
      </c>
      <c r="J17" s="16">
        <v>2307</v>
      </c>
      <c r="K17" s="16">
        <v>3</v>
      </c>
      <c r="L17" s="16">
        <v>5</v>
      </c>
      <c r="M17" s="16">
        <v>5</v>
      </c>
      <c r="N17" s="16">
        <v>5</v>
      </c>
      <c r="O17" s="16">
        <v>7</v>
      </c>
      <c r="P17" s="16">
        <v>3</v>
      </c>
      <c r="Q17" s="16">
        <v>5</v>
      </c>
      <c r="R17" s="16">
        <v>5</v>
      </c>
      <c r="S17" s="16">
        <v>5</v>
      </c>
      <c r="T17" s="16">
        <v>8</v>
      </c>
      <c r="U17" s="16">
        <v>8</v>
      </c>
      <c r="V17" s="16">
        <v>5</v>
      </c>
      <c r="W17" s="16">
        <v>4</v>
      </c>
      <c r="X17" s="16">
        <v>7</v>
      </c>
      <c r="Y17" s="16">
        <v>5</v>
      </c>
      <c r="Z17" s="16">
        <v>11</v>
      </c>
      <c r="AA17" s="16">
        <v>6</v>
      </c>
      <c r="AB17" s="16">
        <v>10</v>
      </c>
      <c r="AC17" s="16">
        <v>5</v>
      </c>
      <c r="AD17" s="16">
        <v>8</v>
      </c>
      <c r="AE17" s="16">
        <v>4</v>
      </c>
      <c r="AF17" s="16">
        <v>9</v>
      </c>
      <c r="AG17" s="16">
        <v>8</v>
      </c>
      <c r="AH17" s="16">
        <v>8</v>
      </c>
      <c r="AI17" s="16">
        <v>6</v>
      </c>
      <c r="AJ17" s="16">
        <v>8</v>
      </c>
      <c r="AK17" s="16">
        <v>9</v>
      </c>
      <c r="AL17" s="16">
        <v>11</v>
      </c>
      <c r="AM17" s="16">
        <v>8</v>
      </c>
      <c r="AN17" s="16">
        <v>7</v>
      </c>
      <c r="AO17" s="16">
        <v>11</v>
      </c>
      <c r="AP17" s="16">
        <v>9</v>
      </c>
      <c r="AQ17" s="16">
        <v>9</v>
      </c>
      <c r="AR17" s="16">
        <v>7</v>
      </c>
      <c r="AS17" s="16">
        <v>11</v>
      </c>
      <c r="AT17" s="16">
        <v>10</v>
      </c>
      <c r="AU17" s="16">
        <v>11</v>
      </c>
      <c r="AV17" s="16">
        <v>15</v>
      </c>
      <c r="AW17" s="16">
        <v>10</v>
      </c>
      <c r="AX17" s="16">
        <v>11</v>
      </c>
      <c r="AY17" s="16">
        <v>11</v>
      </c>
      <c r="AZ17" s="16">
        <v>13</v>
      </c>
      <c r="BA17" s="16">
        <v>15</v>
      </c>
      <c r="BB17" s="16">
        <v>11</v>
      </c>
      <c r="BC17" s="16">
        <v>21</v>
      </c>
      <c r="BD17" s="16">
        <v>10</v>
      </c>
      <c r="BE17" s="16">
        <v>15</v>
      </c>
      <c r="BF17" s="16">
        <v>9</v>
      </c>
      <c r="BG17" s="16">
        <v>15</v>
      </c>
      <c r="BH17" s="16">
        <v>21</v>
      </c>
      <c r="BI17" s="16">
        <v>21</v>
      </c>
      <c r="BJ17" s="16">
        <v>20</v>
      </c>
      <c r="BK17" s="16">
        <v>16</v>
      </c>
      <c r="BL17" s="16">
        <v>21</v>
      </c>
      <c r="BM17" s="16">
        <v>23</v>
      </c>
      <c r="BN17" s="16">
        <v>32</v>
      </c>
      <c r="BO17" s="16">
        <v>20</v>
      </c>
      <c r="BP17" s="16">
        <v>34</v>
      </c>
      <c r="BQ17" s="16">
        <v>36</v>
      </c>
      <c r="BR17" s="16">
        <v>31</v>
      </c>
      <c r="BS17" s="16">
        <v>45</v>
      </c>
      <c r="BT17" s="16">
        <v>35</v>
      </c>
      <c r="BU17" s="16">
        <v>53</v>
      </c>
      <c r="BV17" s="16">
        <v>45</v>
      </c>
      <c r="BW17" s="16">
        <v>44</v>
      </c>
      <c r="BX17" s="16">
        <v>48</v>
      </c>
      <c r="BY17" s="16">
        <v>57</v>
      </c>
      <c r="BZ17" s="16">
        <v>50</v>
      </c>
      <c r="CA17" s="16">
        <v>61</v>
      </c>
      <c r="CB17" s="16">
        <v>64</v>
      </c>
      <c r="CC17" s="16">
        <v>70</v>
      </c>
      <c r="CD17" s="16">
        <v>70</v>
      </c>
      <c r="CE17" s="16">
        <v>60</v>
      </c>
      <c r="CF17" s="16">
        <v>61</v>
      </c>
      <c r="CG17" s="16">
        <v>28</v>
      </c>
      <c r="CH17" s="16">
        <v>33</v>
      </c>
      <c r="CI17" s="16">
        <v>58</v>
      </c>
      <c r="CJ17" s="16">
        <v>48</v>
      </c>
      <c r="CK17" s="16">
        <v>49</v>
      </c>
      <c r="CL17" s="16">
        <v>36</v>
      </c>
      <c r="CM17" s="16">
        <v>52</v>
      </c>
      <c r="CN17" s="16">
        <v>60</v>
      </c>
      <c r="CO17" s="16">
        <v>38</v>
      </c>
      <c r="CP17" s="16">
        <v>55</v>
      </c>
      <c r="CQ17" s="16">
        <v>60</v>
      </c>
      <c r="CR17" s="16">
        <v>35</v>
      </c>
      <c r="CS17" s="16">
        <v>50</v>
      </c>
      <c r="CT17" s="16">
        <v>33</v>
      </c>
      <c r="CU17" s="16">
        <v>43</v>
      </c>
      <c r="CV17" s="16">
        <v>33</v>
      </c>
      <c r="CW17" s="16">
        <v>32</v>
      </c>
      <c r="CX17" s="16">
        <v>28</v>
      </c>
      <c r="CY17" s="16">
        <v>20</v>
      </c>
      <c r="CZ17" s="16">
        <v>14</v>
      </c>
      <c r="DA17" s="16">
        <v>9</v>
      </c>
      <c r="DB17" s="16">
        <v>8</v>
      </c>
      <c r="DC17" s="16">
        <v>10</v>
      </c>
      <c r="DD17" s="16">
        <v>11</v>
      </c>
      <c r="DE17" s="16">
        <v>1</v>
      </c>
      <c r="DF17" s="16">
        <v>2</v>
      </c>
      <c r="DG17" s="16">
        <v>1</v>
      </c>
      <c r="DH17" s="22" t="s">
        <v>268</v>
      </c>
      <c r="DI17" s="16">
        <v>80</v>
      </c>
      <c r="DJ17" s="16">
        <v>839</v>
      </c>
      <c r="DK17" s="16">
        <v>1388</v>
      </c>
      <c r="DL17" s="16">
        <v>819</v>
      </c>
      <c r="DM17" s="16">
        <v>330</v>
      </c>
      <c r="DN17" s="16">
        <v>1079</v>
      </c>
      <c r="DO17" s="17">
        <v>65.020589999999999</v>
      </c>
      <c r="DP17" s="17">
        <v>69.289060000000006</v>
      </c>
    </row>
    <row r="18" spans="1:120">
      <c r="A18" s="21" t="s">
        <v>394</v>
      </c>
      <c r="B18" s="21" t="s">
        <v>214</v>
      </c>
      <c r="C18" s="21" t="s">
        <v>243</v>
      </c>
      <c r="D18" s="21" t="s">
        <v>237</v>
      </c>
      <c r="E18" s="21" t="s">
        <v>247</v>
      </c>
      <c r="F18" s="21" t="s">
        <v>235</v>
      </c>
      <c r="G18" s="21" t="s">
        <v>237</v>
      </c>
      <c r="H18" s="21" t="s">
        <v>241</v>
      </c>
      <c r="I18" s="21" t="s">
        <v>248</v>
      </c>
      <c r="J18" s="16">
        <v>7157</v>
      </c>
      <c r="K18" s="16">
        <v>43</v>
      </c>
      <c r="L18" s="16">
        <v>65</v>
      </c>
      <c r="M18" s="16">
        <v>61</v>
      </c>
      <c r="N18" s="16">
        <v>64</v>
      </c>
      <c r="O18" s="16">
        <v>82</v>
      </c>
      <c r="P18" s="16">
        <v>75</v>
      </c>
      <c r="Q18" s="16">
        <v>73</v>
      </c>
      <c r="R18" s="16">
        <v>66</v>
      </c>
      <c r="S18" s="16">
        <v>67</v>
      </c>
      <c r="T18" s="16">
        <v>75</v>
      </c>
      <c r="U18" s="16">
        <v>86</v>
      </c>
      <c r="V18" s="16">
        <v>69</v>
      </c>
      <c r="W18" s="16">
        <v>71</v>
      </c>
      <c r="X18" s="16">
        <v>65</v>
      </c>
      <c r="Y18" s="16">
        <v>79</v>
      </c>
      <c r="Z18" s="16">
        <v>71</v>
      </c>
      <c r="AA18" s="16">
        <v>72</v>
      </c>
      <c r="AB18" s="16">
        <v>76</v>
      </c>
      <c r="AC18" s="16">
        <v>66</v>
      </c>
      <c r="AD18" s="16">
        <v>51</v>
      </c>
      <c r="AE18" s="16">
        <v>49</v>
      </c>
      <c r="AF18" s="16">
        <v>58</v>
      </c>
      <c r="AG18" s="16">
        <v>43</v>
      </c>
      <c r="AH18" s="16">
        <v>47</v>
      </c>
      <c r="AI18" s="16">
        <v>50</v>
      </c>
      <c r="AJ18" s="16">
        <v>55</v>
      </c>
      <c r="AK18" s="16">
        <v>41</v>
      </c>
      <c r="AL18" s="16">
        <v>54</v>
      </c>
      <c r="AM18" s="16">
        <v>63</v>
      </c>
      <c r="AN18" s="16">
        <v>48</v>
      </c>
      <c r="AO18" s="16">
        <v>64</v>
      </c>
      <c r="AP18" s="16">
        <v>67</v>
      </c>
      <c r="AQ18" s="16">
        <v>86</v>
      </c>
      <c r="AR18" s="16">
        <v>84</v>
      </c>
      <c r="AS18" s="16">
        <v>73</v>
      </c>
      <c r="AT18" s="16">
        <v>66</v>
      </c>
      <c r="AU18" s="16">
        <v>87</v>
      </c>
      <c r="AV18" s="16">
        <v>97</v>
      </c>
      <c r="AW18" s="16">
        <v>81</v>
      </c>
      <c r="AX18" s="16">
        <v>85</v>
      </c>
      <c r="AY18" s="16">
        <v>85</v>
      </c>
      <c r="AZ18" s="16">
        <v>73</v>
      </c>
      <c r="BA18" s="16">
        <v>78</v>
      </c>
      <c r="BB18" s="16">
        <v>83</v>
      </c>
      <c r="BC18" s="16">
        <v>67</v>
      </c>
      <c r="BD18" s="16">
        <v>101</v>
      </c>
      <c r="BE18" s="16">
        <v>84</v>
      </c>
      <c r="BF18" s="16">
        <v>107</v>
      </c>
      <c r="BG18" s="16">
        <v>105</v>
      </c>
      <c r="BH18" s="16">
        <v>70</v>
      </c>
      <c r="BI18" s="16">
        <v>94</v>
      </c>
      <c r="BJ18" s="16">
        <v>103</v>
      </c>
      <c r="BK18" s="16">
        <v>74</v>
      </c>
      <c r="BL18" s="16">
        <v>95</v>
      </c>
      <c r="BM18" s="16">
        <v>67</v>
      </c>
      <c r="BN18" s="16">
        <v>85</v>
      </c>
      <c r="BO18" s="16">
        <v>101</v>
      </c>
      <c r="BP18" s="16">
        <v>85</v>
      </c>
      <c r="BQ18" s="16">
        <v>83</v>
      </c>
      <c r="BR18" s="16">
        <v>92</v>
      </c>
      <c r="BS18" s="16">
        <v>93</v>
      </c>
      <c r="BT18" s="16">
        <v>110</v>
      </c>
      <c r="BU18" s="16">
        <v>107</v>
      </c>
      <c r="BV18" s="16">
        <v>95</v>
      </c>
      <c r="BW18" s="16">
        <v>94</v>
      </c>
      <c r="BX18" s="16">
        <v>100</v>
      </c>
      <c r="BY18" s="16">
        <v>103</v>
      </c>
      <c r="BZ18" s="16">
        <v>102</v>
      </c>
      <c r="CA18" s="16">
        <v>113</v>
      </c>
      <c r="CB18" s="16">
        <v>98</v>
      </c>
      <c r="CC18" s="16">
        <v>118</v>
      </c>
      <c r="CD18" s="16">
        <v>120</v>
      </c>
      <c r="CE18" s="16">
        <v>119</v>
      </c>
      <c r="CF18" s="16">
        <v>92</v>
      </c>
      <c r="CG18" s="16">
        <v>49</v>
      </c>
      <c r="CH18" s="16">
        <v>84</v>
      </c>
      <c r="CI18" s="16">
        <v>94</v>
      </c>
      <c r="CJ18" s="16">
        <v>74</v>
      </c>
      <c r="CK18" s="16">
        <v>90</v>
      </c>
      <c r="CL18" s="16">
        <v>84</v>
      </c>
      <c r="CM18" s="16">
        <v>72</v>
      </c>
      <c r="CN18" s="16">
        <v>63</v>
      </c>
      <c r="CO18" s="16">
        <v>58</v>
      </c>
      <c r="CP18" s="16">
        <v>67</v>
      </c>
      <c r="CQ18" s="16">
        <v>65</v>
      </c>
      <c r="CR18" s="16">
        <v>60</v>
      </c>
      <c r="CS18" s="16">
        <v>51</v>
      </c>
      <c r="CT18" s="16">
        <v>53</v>
      </c>
      <c r="CU18" s="16">
        <v>42</v>
      </c>
      <c r="CV18" s="16">
        <v>53</v>
      </c>
      <c r="CW18" s="16">
        <v>23</v>
      </c>
      <c r="CX18" s="16">
        <v>26</v>
      </c>
      <c r="CY18" s="16">
        <v>32</v>
      </c>
      <c r="CZ18" s="16">
        <v>34</v>
      </c>
      <c r="DA18" s="16">
        <v>20</v>
      </c>
      <c r="DB18" s="16">
        <v>17</v>
      </c>
      <c r="DC18" s="16">
        <v>9</v>
      </c>
      <c r="DD18" s="16">
        <v>8</v>
      </c>
      <c r="DE18" s="16">
        <v>8</v>
      </c>
      <c r="DF18" s="16">
        <v>5</v>
      </c>
      <c r="DG18" s="16">
        <v>8</v>
      </c>
      <c r="DH18" s="16">
        <v>37</v>
      </c>
      <c r="DI18" s="16">
        <v>1041</v>
      </c>
      <c r="DJ18" s="16">
        <v>3865</v>
      </c>
      <c r="DK18" s="16">
        <v>2214</v>
      </c>
      <c r="DL18" s="16">
        <v>1200</v>
      </c>
      <c r="DM18" s="16">
        <v>449</v>
      </c>
      <c r="DN18" s="16">
        <v>4045</v>
      </c>
      <c r="DO18" s="17">
        <v>48.262360000000001</v>
      </c>
      <c r="DP18" s="17">
        <v>50.340429999999998</v>
      </c>
    </row>
    <row r="19" spans="1:120">
      <c r="A19" s="21" t="s">
        <v>394</v>
      </c>
      <c r="B19" s="21" t="s">
        <v>214</v>
      </c>
      <c r="C19" s="21" t="s">
        <v>243</v>
      </c>
      <c r="D19" s="21" t="s">
        <v>237</v>
      </c>
      <c r="E19" s="21" t="s">
        <v>249</v>
      </c>
      <c r="F19" s="21" t="s">
        <v>235</v>
      </c>
      <c r="G19" s="21" t="s">
        <v>237</v>
      </c>
      <c r="H19" s="21" t="s">
        <v>241</v>
      </c>
      <c r="I19" s="21" t="s">
        <v>250</v>
      </c>
      <c r="J19" s="16">
        <v>13591</v>
      </c>
      <c r="K19" s="16">
        <v>71</v>
      </c>
      <c r="L19" s="16">
        <v>97</v>
      </c>
      <c r="M19" s="16">
        <v>95</v>
      </c>
      <c r="N19" s="16">
        <v>105</v>
      </c>
      <c r="O19" s="16">
        <v>106</v>
      </c>
      <c r="P19" s="16">
        <v>113</v>
      </c>
      <c r="Q19" s="16">
        <v>117</v>
      </c>
      <c r="R19" s="16">
        <v>143</v>
      </c>
      <c r="S19" s="16">
        <v>128</v>
      </c>
      <c r="T19" s="16">
        <v>145</v>
      </c>
      <c r="U19" s="16">
        <v>99</v>
      </c>
      <c r="V19" s="16">
        <v>126</v>
      </c>
      <c r="W19" s="16">
        <v>131</v>
      </c>
      <c r="X19" s="16">
        <v>127</v>
      </c>
      <c r="Y19" s="16">
        <v>125</v>
      </c>
      <c r="Z19" s="16">
        <v>110</v>
      </c>
      <c r="AA19" s="16">
        <v>105</v>
      </c>
      <c r="AB19" s="16">
        <v>118</v>
      </c>
      <c r="AC19" s="16">
        <v>98</v>
      </c>
      <c r="AD19" s="16">
        <v>77</v>
      </c>
      <c r="AE19" s="16">
        <v>93</v>
      </c>
      <c r="AF19" s="16">
        <v>83</v>
      </c>
      <c r="AG19" s="16">
        <v>93</v>
      </c>
      <c r="AH19" s="16">
        <v>90</v>
      </c>
      <c r="AI19" s="16">
        <v>113</v>
      </c>
      <c r="AJ19" s="16">
        <v>92</v>
      </c>
      <c r="AK19" s="16">
        <v>87</v>
      </c>
      <c r="AL19" s="16">
        <v>102</v>
      </c>
      <c r="AM19" s="16">
        <v>88</v>
      </c>
      <c r="AN19" s="16">
        <v>105</v>
      </c>
      <c r="AO19" s="16">
        <v>113</v>
      </c>
      <c r="AP19" s="16">
        <v>112</v>
      </c>
      <c r="AQ19" s="16">
        <v>118</v>
      </c>
      <c r="AR19" s="16">
        <v>117</v>
      </c>
      <c r="AS19" s="16">
        <v>126</v>
      </c>
      <c r="AT19" s="16">
        <v>114</v>
      </c>
      <c r="AU19" s="16">
        <v>144</v>
      </c>
      <c r="AV19" s="16">
        <v>152</v>
      </c>
      <c r="AW19" s="16">
        <v>135</v>
      </c>
      <c r="AX19" s="16">
        <v>151</v>
      </c>
      <c r="AY19" s="16">
        <v>153</v>
      </c>
      <c r="AZ19" s="16">
        <v>172</v>
      </c>
      <c r="BA19" s="16">
        <v>151</v>
      </c>
      <c r="BB19" s="16">
        <v>155</v>
      </c>
      <c r="BC19" s="16">
        <v>149</v>
      </c>
      <c r="BD19" s="16">
        <v>148</v>
      </c>
      <c r="BE19" s="16">
        <v>163</v>
      </c>
      <c r="BF19" s="16">
        <v>156</v>
      </c>
      <c r="BG19" s="16">
        <v>161</v>
      </c>
      <c r="BH19" s="16">
        <v>151</v>
      </c>
      <c r="BI19" s="16">
        <v>151</v>
      </c>
      <c r="BJ19" s="16">
        <v>158</v>
      </c>
      <c r="BK19" s="16">
        <v>165</v>
      </c>
      <c r="BL19" s="16">
        <v>159</v>
      </c>
      <c r="BM19" s="16">
        <v>152</v>
      </c>
      <c r="BN19" s="16">
        <v>165</v>
      </c>
      <c r="BO19" s="16">
        <v>180</v>
      </c>
      <c r="BP19" s="16">
        <v>177</v>
      </c>
      <c r="BQ19" s="16">
        <v>180</v>
      </c>
      <c r="BR19" s="16">
        <v>191</v>
      </c>
      <c r="BS19" s="16">
        <v>183</v>
      </c>
      <c r="BT19" s="16">
        <v>212</v>
      </c>
      <c r="BU19" s="16">
        <v>187</v>
      </c>
      <c r="BV19" s="16">
        <v>200</v>
      </c>
      <c r="BW19" s="16">
        <v>215</v>
      </c>
      <c r="BX19" s="16">
        <v>225</v>
      </c>
      <c r="BY19" s="16">
        <v>191</v>
      </c>
      <c r="BZ19" s="16">
        <v>194</v>
      </c>
      <c r="CA19" s="16">
        <v>266</v>
      </c>
      <c r="CB19" s="16">
        <v>206</v>
      </c>
      <c r="CC19" s="16">
        <v>243</v>
      </c>
      <c r="CD19" s="16">
        <v>253</v>
      </c>
      <c r="CE19" s="16">
        <v>256</v>
      </c>
      <c r="CF19" s="16">
        <v>215</v>
      </c>
      <c r="CG19" s="16">
        <v>131</v>
      </c>
      <c r="CH19" s="16">
        <v>163</v>
      </c>
      <c r="CI19" s="16">
        <v>193</v>
      </c>
      <c r="CJ19" s="16">
        <v>169</v>
      </c>
      <c r="CK19" s="16">
        <v>166</v>
      </c>
      <c r="CL19" s="16">
        <v>189</v>
      </c>
      <c r="CM19" s="16">
        <v>144</v>
      </c>
      <c r="CN19" s="16">
        <v>155</v>
      </c>
      <c r="CO19" s="16">
        <v>168</v>
      </c>
      <c r="CP19" s="16">
        <v>145</v>
      </c>
      <c r="CQ19" s="16">
        <v>170</v>
      </c>
      <c r="CR19" s="16">
        <v>132</v>
      </c>
      <c r="CS19" s="16">
        <v>140</v>
      </c>
      <c r="CT19" s="16">
        <v>127</v>
      </c>
      <c r="CU19" s="16">
        <v>114</v>
      </c>
      <c r="CV19" s="16">
        <v>105</v>
      </c>
      <c r="CW19" s="16">
        <v>78</v>
      </c>
      <c r="CX19" s="16">
        <v>63</v>
      </c>
      <c r="CY19" s="16">
        <v>52</v>
      </c>
      <c r="CZ19" s="16">
        <v>41</v>
      </c>
      <c r="DA19" s="16">
        <v>38</v>
      </c>
      <c r="DB19" s="16">
        <v>28</v>
      </c>
      <c r="DC19" s="16">
        <v>14</v>
      </c>
      <c r="DD19" s="16">
        <v>12</v>
      </c>
      <c r="DE19" s="16">
        <v>8</v>
      </c>
      <c r="DF19" s="16">
        <v>7</v>
      </c>
      <c r="DG19" s="16">
        <v>8</v>
      </c>
      <c r="DH19" s="16">
        <v>84</v>
      </c>
      <c r="DI19" s="16">
        <v>1728</v>
      </c>
      <c r="DJ19" s="16">
        <v>6970</v>
      </c>
      <c r="DK19" s="16">
        <v>4809</v>
      </c>
      <c r="DL19" s="16">
        <v>2629</v>
      </c>
      <c r="DM19" s="16">
        <v>967</v>
      </c>
      <c r="DN19" s="16">
        <v>7544</v>
      </c>
      <c r="DO19" s="17">
        <v>50.972270000000002</v>
      </c>
      <c r="DP19" s="17">
        <v>54.641449999999999</v>
      </c>
    </row>
    <row r="20" spans="1:120">
      <c r="A20" s="21" t="s">
        <v>394</v>
      </c>
      <c r="B20" s="21" t="s">
        <v>214</v>
      </c>
      <c r="C20" s="21" t="s">
        <v>243</v>
      </c>
      <c r="D20" s="21" t="s">
        <v>237</v>
      </c>
      <c r="E20" s="21" t="s">
        <v>251</v>
      </c>
      <c r="F20" s="21" t="s">
        <v>235</v>
      </c>
      <c r="G20" s="21" t="s">
        <v>237</v>
      </c>
      <c r="H20" s="21" t="s">
        <v>241</v>
      </c>
      <c r="I20" s="21" t="s">
        <v>252</v>
      </c>
      <c r="J20" s="16">
        <v>1864</v>
      </c>
      <c r="K20" s="16">
        <v>7</v>
      </c>
      <c r="L20" s="16">
        <v>6</v>
      </c>
      <c r="M20" s="16">
        <v>8</v>
      </c>
      <c r="N20" s="16">
        <v>9</v>
      </c>
      <c r="O20" s="16">
        <v>6</v>
      </c>
      <c r="P20" s="16">
        <v>10</v>
      </c>
      <c r="Q20" s="16">
        <v>11</v>
      </c>
      <c r="R20" s="16">
        <v>7</v>
      </c>
      <c r="S20" s="16">
        <v>9</v>
      </c>
      <c r="T20" s="16">
        <v>10</v>
      </c>
      <c r="U20" s="16">
        <v>9</v>
      </c>
      <c r="V20" s="16">
        <v>13</v>
      </c>
      <c r="W20" s="16">
        <v>14</v>
      </c>
      <c r="X20" s="16">
        <v>15</v>
      </c>
      <c r="Y20" s="16">
        <v>10</v>
      </c>
      <c r="Z20" s="16">
        <v>9</v>
      </c>
      <c r="AA20" s="16">
        <v>12</v>
      </c>
      <c r="AB20" s="16">
        <v>13</v>
      </c>
      <c r="AC20" s="16">
        <v>15</v>
      </c>
      <c r="AD20" s="16">
        <v>10</v>
      </c>
      <c r="AE20" s="16">
        <v>13</v>
      </c>
      <c r="AF20" s="16">
        <v>9</v>
      </c>
      <c r="AG20" s="16">
        <v>13</v>
      </c>
      <c r="AH20" s="16">
        <v>6</v>
      </c>
      <c r="AI20" s="16">
        <v>14</v>
      </c>
      <c r="AJ20" s="16">
        <v>13</v>
      </c>
      <c r="AK20" s="16">
        <v>7</v>
      </c>
      <c r="AL20" s="16">
        <v>4</v>
      </c>
      <c r="AM20" s="16">
        <v>7</v>
      </c>
      <c r="AN20" s="16">
        <v>8</v>
      </c>
      <c r="AO20" s="16">
        <v>4</v>
      </c>
      <c r="AP20" s="16">
        <v>11</v>
      </c>
      <c r="AQ20" s="16">
        <v>4</v>
      </c>
      <c r="AR20" s="16">
        <v>11</v>
      </c>
      <c r="AS20" s="16">
        <v>10</v>
      </c>
      <c r="AT20" s="16">
        <v>16</v>
      </c>
      <c r="AU20" s="16">
        <v>6</v>
      </c>
      <c r="AV20" s="16">
        <v>10</v>
      </c>
      <c r="AW20" s="16">
        <v>12</v>
      </c>
      <c r="AX20" s="16">
        <v>11</v>
      </c>
      <c r="AY20" s="16">
        <v>17</v>
      </c>
      <c r="AZ20" s="16">
        <v>14</v>
      </c>
      <c r="BA20" s="16">
        <v>14</v>
      </c>
      <c r="BB20" s="16">
        <v>11</v>
      </c>
      <c r="BC20" s="16">
        <v>11</v>
      </c>
      <c r="BD20" s="16">
        <v>20</v>
      </c>
      <c r="BE20" s="16">
        <v>20</v>
      </c>
      <c r="BF20" s="16">
        <v>14</v>
      </c>
      <c r="BG20" s="16">
        <v>19</v>
      </c>
      <c r="BH20" s="16">
        <v>16</v>
      </c>
      <c r="BI20" s="16">
        <v>17</v>
      </c>
      <c r="BJ20" s="16">
        <v>11</v>
      </c>
      <c r="BK20" s="16">
        <v>23</v>
      </c>
      <c r="BL20" s="16">
        <v>24</v>
      </c>
      <c r="BM20" s="16">
        <v>22</v>
      </c>
      <c r="BN20" s="16">
        <v>28</v>
      </c>
      <c r="BO20" s="16">
        <v>38</v>
      </c>
      <c r="BP20" s="16">
        <v>28</v>
      </c>
      <c r="BQ20" s="16">
        <v>33</v>
      </c>
      <c r="BR20" s="16">
        <v>31</v>
      </c>
      <c r="BS20" s="16">
        <v>30</v>
      </c>
      <c r="BT20" s="16">
        <v>30</v>
      </c>
      <c r="BU20" s="16">
        <v>35</v>
      </c>
      <c r="BV20" s="16">
        <v>34</v>
      </c>
      <c r="BW20" s="16">
        <v>46</v>
      </c>
      <c r="BX20" s="16">
        <v>46</v>
      </c>
      <c r="BY20" s="16">
        <v>41</v>
      </c>
      <c r="BZ20" s="16">
        <v>35</v>
      </c>
      <c r="CA20" s="16">
        <v>36</v>
      </c>
      <c r="CB20" s="16">
        <v>38</v>
      </c>
      <c r="CC20" s="16">
        <v>45</v>
      </c>
      <c r="CD20" s="16">
        <v>39</v>
      </c>
      <c r="CE20" s="16">
        <v>27</v>
      </c>
      <c r="CF20" s="16">
        <v>35</v>
      </c>
      <c r="CG20" s="16">
        <v>23</v>
      </c>
      <c r="CH20" s="16">
        <v>31</v>
      </c>
      <c r="CI20" s="16">
        <v>28</v>
      </c>
      <c r="CJ20" s="16">
        <v>18</v>
      </c>
      <c r="CK20" s="16">
        <v>37</v>
      </c>
      <c r="CL20" s="16">
        <v>48</v>
      </c>
      <c r="CM20" s="16">
        <v>42</v>
      </c>
      <c r="CN20" s="16">
        <v>28</v>
      </c>
      <c r="CO20" s="16">
        <v>37</v>
      </c>
      <c r="CP20" s="16">
        <v>29</v>
      </c>
      <c r="CQ20" s="16">
        <v>23</v>
      </c>
      <c r="CR20" s="16">
        <v>28</v>
      </c>
      <c r="CS20" s="16">
        <v>30</v>
      </c>
      <c r="CT20" s="16">
        <v>31</v>
      </c>
      <c r="CU20" s="16">
        <v>12</v>
      </c>
      <c r="CV20" s="16">
        <v>17</v>
      </c>
      <c r="CW20" s="16">
        <v>19</v>
      </c>
      <c r="CX20" s="16">
        <v>17</v>
      </c>
      <c r="CY20" s="16">
        <v>8</v>
      </c>
      <c r="CZ20" s="16">
        <v>9</v>
      </c>
      <c r="DA20" s="16">
        <v>8</v>
      </c>
      <c r="DB20" s="16">
        <v>4</v>
      </c>
      <c r="DC20" s="16">
        <v>3</v>
      </c>
      <c r="DD20" s="16">
        <v>2</v>
      </c>
      <c r="DE20" s="16">
        <v>5</v>
      </c>
      <c r="DF20" s="16">
        <v>3</v>
      </c>
      <c r="DG20" s="16">
        <v>4</v>
      </c>
      <c r="DH20" s="22" t="s">
        <v>268</v>
      </c>
      <c r="DI20" s="16">
        <v>144</v>
      </c>
      <c r="DJ20" s="16">
        <v>834</v>
      </c>
      <c r="DK20" s="16">
        <v>886</v>
      </c>
      <c r="DL20" s="16">
        <v>521</v>
      </c>
      <c r="DM20" s="16">
        <v>200</v>
      </c>
      <c r="DN20" s="16">
        <v>971</v>
      </c>
      <c r="DO20" s="17">
        <v>58.582619999999999</v>
      </c>
      <c r="DP20" s="17">
        <v>64</v>
      </c>
    </row>
    <row r="21" spans="1:120">
      <c r="A21" s="21" t="s">
        <v>394</v>
      </c>
      <c r="B21" s="21" t="s">
        <v>214</v>
      </c>
      <c r="C21" s="21" t="s">
        <v>243</v>
      </c>
      <c r="D21" s="21" t="s">
        <v>237</v>
      </c>
      <c r="E21" s="21" t="s">
        <v>253</v>
      </c>
      <c r="F21" s="21" t="s">
        <v>235</v>
      </c>
      <c r="G21" s="21" t="s">
        <v>237</v>
      </c>
      <c r="H21" s="21" t="s">
        <v>241</v>
      </c>
      <c r="I21" s="21" t="s">
        <v>254</v>
      </c>
      <c r="J21" s="16">
        <v>1551</v>
      </c>
      <c r="K21" s="16">
        <v>2</v>
      </c>
      <c r="L21" s="16">
        <v>4</v>
      </c>
      <c r="M21" s="16">
        <v>5</v>
      </c>
      <c r="N21" s="16">
        <v>5</v>
      </c>
      <c r="O21" s="16">
        <v>4</v>
      </c>
      <c r="P21" s="16">
        <v>3</v>
      </c>
      <c r="Q21" s="16">
        <v>6</v>
      </c>
      <c r="R21" s="16">
        <v>6</v>
      </c>
      <c r="S21" s="16">
        <v>8</v>
      </c>
      <c r="T21" s="16">
        <v>8</v>
      </c>
      <c r="U21" s="16">
        <v>5</v>
      </c>
      <c r="V21" s="16">
        <v>9</v>
      </c>
      <c r="W21" s="16">
        <v>10</v>
      </c>
      <c r="X21" s="16">
        <v>10</v>
      </c>
      <c r="Y21" s="16">
        <v>8</v>
      </c>
      <c r="Z21" s="16">
        <v>10</v>
      </c>
      <c r="AA21" s="16">
        <v>8</v>
      </c>
      <c r="AB21" s="16">
        <v>16</v>
      </c>
      <c r="AC21" s="16">
        <v>6</v>
      </c>
      <c r="AD21" s="16">
        <v>7</v>
      </c>
      <c r="AE21" s="16">
        <v>3</v>
      </c>
      <c r="AF21" s="16">
        <v>5</v>
      </c>
      <c r="AG21" s="16">
        <v>5</v>
      </c>
      <c r="AH21" s="16">
        <v>7</v>
      </c>
      <c r="AI21" s="16">
        <v>3</v>
      </c>
      <c r="AJ21" s="16">
        <v>1</v>
      </c>
      <c r="AK21" s="16">
        <v>3</v>
      </c>
      <c r="AL21" s="16">
        <v>6</v>
      </c>
      <c r="AM21" s="16">
        <v>6</v>
      </c>
      <c r="AN21" s="16">
        <v>5</v>
      </c>
      <c r="AO21" s="16">
        <v>6</v>
      </c>
      <c r="AP21" s="16">
        <v>6</v>
      </c>
      <c r="AQ21" s="16">
        <v>9</v>
      </c>
      <c r="AR21" s="16">
        <v>9</v>
      </c>
      <c r="AS21" s="16">
        <v>9</v>
      </c>
      <c r="AT21" s="16">
        <v>9</v>
      </c>
      <c r="AU21" s="16">
        <v>9</v>
      </c>
      <c r="AV21" s="16">
        <v>8</v>
      </c>
      <c r="AW21" s="16">
        <v>12</v>
      </c>
      <c r="AX21" s="16">
        <v>7</v>
      </c>
      <c r="AY21" s="16">
        <v>8</v>
      </c>
      <c r="AZ21" s="16">
        <v>14</v>
      </c>
      <c r="BA21" s="16">
        <v>8</v>
      </c>
      <c r="BB21" s="16">
        <v>13</v>
      </c>
      <c r="BC21" s="16">
        <v>12</v>
      </c>
      <c r="BD21" s="16">
        <v>13</v>
      </c>
      <c r="BE21" s="16">
        <v>10</v>
      </c>
      <c r="BF21" s="16">
        <v>11</v>
      </c>
      <c r="BG21" s="16">
        <v>16</v>
      </c>
      <c r="BH21" s="16">
        <v>11</v>
      </c>
      <c r="BI21" s="16">
        <v>15</v>
      </c>
      <c r="BJ21" s="16">
        <v>15</v>
      </c>
      <c r="BK21" s="16">
        <v>20</v>
      </c>
      <c r="BL21" s="16">
        <v>18</v>
      </c>
      <c r="BM21" s="16">
        <v>17</v>
      </c>
      <c r="BN21" s="16">
        <v>21</v>
      </c>
      <c r="BO21" s="16">
        <v>17</v>
      </c>
      <c r="BP21" s="16">
        <v>23</v>
      </c>
      <c r="BQ21" s="16">
        <v>24</v>
      </c>
      <c r="BR21" s="16">
        <v>18</v>
      </c>
      <c r="BS21" s="16">
        <v>21</v>
      </c>
      <c r="BT21" s="16">
        <v>21</v>
      </c>
      <c r="BU21" s="16">
        <v>28</v>
      </c>
      <c r="BV21" s="16">
        <v>36</v>
      </c>
      <c r="BW21" s="16">
        <v>21</v>
      </c>
      <c r="BX21" s="16">
        <v>30</v>
      </c>
      <c r="BY21" s="16">
        <v>34</v>
      </c>
      <c r="BZ21" s="16">
        <v>36</v>
      </c>
      <c r="CA21" s="16">
        <v>40</v>
      </c>
      <c r="CB21" s="16">
        <v>23</v>
      </c>
      <c r="CC21" s="16">
        <v>38</v>
      </c>
      <c r="CD21" s="16">
        <v>53</v>
      </c>
      <c r="CE21" s="16">
        <v>34</v>
      </c>
      <c r="CF21" s="16">
        <v>41</v>
      </c>
      <c r="CG21" s="16">
        <v>26</v>
      </c>
      <c r="CH21" s="16">
        <v>23</v>
      </c>
      <c r="CI21" s="16">
        <v>44</v>
      </c>
      <c r="CJ21" s="16">
        <v>28</v>
      </c>
      <c r="CK21" s="16">
        <v>34</v>
      </c>
      <c r="CL21" s="16">
        <v>36</v>
      </c>
      <c r="CM21" s="16">
        <v>39</v>
      </c>
      <c r="CN21" s="16">
        <v>33</v>
      </c>
      <c r="CO21" s="16">
        <v>39</v>
      </c>
      <c r="CP21" s="16">
        <v>42</v>
      </c>
      <c r="CQ21" s="16">
        <v>28</v>
      </c>
      <c r="CR21" s="16">
        <v>27</v>
      </c>
      <c r="CS21" s="16">
        <v>12</v>
      </c>
      <c r="CT21" s="16">
        <v>15</v>
      </c>
      <c r="CU21" s="16">
        <v>22</v>
      </c>
      <c r="CV21" s="16">
        <v>16</v>
      </c>
      <c r="CW21" s="16">
        <v>17</v>
      </c>
      <c r="CX21" s="16">
        <v>12</v>
      </c>
      <c r="CY21" s="16">
        <v>7</v>
      </c>
      <c r="CZ21" s="16">
        <v>10</v>
      </c>
      <c r="DA21" s="16">
        <v>8</v>
      </c>
      <c r="DB21" s="16">
        <v>2</v>
      </c>
      <c r="DC21" s="16">
        <v>1</v>
      </c>
      <c r="DD21" s="16">
        <v>1</v>
      </c>
      <c r="DE21" s="22" t="s">
        <v>268</v>
      </c>
      <c r="DF21" s="22" t="s">
        <v>268</v>
      </c>
      <c r="DG21" s="22" t="s">
        <v>268</v>
      </c>
      <c r="DH21" s="16">
        <v>1</v>
      </c>
      <c r="DI21" s="16">
        <v>93</v>
      </c>
      <c r="DJ21" s="16">
        <v>606</v>
      </c>
      <c r="DK21" s="16">
        <v>851</v>
      </c>
      <c r="DL21" s="16">
        <v>496</v>
      </c>
      <c r="DM21" s="16">
        <v>150</v>
      </c>
      <c r="DN21" s="16">
        <v>722</v>
      </c>
      <c r="DO21" s="17">
        <v>61.487740000000002</v>
      </c>
      <c r="DP21" s="17">
        <v>67.333330000000004</v>
      </c>
    </row>
    <row r="22" spans="1:120">
      <c r="A22" s="21" t="s">
        <v>394</v>
      </c>
      <c r="B22" s="21" t="s">
        <v>215</v>
      </c>
      <c r="C22" s="21" t="s">
        <v>232</v>
      </c>
      <c r="D22" s="21" t="s">
        <v>233</v>
      </c>
      <c r="E22" s="21" t="s">
        <v>234</v>
      </c>
      <c r="F22" s="21" t="s">
        <v>235</v>
      </c>
      <c r="G22" s="21" t="s">
        <v>233</v>
      </c>
      <c r="H22" s="21" t="s">
        <v>234</v>
      </c>
      <c r="I22" s="21" t="s">
        <v>236</v>
      </c>
      <c r="J22" s="16">
        <v>61349581</v>
      </c>
      <c r="K22" s="16">
        <v>425174</v>
      </c>
      <c r="L22" s="16">
        <v>443318</v>
      </c>
      <c r="M22" s="16">
        <v>465785</v>
      </c>
      <c r="N22" s="16">
        <v>477647</v>
      </c>
      <c r="O22" s="16">
        <v>499265</v>
      </c>
      <c r="P22" s="16">
        <v>511421</v>
      </c>
      <c r="Q22" s="16">
        <v>511271</v>
      </c>
      <c r="R22" s="16">
        <v>522070</v>
      </c>
      <c r="S22" s="16">
        <v>524058</v>
      </c>
      <c r="T22" s="16">
        <v>537831</v>
      </c>
      <c r="U22" s="16">
        <v>542356</v>
      </c>
      <c r="V22" s="16">
        <v>545009</v>
      </c>
      <c r="W22" s="16">
        <v>554827</v>
      </c>
      <c r="X22" s="16">
        <v>552460</v>
      </c>
      <c r="Y22" s="16">
        <v>547479</v>
      </c>
      <c r="Z22" s="16">
        <v>549189</v>
      </c>
      <c r="AA22" s="16">
        <v>571502</v>
      </c>
      <c r="AB22" s="16">
        <v>577524</v>
      </c>
      <c r="AC22" s="16">
        <v>590473</v>
      </c>
      <c r="AD22" s="16">
        <v>591341</v>
      </c>
      <c r="AE22" s="16">
        <v>599122</v>
      </c>
      <c r="AF22" s="16">
        <v>595722</v>
      </c>
      <c r="AG22" s="16">
        <v>607438</v>
      </c>
      <c r="AH22" s="16">
        <v>607959</v>
      </c>
      <c r="AI22" s="16">
        <v>607628</v>
      </c>
      <c r="AJ22" s="16">
        <v>616283</v>
      </c>
      <c r="AK22" s="16">
        <v>617665</v>
      </c>
      <c r="AL22" s="16">
        <v>608393</v>
      </c>
      <c r="AM22" s="16">
        <v>617037</v>
      </c>
      <c r="AN22" s="16">
        <v>614709</v>
      </c>
      <c r="AO22" s="16">
        <v>627959</v>
      </c>
      <c r="AP22" s="16">
        <v>639989</v>
      </c>
      <c r="AQ22" s="16">
        <v>661486</v>
      </c>
      <c r="AR22" s="16">
        <v>678489</v>
      </c>
      <c r="AS22" s="16">
        <v>689108</v>
      </c>
      <c r="AT22" s="16">
        <v>712613</v>
      </c>
      <c r="AU22" s="16">
        <v>737068</v>
      </c>
      <c r="AV22" s="16">
        <v>746200</v>
      </c>
      <c r="AW22" s="16">
        <v>746742</v>
      </c>
      <c r="AX22" s="16">
        <v>754232</v>
      </c>
      <c r="AY22" s="16">
        <v>787456</v>
      </c>
      <c r="AZ22" s="16">
        <v>807174</v>
      </c>
      <c r="BA22" s="16">
        <v>836725</v>
      </c>
      <c r="BB22" s="16">
        <v>858743</v>
      </c>
      <c r="BC22" s="16">
        <v>899348</v>
      </c>
      <c r="BD22" s="16">
        <v>934925</v>
      </c>
      <c r="BE22" s="16">
        <v>987951</v>
      </c>
      <c r="BF22" s="16">
        <v>1001876</v>
      </c>
      <c r="BG22" s="16">
        <v>984614</v>
      </c>
      <c r="BH22" s="16">
        <v>953624</v>
      </c>
      <c r="BI22" s="16">
        <v>923018</v>
      </c>
      <c r="BJ22" s="16">
        <v>906390</v>
      </c>
      <c r="BK22" s="16">
        <v>884012</v>
      </c>
      <c r="BL22" s="16">
        <v>880302</v>
      </c>
      <c r="BM22" s="16">
        <v>683281</v>
      </c>
      <c r="BN22" s="16">
        <v>842548</v>
      </c>
      <c r="BO22" s="16">
        <v>788824</v>
      </c>
      <c r="BP22" s="16">
        <v>767258</v>
      </c>
      <c r="BQ22" s="16">
        <v>741565</v>
      </c>
      <c r="BR22" s="16">
        <v>725108</v>
      </c>
      <c r="BS22" s="16">
        <v>726778</v>
      </c>
      <c r="BT22" s="16">
        <v>738473</v>
      </c>
      <c r="BU22" s="16">
        <v>713490</v>
      </c>
      <c r="BV22" s="16">
        <v>691447</v>
      </c>
      <c r="BW22" s="16">
        <v>722715</v>
      </c>
      <c r="BX22" s="16">
        <v>741752</v>
      </c>
      <c r="BY22" s="16">
        <v>736356</v>
      </c>
      <c r="BZ22" s="16">
        <v>773688</v>
      </c>
      <c r="CA22" s="16">
        <v>809590</v>
      </c>
      <c r="CB22" s="16">
        <v>848674</v>
      </c>
      <c r="CC22" s="16">
        <v>898630</v>
      </c>
      <c r="CD22" s="16">
        <v>974111</v>
      </c>
      <c r="CE22" s="16">
        <v>949118</v>
      </c>
      <c r="CF22" s="16">
        <v>888828</v>
      </c>
      <c r="CG22" s="16">
        <v>538599</v>
      </c>
      <c r="CH22" s="16">
        <v>561533</v>
      </c>
      <c r="CI22" s="16">
        <v>670027</v>
      </c>
      <c r="CJ22" s="16">
        <v>632854</v>
      </c>
      <c r="CK22" s="16">
        <v>632702</v>
      </c>
      <c r="CL22" s="16">
        <v>595744</v>
      </c>
      <c r="CM22" s="16">
        <v>519332</v>
      </c>
      <c r="CN22" s="16">
        <v>431327</v>
      </c>
      <c r="CO22" s="16">
        <v>434337</v>
      </c>
      <c r="CP22" s="16">
        <v>420044</v>
      </c>
      <c r="CQ22" s="16">
        <v>391053</v>
      </c>
      <c r="CR22" s="16">
        <v>341010</v>
      </c>
      <c r="CS22" s="16">
        <v>292041</v>
      </c>
      <c r="CT22" s="16">
        <v>260360</v>
      </c>
      <c r="CU22" s="16">
        <v>224083</v>
      </c>
      <c r="CV22" s="16">
        <v>185979</v>
      </c>
      <c r="CW22" s="16">
        <v>150062</v>
      </c>
      <c r="CX22" s="16">
        <v>121414</v>
      </c>
      <c r="CY22" s="16">
        <v>96135</v>
      </c>
      <c r="CZ22" s="16">
        <v>70704</v>
      </c>
      <c r="DA22" s="16">
        <v>52988</v>
      </c>
      <c r="DB22" s="16">
        <v>36610</v>
      </c>
      <c r="DC22" s="16">
        <v>24062</v>
      </c>
      <c r="DD22" s="16">
        <v>15354</v>
      </c>
      <c r="DE22" s="16">
        <v>9835</v>
      </c>
      <c r="DF22" s="16">
        <v>6249</v>
      </c>
      <c r="DG22" s="16">
        <v>9766</v>
      </c>
      <c r="DH22" s="16">
        <v>1591143</v>
      </c>
      <c r="DI22" s="16">
        <v>7659971</v>
      </c>
      <c r="DJ22" s="16">
        <v>36753516</v>
      </c>
      <c r="DK22" s="16">
        <v>15344951</v>
      </c>
      <c r="DL22" s="16">
        <v>7185605</v>
      </c>
      <c r="DM22" s="16">
        <v>1896652</v>
      </c>
      <c r="DN22" s="16">
        <v>37783547</v>
      </c>
      <c r="DO22" s="17">
        <v>46.012610000000002</v>
      </c>
      <c r="DP22" s="17">
        <v>47.140790000000003</v>
      </c>
    </row>
    <row r="23" spans="1:120">
      <c r="A23" s="21" t="s">
        <v>394</v>
      </c>
      <c r="B23" s="21" t="s">
        <v>215</v>
      </c>
      <c r="C23" s="21" t="s">
        <v>232</v>
      </c>
      <c r="D23" s="21" t="s">
        <v>237</v>
      </c>
      <c r="E23" s="21" t="s">
        <v>238</v>
      </c>
      <c r="F23" s="21" t="s">
        <v>235</v>
      </c>
      <c r="G23" s="21" t="s">
        <v>237</v>
      </c>
      <c r="H23" s="21" t="s">
        <v>238</v>
      </c>
      <c r="I23" s="21" t="s">
        <v>239</v>
      </c>
      <c r="J23" s="16">
        <v>822481</v>
      </c>
      <c r="K23" s="16">
        <v>6372</v>
      </c>
      <c r="L23" s="16">
        <v>6801</v>
      </c>
      <c r="M23" s="16">
        <v>7122</v>
      </c>
      <c r="N23" s="16">
        <v>7292</v>
      </c>
      <c r="O23" s="16">
        <v>7637</v>
      </c>
      <c r="P23" s="16">
        <v>7758</v>
      </c>
      <c r="Q23" s="16">
        <v>7894</v>
      </c>
      <c r="R23" s="16">
        <v>8166</v>
      </c>
      <c r="S23" s="16">
        <v>8297</v>
      </c>
      <c r="T23" s="16">
        <v>8275</v>
      </c>
      <c r="U23" s="16">
        <v>8320</v>
      </c>
      <c r="V23" s="16">
        <v>8162</v>
      </c>
      <c r="W23" s="16">
        <v>8431</v>
      </c>
      <c r="X23" s="16">
        <v>8238</v>
      </c>
      <c r="Y23" s="16">
        <v>8074</v>
      </c>
      <c r="Z23" s="16">
        <v>8215</v>
      </c>
      <c r="AA23" s="16">
        <v>8812</v>
      </c>
      <c r="AB23" s="16">
        <v>8569</v>
      </c>
      <c r="AC23" s="16">
        <v>8039</v>
      </c>
      <c r="AD23" s="16">
        <v>7191</v>
      </c>
      <c r="AE23" s="16">
        <v>7131</v>
      </c>
      <c r="AF23" s="16">
        <v>6857</v>
      </c>
      <c r="AG23" s="16">
        <v>7015</v>
      </c>
      <c r="AH23" s="16">
        <v>6826</v>
      </c>
      <c r="AI23" s="16">
        <v>6920</v>
      </c>
      <c r="AJ23" s="16">
        <v>6906</v>
      </c>
      <c r="AK23" s="16">
        <v>6903</v>
      </c>
      <c r="AL23" s="16">
        <v>7117</v>
      </c>
      <c r="AM23" s="16">
        <v>7254</v>
      </c>
      <c r="AN23" s="16">
        <v>7223</v>
      </c>
      <c r="AO23" s="16">
        <v>7447</v>
      </c>
      <c r="AP23" s="16">
        <v>7813</v>
      </c>
      <c r="AQ23" s="16">
        <v>8212</v>
      </c>
      <c r="AR23" s="16">
        <v>8468</v>
      </c>
      <c r="AS23" s="16">
        <v>8874</v>
      </c>
      <c r="AT23" s="16">
        <v>9264</v>
      </c>
      <c r="AU23" s="16">
        <v>9592</v>
      </c>
      <c r="AV23" s="16">
        <v>9554</v>
      </c>
      <c r="AW23" s="16">
        <v>9717</v>
      </c>
      <c r="AX23" s="16">
        <v>9746</v>
      </c>
      <c r="AY23" s="16">
        <v>10215</v>
      </c>
      <c r="AZ23" s="16">
        <v>10269</v>
      </c>
      <c r="BA23" s="16">
        <v>10484</v>
      </c>
      <c r="BB23" s="16">
        <v>10694</v>
      </c>
      <c r="BC23" s="16">
        <v>10980</v>
      </c>
      <c r="BD23" s="16">
        <v>11033</v>
      </c>
      <c r="BE23" s="16">
        <v>11508</v>
      </c>
      <c r="BF23" s="16">
        <v>11113</v>
      </c>
      <c r="BG23" s="16">
        <v>11070</v>
      </c>
      <c r="BH23" s="16">
        <v>10377</v>
      </c>
      <c r="BI23" s="16">
        <v>9989</v>
      </c>
      <c r="BJ23" s="16">
        <v>9972</v>
      </c>
      <c r="BK23" s="16">
        <v>9919</v>
      </c>
      <c r="BL23" s="16">
        <v>10331</v>
      </c>
      <c r="BM23" s="16">
        <v>8316</v>
      </c>
      <c r="BN23" s="16">
        <v>10356</v>
      </c>
      <c r="BO23" s="16">
        <v>9941</v>
      </c>
      <c r="BP23" s="16">
        <v>10013</v>
      </c>
      <c r="BQ23" s="16">
        <v>10191</v>
      </c>
      <c r="BR23" s="16">
        <v>10286</v>
      </c>
      <c r="BS23" s="16">
        <v>10760</v>
      </c>
      <c r="BT23" s="16">
        <v>11268</v>
      </c>
      <c r="BU23" s="16">
        <v>10978</v>
      </c>
      <c r="BV23" s="16">
        <v>11003</v>
      </c>
      <c r="BW23" s="16">
        <v>11918</v>
      </c>
      <c r="BX23" s="16">
        <v>11974</v>
      </c>
      <c r="BY23" s="16">
        <v>12012</v>
      </c>
      <c r="BZ23" s="16">
        <v>12506</v>
      </c>
      <c r="CA23" s="16">
        <v>13022</v>
      </c>
      <c r="CB23" s="16">
        <v>13220</v>
      </c>
      <c r="CC23" s="16">
        <v>13509</v>
      </c>
      <c r="CD23" s="16">
        <v>14156</v>
      </c>
      <c r="CE23" s="16">
        <v>13345</v>
      </c>
      <c r="CF23" s="16">
        <v>12543</v>
      </c>
      <c r="CG23" s="16">
        <v>7332</v>
      </c>
      <c r="CH23" s="16">
        <v>7522</v>
      </c>
      <c r="CI23" s="16">
        <v>8739</v>
      </c>
      <c r="CJ23" s="16">
        <v>7982</v>
      </c>
      <c r="CK23" s="16">
        <v>7900</v>
      </c>
      <c r="CL23" s="16">
        <v>7916</v>
      </c>
      <c r="CM23" s="16">
        <v>7002</v>
      </c>
      <c r="CN23" s="16">
        <v>6326</v>
      </c>
      <c r="CO23" s="16">
        <v>6279</v>
      </c>
      <c r="CP23" s="16">
        <v>6624</v>
      </c>
      <c r="CQ23" s="16">
        <v>5986</v>
      </c>
      <c r="CR23" s="16">
        <v>5518</v>
      </c>
      <c r="CS23" s="16">
        <v>4865</v>
      </c>
      <c r="CT23" s="16">
        <v>4451</v>
      </c>
      <c r="CU23" s="16">
        <v>3905</v>
      </c>
      <c r="CV23" s="16">
        <v>3327</v>
      </c>
      <c r="CW23" s="16">
        <v>2728</v>
      </c>
      <c r="CX23" s="16">
        <v>2297</v>
      </c>
      <c r="CY23" s="16">
        <v>1795</v>
      </c>
      <c r="CZ23" s="16">
        <v>1377</v>
      </c>
      <c r="DA23" s="16">
        <v>1003</v>
      </c>
      <c r="DB23" s="16">
        <v>681</v>
      </c>
      <c r="DC23" s="16">
        <v>492</v>
      </c>
      <c r="DD23" s="16">
        <v>296</v>
      </c>
      <c r="DE23" s="16">
        <v>211</v>
      </c>
      <c r="DF23" s="16">
        <v>141</v>
      </c>
      <c r="DG23" s="16">
        <v>205</v>
      </c>
      <c r="DH23" s="16">
        <v>13806</v>
      </c>
      <c r="DI23" s="16">
        <v>116839</v>
      </c>
      <c r="DJ23" s="16">
        <v>462649</v>
      </c>
      <c r="DK23" s="16">
        <v>229187</v>
      </c>
      <c r="DL23" s="16">
        <v>105568</v>
      </c>
      <c r="DM23" s="16">
        <v>33292</v>
      </c>
      <c r="DN23" s="16">
        <v>484557</v>
      </c>
      <c r="DO23" s="17">
        <v>46.606650000000002</v>
      </c>
      <c r="DP23" s="17">
        <v>48.138890000000004</v>
      </c>
    </row>
    <row r="24" spans="1:120">
      <c r="A24" s="21" t="s">
        <v>394</v>
      </c>
      <c r="B24" s="21" t="s">
        <v>215</v>
      </c>
      <c r="C24" s="21" t="s">
        <v>240</v>
      </c>
      <c r="D24" s="21" t="s">
        <v>237</v>
      </c>
      <c r="E24" s="21" t="s">
        <v>241</v>
      </c>
      <c r="F24" s="21"/>
      <c r="G24" s="21" t="s">
        <v>237</v>
      </c>
      <c r="H24" s="21" t="s">
        <v>241</v>
      </c>
      <c r="I24" s="21" t="s">
        <v>242</v>
      </c>
      <c r="J24" s="16">
        <v>57298</v>
      </c>
      <c r="K24" s="16">
        <v>402</v>
      </c>
      <c r="L24" s="16">
        <v>404</v>
      </c>
      <c r="M24" s="16">
        <v>422</v>
      </c>
      <c r="N24" s="16">
        <v>476</v>
      </c>
      <c r="O24" s="16">
        <v>516</v>
      </c>
      <c r="P24" s="16">
        <v>462</v>
      </c>
      <c r="Q24" s="16">
        <v>510</v>
      </c>
      <c r="R24" s="16">
        <v>521</v>
      </c>
      <c r="S24" s="16">
        <v>534</v>
      </c>
      <c r="T24" s="16">
        <v>553</v>
      </c>
      <c r="U24" s="16">
        <v>501</v>
      </c>
      <c r="V24" s="16">
        <v>553</v>
      </c>
      <c r="W24" s="16">
        <v>568</v>
      </c>
      <c r="X24" s="16">
        <v>532</v>
      </c>
      <c r="Y24" s="16">
        <v>533</v>
      </c>
      <c r="Z24" s="16">
        <v>610</v>
      </c>
      <c r="AA24" s="16">
        <v>668</v>
      </c>
      <c r="AB24" s="16">
        <v>680</v>
      </c>
      <c r="AC24" s="16">
        <v>583</v>
      </c>
      <c r="AD24" s="16">
        <v>437</v>
      </c>
      <c r="AE24" s="16">
        <v>405</v>
      </c>
      <c r="AF24" s="16">
        <v>383</v>
      </c>
      <c r="AG24" s="16">
        <v>397</v>
      </c>
      <c r="AH24" s="16">
        <v>409</v>
      </c>
      <c r="AI24" s="16">
        <v>431</v>
      </c>
      <c r="AJ24" s="16">
        <v>423</v>
      </c>
      <c r="AK24" s="16">
        <v>428</v>
      </c>
      <c r="AL24" s="16">
        <v>484</v>
      </c>
      <c r="AM24" s="16">
        <v>458</v>
      </c>
      <c r="AN24" s="16">
        <v>467</v>
      </c>
      <c r="AO24" s="16">
        <v>483</v>
      </c>
      <c r="AP24" s="16">
        <v>473</v>
      </c>
      <c r="AQ24" s="16">
        <v>522</v>
      </c>
      <c r="AR24" s="16">
        <v>543</v>
      </c>
      <c r="AS24" s="16">
        <v>587</v>
      </c>
      <c r="AT24" s="16">
        <v>583</v>
      </c>
      <c r="AU24" s="16">
        <v>592</v>
      </c>
      <c r="AV24" s="16">
        <v>607</v>
      </c>
      <c r="AW24" s="16">
        <v>670</v>
      </c>
      <c r="AX24" s="16">
        <v>644</v>
      </c>
      <c r="AY24" s="16">
        <v>631</v>
      </c>
      <c r="AZ24" s="16">
        <v>669</v>
      </c>
      <c r="BA24" s="16">
        <v>699</v>
      </c>
      <c r="BB24" s="16">
        <v>670</v>
      </c>
      <c r="BC24" s="16">
        <v>735</v>
      </c>
      <c r="BD24" s="16">
        <v>706</v>
      </c>
      <c r="BE24" s="16">
        <v>772</v>
      </c>
      <c r="BF24" s="16">
        <v>761</v>
      </c>
      <c r="BG24" s="16">
        <v>750</v>
      </c>
      <c r="BH24" s="16">
        <v>722</v>
      </c>
      <c r="BI24" s="16">
        <v>731</v>
      </c>
      <c r="BJ24" s="16">
        <v>714</v>
      </c>
      <c r="BK24" s="16">
        <v>726</v>
      </c>
      <c r="BL24" s="16">
        <v>769</v>
      </c>
      <c r="BM24" s="16">
        <v>617</v>
      </c>
      <c r="BN24" s="16">
        <v>763</v>
      </c>
      <c r="BO24" s="16">
        <v>753</v>
      </c>
      <c r="BP24" s="16">
        <v>722</v>
      </c>
      <c r="BQ24" s="16">
        <v>775</v>
      </c>
      <c r="BR24" s="16">
        <v>756</v>
      </c>
      <c r="BS24" s="16">
        <v>809</v>
      </c>
      <c r="BT24" s="16">
        <v>843</v>
      </c>
      <c r="BU24" s="16">
        <v>818</v>
      </c>
      <c r="BV24" s="16">
        <v>848</v>
      </c>
      <c r="BW24" s="16">
        <v>840</v>
      </c>
      <c r="BX24" s="16">
        <v>940</v>
      </c>
      <c r="BY24" s="16">
        <v>901</v>
      </c>
      <c r="BZ24" s="16">
        <v>889</v>
      </c>
      <c r="CA24" s="16">
        <v>1019</v>
      </c>
      <c r="CB24" s="16">
        <v>918</v>
      </c>
      <c r="CC24" s="16">
        <v>1025</v>
      </c>
      <c r="CD24" s="16">
        <v>1141</v>
      </c>
      <c r="CE24" s="16">
        <v>978</v>
      </c>
      <c r="CF24" s="16">
        <v>976</v>
      </c>
      <c r="CG24" s="16">
        <v>515</v>
      </c>
      <c r="CH24" s="16">
        <v>596</v>
      </c>
      <c r="CI24" s="16">
        <v>746</v>
      </c>
      <c r="CJ24" s="16">
        <v>593</v>
      </c>
      <c r="CK24" s="16">
        <v>652</v>
      </c>
      <c r="CL24" s="16">
        <v>622</v>
      </c>
      <c r="CM24" s="16">
        <v>518</v>
      </c>
      <c r="CN24" s="16">
        <v>507</v>
      </c>
      <c r="CO24" s="16">
        <v>491</v>
      </c>
      <c r="CP24" s="16">
        <v>526</v>
      </c>
      <c r="CQ24" s="16">
        <v>490</v>
      </c>
      <c r="CR24" s="16">
        <v>442</v>
      </c>
      <c r="CS24" s="16">
        <v>406</v>
      </c>
      <c r="CT24" s="16">
        <v>371</v>
      </c>
      <c r="CU24" s="16">
        <v>310</v>
      </c>
      <c r="CV24" s="16">
        <v>242</v>
      </c>
      <c r="CW24" s="16">
        <v>212</v>
      </c>
      <c r="CX24" s="16">
        <v>186</v>
      </c>
      <c r="CY24" s="16">
        <v>111</v>
      </c>
      <c r="CZ24" s="16">
        <v>114</v>
      </c>
      <c r="DA24" s="16">
        <v>85</v>
      </c>
      <c r="DB24" s="16">
        <v>43</v>
      </c>
      <c r="DC24" s="16">
        <v>33</v>
      </c>
      <c r="DD24" s="16">
        <v>16</v>
      </c>
      <c r="DE24" s="16">
        <v>13</v>
      </c>
      <c r="DF24" s="16">
        <v>10</v>
      </c>
      <c r="DG24" s="16">
        <v>10</v>
      </c>
      <c r="DH24" s="16">
        <v>598</v>
      </c>
      <c r="DI24" s="16">
        <v>7487</v>
      </c>
      <c r="DJ24" s="16">
        <v>31566</v>
      </c>
      <c r="DK24" s="16">
        <v>17647</v>
      </c>
      <c r="DL24" s="16">
        <v>8345</v>
      </c>
      <c r="DM24" s="16">
        <v>2604</v>
      </c>
      <c r="DN24" s="16">
        <v>33255</v>
      </c>
      <c r="DO24" s="17">
        <v>48.388219999999997</v>
      </c>
      <c r="DP24" s="17">
        <v>51.070030000000003</v>
      </c>
    </row>
    <row r="25" spans="1:120">
      <c r="A25" s="21" t="s">
        <v>394</v>
      </c>
      <c r="B25" s="21" t="s">
        <v>215</v>
      </c>
      <c r="C25" s="21" t="s">
        <v>243</v>
      </c>
      <c r="D25" s="21" t="s">
        <v>237</v>
      </c>
      <c r="E25" s="21" t="s">
        <v>241</v>
      </c>
      <c r="F25" s="21" t="s">
        <v>235</v>
      </c>
      <c r="G25" s="21" t="s">
        <v>237</v>
      </c>
      <c r="H25" s="21" t="s">
        <v>241</v>
      </c>
      <c r="I25" s="21" t="s">
        <v>244</v>
      </c>
      <c r="J25" s="16">
        <v>44897</v>
      </c>
      <c r="K25" s="16">
        <v>334</v>
      </c>
      <c r="L25" s="16">
        <v>307</v>
      </c>
      <c r="M25" s="16">
        <v>318</v>
      </c>
      <c r="N25" s="16">
        <v>383</v>
      </c>
      <c r="O25" s="16">
        <v>392</v>
      </c>
      <c r="P25" s="16">
        <v>366</v>
      </c>
      <c r="Q25" s="16">
        <v>398</v>
      </c>
      <c r="R25" s="16">
        <v>408</v>
      </c>
      <c r="S25" s="16">
        <v>430</v>
      </c>
      <c r="T25" s="16">
        <v>417</v>
      </c>
      <c r="U25" s="16">
        <v>389</v>
      </c>
      <c r="V25" s="16">
        <v>433</v>
      </c>
      <c r="W25" s="16">
        <v>450</v>
      </c>
      <c r="X25" s="16">
        <v>424</v>
      </c>
      <c r="Y25" s="16">
        <v>402</v>
      </c>
      <c r="Z25" s="16">
        <v>508</v>
      </c>
      <c r="AA25" s="16">
        <v>573</v>
      </c>
      <c r="AB25" s="16">
        <v>550</v>
      </c>
      <c r="AC25" s="16">
        <v>488</v>
      </c>
      <c r="AD25" s="16">
        <v>351</v>
      </c>
      <c r="AE25" s="16">
        <v>336</v>
      </c>
      <c r="AF25" s="16">
        <v>318</v>
      </c>
      <c r="AG25" s="16">
        <v>331</v>
      </c>
      <c r="AH25" s="16">
        <v>333</v>
      </c>
      <c r="AI25" s="16">
        <v>344</v>
      </c>
      <c r="AJ25" s="16">
        <v>350</v>
      </c>
      <c r="AK25" s="16">
        <v>345</v>
      </c>
      <c r="AL25" s="16">
        <v>397</v>
      </c>
      <c r="AM25" s="16">
        <v>384</v>
      </c>
      <c r="AN25" s="16">
        <v>381</v>
      </c>
      <c r="AO25" s="16">
        <v>381</v>
      </c>
      <c r="AP25" s="16">
        <v>381</v>
      </c>
      <c r="AQ25" s="16">
        <v>421</v>
      </c>
      <c r="AR25" s="16">
        <v>444</v>
      </c>
      <c r="AS25" s="16">
        <v>482</v>
      </c>
      <c r="AT25" s="16">
        <v>488</v>
      </c>
      <c r="AU25" s="16">
        <v>470</v>
      </c>
      <c r="AV25" s="16">
        <v>467</v>
      </c>
      <c r="AW25" s="16">
        <v>537</v>
      </c>
      <c r="AX25" s="16">
        <v>516</v>
      </c>
      <c r="AY25" s="16">
        <v>485</v>
      </c>
      <c r="AZ25" s="16">
        <v>538</v>
      </c>
      <c r="BA25" s="16">
        <v>560</v>
      </c>
      <c r="BB25" s="16">
        <v>541</v>
      </c>
      <c r="BC25" s="16">
        <v>607</v>
      </c>
      <c r="BD25" s="16">
        <v>554</v>
      </c>
      <c r="BE25" s="16">
        <v>627</v>
      </c>
      <c r="BF25" s="16">
        <v>616</v>
      </c>
      <c r="BG25" s="16">
        <v>606</v>
      </c>
      <c r="BH25" s="16">
        <v>604</v>
      </c>
      <c r="BI25" s="16">
        <v>566</v>
      </c>
      <c r="BJ25" s="16">
        <v>566</v>
      </c>
      <c r="BK25" s="16">
        <v>583</v>
      </c>
      <c r="BL25" s="16">
        <v>599</v>
      </c>
      <c r="BM25" s="16">
        <v>471</v>
      </c>
      <c r="BN25" s="16">
        <v>604</v>
      </c>
      <c r="BO25" s="16">
        <v>572</v>
      </c>
      <c r="BP25" s="16">
        <v>551</v>
      </c>
      <c r="BQ25" s="16">
        <v>600</v>
      </c>
      <c r="BR25" s="16">
        <v>567</v>
      </c>
      <c r="BS25" s="16">
        <v>617</v>
      </c>
      <c r="BT25" s="16">
        <v>645</v>
      </c>
      <c r="BU25" s="16">
        <v>606</v>
      </c>
      <c r="BV25" s="16">
        <v>646</v>
      </c>
      <c r="BW25" s="16">
        <v>642</v>
      </c>
      <c r="BX25" s="16">
        <v>713</v>
      </c>
      <c r="BY25" s="16">
        <v>684</v>
      </c>
      <c r="BZ25" s="16">
        <v>680</v>
      </c>
      <c r="CA25" s="16">
        <v>759</v>
      </c>
      <c r="CB25" s="16">
        <v>722</v>
      </c>
      <c r="CC25" s="16">
        <v>760</v>
      </c>
      <c r="CD25" s="16">
        <v>882</v>
      </c>
      <c r="CE25" s="16">
        <v>738</v>
      </c>
      <c r="CF25" s="16">
        <v>758</v>
      </c>
      <c r="CG25" s="16">
        <v>395</v>
      </c>
      <c r="CH25" s="16">
        <v>452</v>
      </c>
      <c r="CI25" s="16">
        <v>564</v>
      </c>
      <c r="CJ25" s="16">
        <v>461</v>
      </c>
      <c r="CK25" s="16">
        <v>492</v>
      </c>
      <c r="CL25" s="16">
        <v>472</v>
      </c>
      <c r="CM25" s="16">
        <v>374</v>
      </c>
      <c r="CN25" s="16">
        <v>384</v>
      </c>
      <c r="CO25" s="16">
        <v>359</v>
      </c>
      <c r="CP25" s="16">
        <v>394</v>
      </c>
      <c r="CQ25" s="16">
        <v>356</v>
      </c>
      <c r="CR25" s="16">
        <v>337</v>
      </c>
      <c r="CS25" s="16">
        <v>309</v>
      </c>
      <c r="CT25" s="16">
        <v>278</v>
      </c>
      <c r="CU25" s="16">
        <v>229</v>
      </c>
      <c r="CV25" s="16">
        <v>165</v>
      </c>
      <c r="CW25" s="16">
        <v>165</v>
      </c>
      <c r="CX25" s="16">
        <v>135</v>
      </c>
      <c r="CY25" s="16">
        <v>85</v>
      </c>
      <c r="CZ25" s="16">
        <v>86</v>
      </c>
      <c r="DA25" s="16">
        <v>67</v>
      </c>
      <c r="DB25" s="16">
        <v>38</v>
      </c>
      <c r="DC25" s="16">
        <v>27</v>
      </c>
      <c r="DD25" s="16">
        <v>13</v>
      </c>
      <c r="DE25" s="16">
        <v>10</v>
      </c>
      <c r="DF25" s="16">
        <v>9</v>
      </c>
      <c r="DG25" s="16">
        <v>7</v>
      </c>
      <c r="DH25" s="16">
        <v>538</v>
      </c>
      <c r="DI25" s="16">
        <v>5851</v>
      </c>
      <c r="DJ25" s="16">
        <v>25149</v>
      </c>
      <c r="DK25" s="16">
        <v>13359</v>
      </c>
      <c r="DL25" s="16">
        <v>6268</v>
      </c>
      <c r="DM25" s="16">
        <v>1960</v>
      </c>
      <c r="DN25" s="16">
        <v>26237</v>
      </c>
      <c r="DO25" s="17">
        <v>47.825209999999998</v>
      </c>
      <c r="DP25" s="17">
        <v>50.025620000000004</v>
      </c>
    </row>
    <row r="26" spans="1:120">
      <c r="A26" s="21" t="s">
        <v>394</v>
      </c>
      <c r="B26" s="21" t="s">
        <v>215</v>
      </c>
      <c r="C26" s="21" t="s">
        <v>243</v>
      </c>
      <c r="D26" s="21" t="s">
        <v>237</v>
      </c>
      <c r="E26" s="21" t="s">
        <v>245</v>
      </c>
      <c r="F26" s="21" t="s">
        <v>235</v>
      </c>
      <c r="G26" s="21" t="s">
        <v>237</v>
      </c>
      <c r="H26" s="21" t="s">
        <v>241</v>
      </c>
      <c r="I26" s="21" t="s">
        <v>246</v>
      </c>
      <c r="J26" s="16">
        <v>1070</v>
      </c>
      <c r="K26" s="16">
        <v>3</v>
      </c>
      <c r="L26" s="16">
        <v>1</v>
      </c>
      <c r="M26" s="16">
        <v>4</v>
      </c>
      <c r="N26" s="16">
        <v>2</v>
      </c>
      <c r="O26" s="16">
        <v>2</v>
      </c>
      <c r="P26" s="16">
        <v>1</v>
      </c>
      <c r="Q26" s="22" t="s">
        <v>268</v>
      </c>
      <c r="R26" s="16">
        <v>2</v>
      </c>
      <c r="S26" s="16">
        <v>1</v>
      </c>
      <c r="T26" s="16">
        <v>5</v>
      </c>
      <c r="U26" s="16">
        <v>4</v>
      </c>
      <c r="V26" s="16">
        <v>3</v>
      </c>
      <c r="W26" s="16">
        <v>2</v>
      </c>
      <c r="X26" s="16">
        <v>4</v>
      </c>
      <c r="Y26" s="16">
        <v>4</v>
      </c>
      <c r="Z26" s="16">
        <v>5</v>
      </c>
      <c r="AA26" s="16">
        <v>3</v>
      </c>
      <c r="AB26" s="16">
        <v>3</v>
      </c>
      <c r="AC26" s="16">
        <v>1</v>
      </c>
      <c r="AD26" s="16">
        <v>5</v>
      </c>
      <c r="AE26" s="16">
        <v>1</v>
      </c>
      <c r="AF26" s="16">
        <v>4</v>
      </c>
      <c r="AG26" s="16">
        <v>4</v>
      </c>
      <c r="AH26" s="16">
        <v>6</v>
      </c>
      <c r="AI26" s="22" t="s">
        <v>268</v>
      </c>
      <c r="AJ26" s="16">
        <v>2</v>
      </c>
      <c r="AK26" s="16">
        <v>8</v>
      </c>
      <c r="AL26" s="16">
        <v>8</v>
      </c>
      <c r="AM26" s="16">
        <v>4</v>
      </c>
      <c r="AN26" s="16">
        <v>5</v>
      </c>
      <c r="AO26" s="16">
        <v>6</v>
      </c>
      <c r="AP26" s="16">
        <v>5</v>
      </c>
      <c r="AQ26" s="16">
        <v>5</v>
      </c>
      <c r="AR26" s="16">
        <v>4</v>
      </c>
      <c r="AS26" s="16">
        <v>4</v>
      </c>
      <c r="AT26" s="16">
        <v>4</v>
      </c>
      <c r="AU26" s="16">
        <v>7</v>
      </c>
      <c r="AV26" s="16">
        <v>10</v>
      </c>
      <c r="AW26" s="16">
        <v>6</v>
      </c>
      <c r="AX26" s="16">
        <v>6</v>
      </c>
      <c r="AY26" s="16">
        <v>6</v>
      </c>
      <c r="AZ26" s="16">
        <v>5</v>
      </c>
      <c r="BA26" s="16">
        <v>11</v>
      </c>
      <c r="BB26" s="16">
        <v>8</v>
      </c>
      <c r="BC26" s="16">
        <v>9</v>
      </c>
      <c r="BD26" s="16">
        <v>7</v>
      </c>
      <c r="BE26" s="16">
        <v>11</v>
      </c>
      <c r="BF26" s="16">
        <v>4</v>
      </c>
      <c r="BG26" s="16">
        <v>4</v>
      </c>
      <c r="BH26" s="16">
        <v>8</v>
      </c>
      <c r="BI26" s="16">
        <v>12</v>
      </c>
      <c r="BJ26" s="16">
        <v>14</v>
      </c>
      <c r="BK26" s="16">
        <v>8</v>
      </c>
      <c r="BL26" s="16">
        <v>5</v>
      </c>
      <c r="BM26" s="16">
        <v>10</v>
      </c>
      <c r="BN26" s="16">
        <v>14</v>
      </c>
      <c r="BO26" s="16">
        <v>14</v>
      </c>
      <c r="BP26" s="16">
        <v>17</v>
      </c>
      <c r="BQ26" s="16">
        <v>18</v>
      </c>
      <c r="BR26" s="16">
        <v>17</v>
      </c>
      <c r="BS26" s="16">
        <v>26</v>
      </c>
      <c r="BT26" s="16">
        <v>13</v>
      </c>
      <c r="BU26" s="16">
        <v>31</v>
      </c>
      <c r="BV26" s="16">
        <v>27</v>
      </c>
      <c r="BW26" s="16">
        <v>19</v>
      </c>
      <c r="BX26" s="16">
        <v>31</v>
      </c>
      <c r="BY26" s="16">
        <v>30</v>
      </c>
      <c r="BZ26" s="16">
        <v>29</v>
      </c>
      <c r="CA26" s="16">
        <v>33</v>
      </c>
      <c r="CB26" s="16">
        <v>29</v>
      </c>
      <c r="CC26" s="16">
        <v>36</v>
      </c>
      <c r="CD26" s="16">
        <v>39</v>
      </c>
      <c r="CE26" s="16">
        <v>28</v>
      </c>
      <c r="CF26" s="16">
        <v>32</v>
      </c>
      <c r="CG26" s="16">
        <v>14</v>
      </c>
      <c r="CH26" s="16">
        <v>12</v>
      </c>
      <c r="CI26" s="16">
        <v>28</v>
      </c>
      <c r="CJ26" s="16">
        <v>18</v>
      </c>
      <c r="CK26" s="16">
        <v>17</v>
      </c>
      <c r="CL26" s="16">
        <v>16</v>
      </c>
      <c r="CM26" s="16">
        <v>22</v>
      </c>
      <c r="CN26" s="16">
        <v>18</v>
      </c>
      <c r="CO26" s="16">
        <v>15</v>
      </c>
      <c r="CP26" s="16">
        <v>22</v>
      </c>
      <c r="CQ26" s="16">
        <v>26</v>
      </c>
      <c r="CR26" s="16">
        <v>12</v>
      </c>
      <c r="CS26" s="16">
        <v>12</v>
      </c>
      <c r="CT26" s="16">
        <v>12</v>
      </c>
      <c r="CU26" s="16">
        <v>17</v>
      </c>
      <c r="CV26" s="16">
        <v>12</v>
      </c>
      <c r="CW26" s="16">
        <v>10</v>
      </c>
      <c r="CX26" s="16">
        <v>14</v>
      </c>
      <c r="CY26" s="16">
        <v>6</v>
      </c>
      <c r="CZ26" s="16">
        <v>4</v>
      </c>
      <c r="DA26" s="16">
        <v>1</v>
      </c>
      <c r="DB26" s="22" t="s">
        <v>268</v>
      </c>
      <c r="DC26" s="16">
        <v>1</v>
      </c>
      <c r="DD26" s="22" t="s">
        <v>268</v>
      </c>
      <c r="DE26" s="16">
        <v>1</v>
      </c>
      <c r="DF26" s="16">
        <v>1</v>
      </c>
      <c r="DG26" s="22" t="s">
        <v>268</v>
      </c>
      <c r="DH26" s="22" t="s">
        <v>268</v>
      </c>
      <c r="DI26" s="16">
        <v>38</v>
      </c>
      <c r="DJ26" s="16">
        <v>434</v>
      </c>
      <c r="DK26" s="16">
        <v>598</v>
      </c>
      <c r="DL26" s="16">
        <v>297</v>
      </c>
      <c r="DM26" s="16">
        <v>103</v>
      </c>
      <c r="DN26" s="16">
        <v>569</v>
      </c>
      <c r="DO26" s="17">
        <v>62.779440000000001</v>
      </c>
      <c r="DP26" s="17">
        <v>67.068969999999993</v>
      </c>
    </row>
    <row r="27" spans="1:120">
      <c r="A27" s="21" t="s">
        <v>394</v>
      </c>
      <c r="B27" s="21" t="s">
        <v>215</v>
      </c>
      <c r="C27" s="21" t="s">
        <v>243</v>
      </c>
      <c r="D27" s="21" t="s">
        <v>237</v>
      </c>
      <c r="E27" s="21" t="s">
        <v>247</v>
      </c>
      <c r="F27" s="21" t="s">
        <v>235</v>
      </c>
      <c r="G27" s="21" t="s">
        <v>237</v>
      </c>
      <c r="H27" s="21" t="s">
        <v>241</v>
      </c>
      <c r="I27" s="21" t="s">
        <v>248</v>
      </c>
      <c r="J27" s="16">
        <v>3349</v>
      </c>
      <c r="K27" s="16">
        <v>18</v>
      </c>
      <c r="L27" s="16">
        <v>38</v>
      </c>
      <c r="M27" s="16">
        <v>36</v>
      </c>
      <c r="N27" s="16">
        <v>32</v>
      </c>
      <c r="O27" s="16">
        <v>50</v>
      </c>
      <c r="P27" s="16">
        <v>33</v>
      </c>
      <c r="Q27" s="16">
        <v>39</v>
      </c>
      <c r="R27" s="16">
        <v>30</v>
      </c>
      <c r="S27" s="16">
        <v>29</v>
      </c>
      <c r="T27" s="16">
        <v>40</v>
      </c>
      <c r="U27" s="16">
        <v>47</v>
      </c>
      <c r="V27" s="16">
        <v>38</v>
      </c>
      <c r="W27" s="16">
        <v>34</v>
      </c>
      <c r="X27" s="16">
        <v>26</v>
      </c>
      <c r="Y27" s="16">
        <v>43</v>
      </c>
      <c r="Z27" s="16">
        <v>28</v>
      </c>
      <c r="AA27" s="16">
        <v>31</v>
      </c>
      <c r="AB27" s="16">
        <v>41</v>
      </c>
      <c r="AC27" s="16">
        <v>32</v>
      </c>
      <c r="AD27" s="16">
        <v>31</v>
      </c>
      <c r="AE27" s="16">
        <v>18</v>
      </c>
      <c r="AF27" s="16">
        <v>23</v>
      </c>
      <c r="AG27" s="16">
        <v>15</v>
      </c>
      <c r="AH27" s="16">
        <v>22</v>
      </c>
      <c r="AI27" s="16">
        <v>28</v>
      </c>
      <c r="AJ27" s="16">
        <v>26</v>
      </c>
      <c r="AK27" s="16">
        <v>21</v>
      </c>
      <c r="AL27" s="16">
        <v>28</v>
      </c>
      <c r="AM27" s="16">
        <v>25</v>
      </c>
      <c r="AN27" s="16">
        <v>23</v>
      </c>
      <c r="AO27" s="16">
        <v>31</v>
      </c>
      <c r="AP27" s="16">
        <v>30</v>
      </c>
      <c r="AQ27" s="16">
        <v>39</v>
      </c>
      <c r="AR27" s="16">
        <v>42</v>
      </c>
      <c r="AS27" s="16">
        <v>36</v>
      </c>
      <c r="AT27" s="16">
        <v>25</v>
      </c>
      <c r="AU27" s="16">
        <v>43</v>
      </c>
      <c r="AV27" s="16">
        <v>41</v>
      </c>
      <c r="AW27" s="16">
        <v>44</v>
      </c>
      <c r="AX27" s="16">
        <v>48</v>
      </c>
      <c r="AY27" s="16">
        <v>47</v>
      </c>
      <c r="AZ27" s="16">
        <v>29</v>
      </c>
      <c r="BA27" s="16">
        <v>40</v>
      </c>
      <c r="BB27" s="16">
        <v>40</v>
      </c>
      <c r="BC27" s="16">
        <v>31</v>
      </c>
      <c r="BD27" s="16">
        <v>49</v>
      </c>
      <c r="BE27" s="16">
        <v>45</v>
      </c>
      <c r="BF27" s="16">
        <v>50</v>
      </c>
      <c r="BG27" s="16">
        <v>50</v>
      </c>
      <c r="BH27" s="16">
        <v>33</v>
      </c>
      <c r="BI27" s="16">
        <v>54</v>
      </c>
      <c r="BJ27" s="16">
        <v>47</v>
      </c>
      <c r="BK27" s="16">
        <v>33</v>
      </c>
      <c r="BL27" s="16">
        <v>50</v>
      </c>
      <c r="BM27" s="16">
        <v>41</v>
      </c>
      <c r="BN27" s="16">
        <v>37</v>
      </c>
      <c r="BO27" s="16">
        <v>55</v>
      </c>
      <c r="BP27" s="16">
        <v>34</v>
      </c>
      <c r="BQ27" s="16">
        <v>41</v>
      </c>
      <c r="BR27" s="16">
        <v>51</v>
      </c>
      <c r="BS27" s="16">
        <v>44</v>
      </c>
      <c r="BT27" s="16">
        <v>57</v>
      </c>
      <c r="BU27" s="16">
        <v>57</v>
      </c>
      <c r="BV27" s="16">
        <v>42</v>
      </c>
      <c r="BW27" s="16">
        <v>45</v>
      </c>
      <c r="BX27" s="16">
        <v>48</v>
      </c>
      <c r="BY27" s="16">
        <v>46</v>
      </c>
      <c r="BZ27" s="16">
        <v>50</v>
      </c>
      <c r="CA27" s="16">
        <v>58</v>
      </c>
      <c r="CB27" s="16">
        <v>48</v>
      </c>
      <c r="CC27" s="16">
        <v>55</v>
      </c>
      <c r="CD27" s="16">
        <v>61</v>
      </c>
      <c r="CE27" s="16">
        <v>62</v>
      </c>
      <c r="CF27" s="16">
        <v>50</v>
      </c>
      <c r="CG27" s="16">
        <v>23</v>
      </c>
      <c r="CH27" s="16">
        <v>38</v>
      </c>
      <c r="CI27" s="16">
        <v>44</v>
      </c>
      <c r="CJ27" s="16">
        <v>28</v>
      </c>
      <c r="CK27" s="16">
        <v>45</v>
      </c>
      <c r="CL27" s="16">
        <v>32</v>
      </c>
      <c r="CM27" s="16">
        <v>29</v>
      </c>
      <c r="CN27" s="16">
        <v>23</v>
      </c>
      <c r="CO27" s="16">
        <v>15</v>
      </c>
      <c r="CP27" s="16">
        <v>24</v>
      </c>
      <c r="CQ27" s="16">
        <v>24</v>
      </c>
      <c r="CR27" s="16">
        <v>19</v>
      </c>
      <c r="CS27" s="16">
        <v>19</v>
      </c>
      <c r="CT27" s="16">
        <v>23</v>
      </c>
      <c r="CU27" s="16">
        <v>9</v>
      </c>
      <c r="CV27" s="16">
        <v>15</v>
      </c>
      <c r="CW27" s="16">
        <v>6</v>
      </c>
      <c r="CX27" s="16">
        <v>11</v>
      </c>
      <c r="CY27" s="16">
        <v>3</v>
      </c>
      <c r="CZ27" s="16">
        <v>10</v>
      </c>
      <c r="DA27" s="16">
        <v>4</v>
      </c>
      <c r="DB27" s="16">
        <v>2</v>
      </c>
      <c r="DC27" s="16">
        <v>1</v>
      </c>
      <c r="DD27" s="16">
        <v>1</v>
      </c>
      <c r="DE27" s="22" t="s">
        <v>268</v>
      </c>
      <c r="DF27" s="22" t="s">
        <v>268</v>
      </c>
      <c r="DG27" s="16">
        <v>1</v>
      </c>
      <c r="DH27" s="16">
        <v>16</v>
      </c>
      <c r="DI27" s="16">
        <v>533</v>
      </c>
      <c r="DJ27" s="16">
        <v>1873</v>
      </c>
      <c r="DK27" s="16">
        <v>927</v>
      </c>
      <c r="DL27" s="16">
        <v>426</v>
      </c>
      <c r="DM27" s="16">
        <v>124</v>
      </c>
      <c r="DN27" s="16">
        <v>1960</v>
      </c>
      <c r="DO27" s="17">
        <v>46.350589999999997</v>
      </c>
      <c r="DP27" s="17">
        <v>48.63</v>
      </c>
    </row>
    <row r="28" spans="1:120">
      <c r="A28" s="21" t="s">
        <v>394</v>
      </c>
      <c r="B28" s="21" t="s">
        <v>215</v>
      </c>
      <c r="C28" s="21" t="s">
        <v>243</v>
      </c>
      <c r="D28" s="21" t="s">
        <v>237</v>
      </c>
      <c r="E28" s="21" t="s">
        <v>249</v>
      </c>
      <c r="F28" s="21" t="s">
        <v>235</v>
      </c>
      <c r="G28" s="21" t="s">
        <v>237</v>
      </c>
      <c r="H28" s="21" t="s">
        <v>241</v>
      </c>
      <c r="I28" s="21" t="s">
        <v>250</v>
      </c>
      <c r="J28" s="16">
        <v>6331</v>
      </c>
      <c r="K28" s="16">
        <v>43</v>
      </c>
      <c r="L28" s="16">
        <v>54</v>
      </c>
      <c r="M28" s="16">
        <v>57</v>
      </c>
      <c r="N28" s="16">
        <v>54</v>
      </c>
      <c r="O28" s="16">
        <v>67</v>
      </c>
      <c r="P28" s="16">
        <v>55</v>
      </c>
      <c r="Q28" s="16">
        <v>63</v>
      </c>
      <c r="R28" s="16">
        <v>75</v>
      </c>
      <c r="S28" s="16">
        <v>66</v>
      </c>
      <c r="T28" s="16">
        <v>81</v>
      </c>
      <c r="U28" s="16">
        <v>56</v>
      </c>
      <c r="V28" s="16">
        <v>68</v>
      </c>
      <c r="W28" s="16">
        <v>71</v>
      </c>
      <c r="X28" s="16">
        <v>62</v>
      </c>
      <c r="Y28" s="16">
        <v>74</v>
      </c>
      <c r="Z28" s="16">
        <v>56</v>
      </c>
      <c r="AA28" s="16">
        <v>52</v>
      </c>
      <c r="AB28" s="16">
        <v>72</v>
      </c>
      <c r="AC28" s="16">
        <v>51</v>
      </c>
      <c r="AD28" s="16">
        <v>39</v>
      </c>
      <c r="AE28" s="16">
        <v>44</v>
      </c>
      <c r="AF28" s="16">
        <v>29</v>
      </c>
      <c r="AG28" s="16">
        <v>37</v>
      </c>
      <c r="AH28" s="16">
        <v>43</v>
      </c>
      <c r="AI28" s="16">
        <v>51</v>
      </c>
      <c r="AJ28" s="16">
        <v>41</v>
      </c>
      <c r="AK28" s="16">
        <v>47</v>
      </c>
      <c r="AL28" s="16">
        <v>47</v>
      </c>
      <c r="AM28" s="16">
        <v>38</v>
      </c>
      <c r="AN28" s="16">
        <v>52</v>
      </c>
      <c r="AO28" s="16">
        <v>56</v>
      </c>
      <c r="AP28" s="16">
        <v>49</v>
      </c>
      <c r="AQ28" s="16">
        <v>49</v>
      </c>
      <c r="AR28" s="16">
        <v>48</v>
      </c>
      <c r="AS28" s="16">
        <v>59</v>
      </c>
      <c r="AT28" s="16">
        <v>54</v>
      </c>
      <c r="AU28" s="16">
        <v>69</v>
      </c>
      <c r="AV28" s="16">
        <v>79</v>
      </c>
      <c r="AW28" s="16">
        <v>66</v>
      </c>
      <c r="AX28" s="16">
        <v>67</v>
      </c>
      <c r="AY28" s="16">
        <v>78</v>
      </c>
      <c r="AZ28" s="16">
        <v>83</v>
      </c>
      <c r="BA28" s="16">
        <v>76</v>
      </c>
      <c r="BB28" s="16">
        <v>68</v>
      </c>
      <c r="BC28" s="16">
        <v>72</v>
      </c>
      <c r="BD28" s="16">
        <v>76</v>
      </c>
      <c r="BE28" s="16">
        <v>77</v>
      </c>
      <c r="BF28" s="16">
        <v>78</v>
      </c>
      <c r="BG28" s="16">
        <v>73</v>
      </c>
      <c r="BH28" s="16">
        <v>68</v>
      </c>
      <c r="BI28" s="16">
        <v>81</v>
      </c>
      <c r="BJ28" s="16">
        <v>71</v>
      </c>
      <c r="BK28" s="16">
        <v>75</v>
      </c>
      <c r="BL28" s="16">
        <v>93</v>
      </c>
      <c r="BM28" s="16">
        <v>74</v>
      </c>
      <c r="BN28" s="16">
        <v>80</v>
      </c>
      <c r="BO28" s="16">
        <v>88</v>
      </c>
      <c r="BP28" s="16">
        <v>89</v>
      </c>
      <c r="BQ28" s="16">
        <v>83</v>
      </c>
      <c r="BR28" s="16">
        <v>96</v>
      </c>
      <c r="BS28" s="16">
        <v>89</v>
      </c>
      <c r="BT28" s="16">
        <v>104</v>
      </c>
      <c r="BU28" s="16">
        <v>92</v>
      </c>
      <c r="BV28" s="16">
        <v>96</v>
      </c>
      <c r="BW28" s="16">
        <v>97</v>
      </c>
      <c r="BX28" s="16">
        <v>106</v>
      </c>
      <c r="BY28" s="16">
        <v>96</v>
      </c>
      <c r="BZ28" s="16">
        <v>90</v>
      </c>
      <c r="CA28" s="16">
        <v>132</v>
      </c>
      <c r="CB28" s="16">
        <v>90</v>
      </c>
      <c r="CC28" s="16">
        <v>124</v>
      </c>
      <c r="CD28" s="16">
        <v>112</v>
      </c>
      <c r="CE28" s="16">
        <v>123</v>
      </c>
      <c r="CF28" s="16">
        <v>97</v>
      </c>
      <c r="CG28" s="16">
        <v>57</v>
      </c>
      <c r="CH28" s="16">
        <v>71</v>
      </c>
      <c r="CI28" s="16">
        <v>82</v>
      </c>
      <c r="CJ28" s="16">
        <v>71</v>
      </c>
      <c r="CK28" s="16">
        <v>69</v>
      </c>
      <c r="CL28" s="16">
        <v>69</v>
      </c>
      <c r="CM28" s="16">
        <v>60</v>
      </c>
      <c r="CN28" s="16">
        <v>53</v>
      </c>
      <c r="CO28" s="16">
        <v>63</v>
      </c>
      <c r="CP28" s="16">
        <v>59</v>
      </c>
      <c r="CQ28" s="16">
        <v>60</v>
      </c>
      <c r="CR28" s="16">
        <v>55</v>
      </c>
      <c r="CS28" s="16">
        <v>52</v>
      </c>
      <c r="CT28" s="16">
        <v>39</v>
      </c>
      <c r="CU28" s="16">
        <v>45</v>
      </c>
      <c r="CV28" s="16">
        <v>35</v>
      </c>
      <c r="CW28" s="16">
        <v>23</v>
      </c>
      <c r="CX28" s="16">
        <v>17</v>
      </c>
      <c r="CY28" s="16">
        <v>12</v>
      </c>
      <c r="CZ28" s="16">
        <v>9</v>
      </c>
      <c r="DA28" s="16">
        <v>8</v>
      </c>
      <c r="DB28" s="16">
        <v>2</v>
      </c>
      <c r="DC28" s="16">
        <v>4</v>
      </c>
      <c r="DD28" s="22" t="s">
        <v>268</v>
      </c>
      <c r="DE28" s="16">
        <v>2</v>
      </c>
      <c r="DF28" s="22" t="s">
        <v>268</v>
      </c>
      <c r="DG28" s="16">
        <v>2</v>
      </c>
      <c r="DH28" s="16">
        <v>44</v>
      </c>
      <c r="DI28" s="16">
        <v>946</v>
      </c>
      <c r="DJ28" s="16">
        <v>3352</v>
      </c>
      <c r="DK28" s="16">
        <v>1989</v>
      </c>
      <c r="DL28" s="16">
        <v>962</v>
      </c>
      <c r="DM28" s="16">
        <v>305</v>
      </c>
      <c r="DN28" s="16">
        <v>3596</v>
      </c>
      <c r="DO28" s="17">
        <v>48.446719999999999</v>
      </c>
      <c r="DP28" s="17">
        <v>52.02</v>
      </c>
    </row>
    <row r="29" spans="1:120">
      <c r="A29" s="21" t="s">
        <v>394</v>
      </c>
      <c r="B29" s="21" t="s">
        <v>215</v>
      </c>
      <c r="C29" s="21" t="s">
        <v>243</v>
      </c>
      <c r="D29" s="21" t="s">
        <v>237</v>
      </c>
      <c r="E29" s="21" t="s">
        <v>251</v>
      </c>
      <c r="F29" s="21" t="s">
        <v>235</v>
      </c>
      <c r="G29" s="21" t="s">
        <v>237</v>
      </c>
      <c r="H29" s="21" t="s">
        <v>241</v>
      </c>
      <c r="I29" s="21" t="s">
        <v>252</v>
      </c>
      <c r="J29" s="16">
        <v>887</v>
      </c>
      <c r="K29" s="16">
        <v>2</v>
      </c>
      <c r="L29" s="16">
        <v>2</v>
      </c>
      <c r="M29" s="16">
        <v>3</v>
      </c>
      <c r="N29" s="16">
        <v>4</v>
      </c>
      <c r="O29" s="16">
        <v>3</v>
      </c>
      <c r="P29" s="16">
        <v>7</v>
      </c>
      <c r="Q29" s="16">
        <v>8</v>
      </c>
      <c r="R29" s="16">
        <v>4</v>
      </c>
      <c r="S29" s="16">
        <v>3</v>
      </c>
      <c r="T29" s="16">
        <v>7</v>
      </c>
      <c r="U29" s="16">
        <v>5</v>
      </c>
      <c r="V29" s="16">
        <v>6</v>
      </c>
      <c r="W29" s="16">
        <v>7</v>
      </c>
      <c r="X29" s="16">
        <v>10</v>
      </c>
      <c r="Y29" s="16">
        <v>4</v>
      </c>
      <c r="Z29" s="16">
        <v>7</v>
      </c>
      <c r="AA29" s="16">
        <v>6</v>
      </c>
      <c r="AB29" s="16">
        <v>5</v>
      </c>
      <c r="AC29" s="16">
        <v>8</v>
      </c>
      <c r="AD29" s="16">
        <v>6</v>
      </c>
      <c r="AE29" s="16">
        <v>4</v>
      </c>
      <c r="AF29" s="16">
        <v>5</v>
      </c>
      <c r="AG29" s="16">
        <v>8</v>
      </c>
      <c r="AH29" s="16">
        <v>1</v>
      </c>
      <c r="AI29" s="16">
        <v>5</v>
      </c>
      <c r="AJ29" s="16">
        <v>4</v>
      </c>
      <c r="AK29" s="16">
        <v>4</v>
      </c>
      <c r="AL29" s="16">
        <v>2</v>
      </c>
      <c r="AM29" s="16">
        <v>5</v>
      </c>
      <c r="AN29" s="16">
        <v>4</v>
      </c>
      <c r="AO29" s="16">
        <v>3</v>
      </c>
      <c r="AP29" s="16">
        <v>5</v>
      </c>
      <c r="AQ29" s="16">
        <v>3</v>
      </c>
      <c r="AR29" s="16">
        <v>3</v>
      </c>
      <c r="AS29" s="16">
        <v>5</v>
      </c>
      <c r="AT29" s="16">
        <v>7</v>
      </c>
      <c r="AU29" s="22" t="s">
        <v>268</v>
      </c>
      <c r="AV29" s="16">
        <v>4</v>
      </c>
      <c r="AW29" s="16">
        <v>8</v>
      </c>
      <c r="AX29" s="16">
        <v>3</v>
      </c>
      <c r="AY29" s="16">
        <v>11</v>
      </c>
      <c r="AZ29" s="16">
        <v>9</v>
      </c>
      <c r="BA29" s="16">
        <v>7</v>
      </c>
      <c r="BB29" s="16">
        <v>5</v>
      </c>
      <c r="BC29" s="16">
        <v>7</v>
      </c>
      <c r="BD29" s="16">
        <v>11</v>
      </c>
      <c r="BE29" s="16">
        <v>7</v>
      </c>
      <c r="BF29" s="16">
        <v>5</v>
      </c>
      <c r="BG29" s="16">
        <v>7</v>
      </c>
      <c r="BH29" s="16">
        <v>6</v>
      </c>
      <c r="BI29" s="16">
        <v>9</v>
      </c>
      <c r="BJ29" s="16">
        <v>6</v>
      </c>
      <c r="BK29" s="16">
        <v>13</v>
      </c>
      <c r="BL29" s="16">
        <v>13</v>
      </c>
      <c r="BM29" s="16">
        <v>10</v>
      </c>
      <c r="BN29" s="16">
        <v>18</v>
      </c>
      <c r="BO29" s="16">
        <v>18</v>
      </c>
      <c r="BP29" s="16">
        <v>15</v>
      </c>
      <c r="BQ29" s="16">
        <v>19</v>
      </c>
      <c r="BR29" s="16">
        <v>15</v>
      </c>
      <c r="BS29" s="16">
        <v>20</v>
      </c>
      <c r="BT29" s="16">
        <v>16</v>
      </c>
      <c r="BU29" s="16">
        <v>18</v>
      </c>
      <c r="BV29" s="16">
        <v>19</v>
      </c>
      <c r="BW29" s="16">
        <v>23</v>
      </c>
      <c r="BX29" s="16">
        <v>27</v>
      </c>
      <c r="BY29" s="16">
        <v>23</v>
      </c>
      <c r="BZ29" s="16">
        <v>21</v>
      </c>
      <c r="CA29" s="16">
        <v>20</v>
      </c>
      <c r="CB29" s="16">
        <v>18</v>
      </c>
      <c r="CC29" s="16">
        <v>24</v>
      </c>
      <c r="CD29" s="16">
        <v>25</v>
      </c>
      <c r="CE29" s="16">
        <v>11</v>
      </c>
      <c r="CF29" s="16">
        <v>15</v>
      </c>
      <c r="CG29" s="16">
        <v>13</v>
      </c>
      <c r="CH29" s="16">
        <v>16</v>
      </c>
      <c r="CI29" s="16">
        <v>12</v>
      </c>
      <c r="CJ29" s="16">
        <v>6</v>
      </c>
      <c r="CK29" s="16">
        <v>14</v>
      </c>
      <c r="CL29" s="16">
        <v>17</v>
      </c>
      <c r="CM29" s="16">
        <v>15</v>
      </c>
      <c r="CN29" s="16">
        <v>12</v>
      </c>
      <c r="CO29" s="16">
        <v>20</v>
      </c>
      <c r="CP29" s="16">
        <v>12</v>
      </c>
      <c r="CQ29" s="16">
        <v>12</v>
      </c>
      <c r="CR29" s="16">
        <v>11</v>
      </c>
      <c r="CS29" s="16">
        <v>9</v>
      </c>
      <c r="CT29" s="16">
        <v>11</v>
      </c>
      <c r="CU29" s="16">
        <v>4</v>
      </c>
      <c r="CV29" s="16">
        <v>7</v>
      </c>
      <c r="CW29" s="16">
        <v>3</v>
      </c>
      <c r="CX29" s="16">
        <v>3</v>
      </c>
      <c r="CY29" s="16">
        <v>3</v>
      </c>
      <c r="CZ29" s="16">
        <v>2</v>
      </c>
      <c r="DA29" s="16">
        <v>2</v>
      </c>
      <c r="DB29" s="16">
        <v>1</v>
      </c>
      <c r="DC29" s="22" t="s">
        <v>268</v>
      </c>
      <c r="DD29" s="16">
        <v>1</v>
      </c>
      <c r="DE29" s="22" t="s">
        <v>268</v>
      </c>
      <c r="DF29" s="22" t="s">
        <v>268</v>
      </c>
      <c r="DG29" s="22" t="s">
        <v>268</v>
      </c>
      <c r="DH29" s="22" t="s">
        <v>268</v>
      </c>
      <c r="DI29" s="16">
        <v>75</v>
      </c>
      <c r="DJ29" s="16">
        <v>422</v>
      </c>
      <c r="DK29" s="16">
        <v>390</v>
      </c>
      <c r="DL29" s="16">
        <v>193</v>
      </c>
      <c r="DM29" s="16">
        <v>57</v>
      </c>
      <c r="DN29" s="16">
        <v>499</v>
      </c>
      <c r="DO29" s="17">
        <v>56.654449999999997</v>
      </c>
      <c r="DP29" s="17">
        <v>62.361109999999996</v>
      </c>
    </row>
    <row r="30" spans="1:120">
      <c r="A30" s="21" t="s">
        <v>394</v>
      </c>
      <c r="B30" s="21" t="s">
        <v>215</v>
      </c>
      <c r="C30" s="21" t="s">
        <v>243</v>
      </c>
      <c r="D30" s="21" t="s">
        <v>237</v>
      </c>
      <c r="E30" s="21" t="s">
        <v>253</v>
      </c>
      <c r="F30" s="21" t="s">
        <v>235</v>
      </c>
      <c r="G30" s="21" t="s">
        <v>237</v>
      </c>
      <c r="H30" s="21" t="s">
        <v>241</v>
      </c>
      <c r="I30" s="21" t="s">
        <v>254</v>
      </c>
      <c r="J30" s="16">
        <v>764</v>
      </c>
      <c r="K30" s="16">
        <v>2</v>
      </c>
      <c r="L30" s="16">
        <v>2</v>
      </c>
      <c r="M30" s="16">
        <v>4</v>
      </c>
      <c r="N30" s="16">
        <v>1</v>
      </c>
      <c r="O30" s="16">
        <v>2</v>
      </c>
      <c r="P30" s="22" t="s">
        <v>268</v>
      </c>
      <c r="Q30" s="16">
        <v>2</v>
      </c>
      <c r="R30" s="16">
        <v>2</v>
      </c>
      <c r="S30" s="16">
        <v>5</v>
      </c>
      <c r="T30" s="16">
        <v>3</v>
      </c>
      <c r="U30" s="22" t="s">
        <v>268</v>
      </c>
      <c r="V30" s="16">
        <v>5</v>
      </c>
      <c r="W30" s="16">
        <v>4</v>
      </c>
      <c r="X30" s="16">
        <v>6</v>
      </c>
      <c r="Y30" s="16">
        <v>6</v>
      </c>
      <c r="Z30" s="16">
        <v>6</v>
      </c>
      <c r="AA30" s="16">
        <v>3</v>
      </c>
      <c r="AB30" s="16">
        <v>9</v>
      </c>
      <c r="AC30" s="16">
        <v>3</v>
      </c>
      <c r="AD30" s="16">
        <v>5</v>
      </c>
      <c r="AE30" s="16">
        <v>2</v>
      </c>
      <c r="AF30" s="16">
        <v>4</v>
      </c>
      <c r="AG30" s="16">
        <v>2</v>
      </c>
      <c r="AH30" s="16">
        <v>4</v>
      </c>
      <c r="AI30" s="16">
        <v>3</v>
      </c>
      <c r="AJ30" s="22" t="s">
        <v>268</v>
      </c>
      <c r="AK30" s="16">
        <v>3</v>
      </c>
      <c r="AL30" s="16">
        <v>2</v>
      </c>
      <c r="AM30" s="16">
        <v>2</v>
      </c>
      <c r="AN30" s="16">
        <v>2</v>
      </c>
      <c r="AO30" s="16">
        <v>6</v>
      </c>
      <c r="AP30" s="16">
        <v>3</v>
      </c>
      <c r="AQ30" s="16">
        <v>5</v>
      </c>
      <c r="AR30" s="16">
        <v>2</v>
      </c>
      <c r="AS30" s="16">
        <v>1</v>
      </c>
      <c r="AT30" s="16">
        <v>5</v>
      </c>
      <c r="AU30" s="16">
        <v>3</v>
      </c>
      <c r="AV30" s="16">
        <v>6</v>
      </c>
      <c r="AW30" s="16">
        <v>9</v>
      </c>
      <c r="AX30" s="16">
        <v>4</v>
      </c>
      <c r="AY30" s="16">
        <v>4</v>
      </c>
      <c r="AZ30" s="16">
        <v>5</v>
      </c>
      <c r="BA30" s="16">
        <v>5</v>
      </c>
      <c r="BB30" s="16">
        <v>8</v>
      </c>
      <c r="BC30" s="16">
        <v>9</v>
      </c>
      <c r="BD30" s="16">
        <v>9</v>
      </c>
      <c r="BE30" s="16">
        <v>5</v>
      </c>
      <c r="BF30" s="16">
        <v>8</v>
      </c>
      <c r="BG30" s="16">
        <v>10</v>
      </c>
      <c r="BH30" s="16">
        <v>3</v>
      </c>
      <c r="BI30" s="16">
        <v>9</v>
      </c>
      <c r="BJ30" s="16">
        <v>10</v>
      </c>
      <c r="BK30" s="16">
        <v>14</v>
      </c>
      <c r="BL30" s="16">
        <v>9</v>
      </c>
      <c r="BM30" s="16">
        <v>11</v>
      </c>
      <c r="BN30" s="16">
        <v>10</v>
      </c>
      <c r="BO30" s="16">
        <v>6</v>
      </c>
      <c r="BP30" s="16">
        <v>16</v>
      </c>
      <c r="BQ30" s="16">
        <v>14</v>
      </c>
      <c r="BR30" s="16">
        <v>10</v>
      </c>
      <c r="BS30" s="16">
        <v>13</v>
      </c>
      <c r="BT30" s="16">
        <v>8</v>
      </c>
      <c r="BU30" s="16">
        <v>14</v>
      </c>
      <c r="BV30" s="16">
        <v>18</v>
      </c>
      <c r="BW30" s="16">
        <v>14</v>
      </c>
      <c r="BX30" s="16">
        <v>15</v>
      </c>
      <c r="BY30" s="16">
        <v>22</v>
      </c>
      <c r="BZ30" s="16">
        <v>19</v>
      </c>
      <c r="CA30" s="16">
        <v>17</v>
      </c>
      <c r="CB30" s="16">
        <v>11</v>
      </c>
      <c r="CC30" s="16">
        <v>26</v>
      </c>
      <c r="CD30" s="16">
        <v>22</v>
      </c>
      <c r="CE30" s="16">
        <v>16</v>
      </c>
      <c r="CF30" s="16">
        <v>24</v>
      </c>
      <c r="CG30" s="16">
        <v>13</v>
      </c>
      <c r="CH30" s="16">
        <v>7</v>
      </c>
      <c r="CI30" s="16">
        <v>16</v>
      </c>
      <c r="CJ30" s="16">
        <v>9</v>
      </c>
      <c r="CK30" s="16">
        <v>15</v>
      </c>
      <c r="CL30" s="16">
        <v>16</v>
      </c>
      <c r="CM30" s="16">
        <v>18</v>
      </c>
      <c r="CN30" s="16">
        <v>17</v>
      </c>
      <c r="CO30" s="16">
        <v>19</v>
      </c>
      <c r="CP30" s="16">
        <v>15</v>
      </c>
      <c r="CQ30" s="16">
        <v>12</v>
      </c>
      <c r="CR30" s="16">
        <v>8</v>
      </c>
      <c r="CS30" s="16">
        <v>5</v>
      </c>
      <c r="CT30" s="16">
        <v>8</v>
      </c>
      <c r="CU30" s="16">
        <v>6</v>
      </c>
      <c r="CV30" s="16">
        <v>8</v>
      </c>
      <c r="CW30" s="16">
        <v>5</v>
      </c>
      <c r="CX30" s="16">
        <v>6</v>
      </c>
      <c r="CY30" s="16">
        <v>2</v>
      </c>
      <c r="CZ30" s="16">
        <v>3</v>
      </c>
      <c r="DA30" s="16">
        <v>3</v>
      </c>
      <c r="DB30" s="22" t="s">
        <v>268</v>
      </c>
      <c r="DC30" s="22" t="s">
        <v>268</v>
      </c>
      <c r="DD30" s="16">
        <v>1</v>
      </c>
      <c r="DE30" s="22" t="s">
        <v>268</v>
      </c>
      <c r="DF30" s="22" t="s">
        <v>268</v>
      </c>
      <c r="DG30" s="22" t="s">
        <v>268</v>
      </c>
      <c r="DH30" s="22" t="s">
        <v>268</v>
      </c>
      <c r="DI30" s="16">
        <v>44</v>
      </c>
      <c r="DJ30" s="16">
        <v>336</v>
      </c>
      <c r="DK30" s="16">
        <v>384</v>
      </c>
      <c r="DL30" s="16">
        <v>199</v>
      </c>
      <c r="DM30" s="16">
        <v>55</v>
      </c>
      <c r="DN30" s="16">
        <v>394</v>
      </c>
      <c r="DO30" s="17">
        <v>59.732979999999998</v>
      </c>
      <c r="DP30" s="17">
        <v>65.133330000000001</v>
      </c>
    </row>
    <row r="31" spans="1:120">
      <c r="A31" s="21" t="s">
        <v>394</v>
      </c>
      <c r="B31" s="21" t="s">
        <v>216</v>
      </c>
      <c r="C31" s="21" t="s">
        <v>232</v>
      </c>
      <c r="D31" s="21" t="s">
        <v>233</v>
      </c>
      <c r="E31" s="21" t="s">
        <v>234</v>
      </c>
      <c r="F31" s="21" t="s">
        <v>235</v>
      </c>
      <c r="G31" s="21" t="s">
        <v>233</v>
      </c>
      <c r="H31" s="21" t="s">
        <v>234</v>
      </c>
      <c r="I31" s="21" t="s">
        <v>236</v>
      </c>
      <c r="J31" s="16">
        <v>64796518</v>
      </c>
      <c r="K31" s="16">
        <v>406650</v>
      </c>
      <c r="L31" s="16">
        <v>423207</v>
      </c>
      <c r="M31" s="16">
        <v>444220</v>
      </c>
      <c r="N31" s="16">
        <v>456416</v>
      </c>
      <c r="O31" s="16">
        <v>474400</v>
      </c>
      <c r="P31" s="16">
        <v>487243</v>
      </c>
      <c r="Q31" s="16">
        <v>485305</v>
      </c>
      <c r="R31" s="16">
        <v>498587</v>
      </c>
      <c r="S31" s="16">
        <v>500267</v>
      </c>
      <c r="T31" s="16">
        <v>511040</v>
      </c>
      <c r="U31" s="16">
        <v>515380</v>
      </c>
      <c r="V31" s="16">
        <v>518176</v>
      </c>
      <c r="W31" s="16">
        <v>528286</v>
      </c>
      <c r="X31" s="16">
        <v>524919</v>
      </c>
      <c r="Y31" s="16">
        <v>521625</v>
      </c>
      <c r="Z31" s="16">
        <v>521181</v>
      </c>
      <c r="AA31" s="16">
        <v>541657</v>
      </c>
      <c r="AB31" s="16">
        <v>545713</v>
      </c>
      <c r="AC31" s="16">
        <v>560916</v>
      </c>
      <c r="AD31" s="16">
        <v>567944</v>
      </c>
      <c r="AE31" s="16">
        <v>577927</v>
      </c>
      <c r="AF31" s="16">
        <v>578734</v>
      </c>
      <c r="AG31" s="16">
        <v>586497</v>
      </c>
      <c r="AH31" s="16">
        <v>586024</v>
      </c>
      <c r="AI31" s="16">
        <v>584255</v>
      </c>
      <c r="AJ31" s="16">
        <v>594097</v>
      </c>
      <c r="AK31" s="16">
        <v>594502</v>
      </c>
      <c r="AL31" s="16">
        <v>584368</v>
      </c>
      <c r="AM31" s="16">
        <v>592946</v>
      </c>
      <c r="AN31" s="16">
        <v>591964</v>
      </c>
      <c r="AO31" s="16">
        <v>606266</v>
      </c>
      <c r="AP31" s="16">
        <v>618786</v>
      </c>
      <c r="AQ31" s="16">
        <v>638083</v>
      </c>
      <c r="AR31" s="16">
        <v>657183</v>
      </c>
      <c r="AS31" s="16">
        <v>667245</v>
      </c>
      <c r="AT31" s="16">
        <v>695106</v>
      </c>
      <c r="AU31" s="16">
        <v>719706</v>
      </c>
      <c r="AV31" s="16">
        <v>730322</v>
      </c>
      <c r="AW31" s="16">
        <v>732178</v>
      </c>
      <c r="AX31" s="16">
        <v>737400</v>
      </c>
      <c r="AY31" s="16">
        <v>770853</v>
      </c>
      <c r="AZ31" s="16">
        <v>789164</v>
      </c>
      <c r="BA31" s="16">
        <v>820244</v>
      </c>
      <c r="BB31" s="16">
        <v>840905</v>
      </c>
      <c r="BC31" s="16">
        <v>880465</v>
      </c>
      <c r="BD31" s="16">
        <v>917469</v>
      </c>
      <c r="BE31" s="16">
        <v>968651</v>
      </c>
      <c r="BF31" s="16">
        <v>989261</v>
      </c>
      <c r="BG31" s="16">
        <v>969591</v>
      </c>
      <c r="BH31" s="16">
        <v>942331</v>
      </c>
      <c r="BI31" s="16">
        <v>914413</v>
      </c>
      <c r="BJ31" s="16">
        <v>901504</v>
      </c>
      <c r="BK31" s="16">
        <v>880203</v>
      </c>
      <c r="BL31" s="16">
        <v>878653</v>
      </c>
      <c r="BM31" s="16">
        <v>688075</v>
      </c>
      <c r="BN31" s="16">
        <v>846742</v>
      </c>
      <c r="BO31" s="16">
        <v>794086</v>
      </c>
      <c r="BP31" s="16">
        <v>774759</v>
      </c>
      <c r="BQ31" s="16">
        <v>750382</v>
      </c>
      <c r="BR31" s="16">
        <v>736210</v>
      </c>
      <c r="BS31" s="16">
        <v>742894</v>
      </c>
      <c r="BT31" s="16">
        <v>756022</v>
      </c>
      <c r="BU31" s="16">
        <v>736792</v>
      </c>
      <c r="BV31" s="16">
        <v>716293</v>
      </c>
      <c r="BW31" s="16">
        <v>752286</v>
      </c>
      <c r="BX31" s="16">
        <v>774689</v>
      </c>
      <c r="BY31" s="16">
        <v>775762</v>
      </c>
      <c r="BZ31" s="16">
        <v>825151</v>
      </c>
      <c r="CA31" s="16">
        <v>870265</v>
      </c>
      <c r="CB31" s="16">
        <v>919341</v>
      </c>
      <c r="CC31" s="16">
        <v>987530</v>
      </c>
      <c r="CD31" s="16">
        <v>1078410</v>
      </c>
      <c r="CE31" s="16">
        <v>1065025</v>
      </c>
      <c r="CF31" s="16">
        <v>1004558</v>
      </c>
      <c r="CG31" s="16">
        <v>626986</v>
      </c>
      <c r="CH31" s="16">
        <v>673299</v>
      </c>
      <c r="CI31" s="16">
        <v>818265</v>
      </c>
      <c r="CJ31" s="16">
        <v>783717</v>
      </c>
      <c r="CK31" s="16">
        <v>797760</v>
      </c>
      <c r="CL31" s="16">
        <v>765027</v>
      </c>
      <c r="CM31" s="16">
        <v>686726</v>
      </c>
      <c r="CN31" s="16">
        <v>586308</v>
      </c>
      <c r="CO31" s="16">
        <v>614410</v>
      </c>
      <c r="CP31" s="16">
        <v>615013</v>
      </c>
      <c r="CQ31" s="16">
        <v>598178</v>
      </c>
      <c r="CR31" s="16">
        <v>552744</v>
      </c>
      <c r="CS31" s="16">
        <v>502121</v>
      </c>
      <c r="CT31" s="16">
        <v>478789</v>
      </c>
      <c r="CU31" s="16">
        <v>438169</v>
      </c>
      <c r="CV31" s="16">
        <v>394527</v>
      </c>
      <c r="CW31" s="16">
        <v>343762</v>
      </c>
      <c r="CX31" s="16">
        <v>303628</v>
      </c>
      <c r="CY31" s="16">
        <v>262251</v>
      </c>
      <c r="CZ31" s="16">
        <v>206909</v>
      </c>
      <c r="DA31" s="16">
        <v>171163</v>
      </c>
      <c r="DB31" s="16">
        <v>133378</v>
      </c>
      <c r="DC31" s="16">
        <v>98995</v>
      </c>
      <c r="DD31" s="16">
        <v>74721</v>
      </c>
      <c r="DE31" s="16">
        <v>55062</v>
      </c>
      <c r="DF31" s="16">
        <v>38458</v>
      </c>
      <c r="DG31" s="16">
        <v>69757</v>
      </c>
      <c r="DH31" s="16">
        <v>1340695</v>
      </c>
      <c r="DI31" s="16">
        <v>7295721</v>
      </c>
      <c r="DJ31" s="16">
        <v>36169248</v>
      </c>
      <c r="DK31" s="16">
        <v>19990854</v>
      </c>
      <c r="DL31" s="16">
        <v>11063137</v>
      </c>
      <c r="DM31" s="16">
        <v>4124434</v>
      </c>
      <c r="DN31" s="16">
        <v>37597045</v>
      </c>
      <c r="DO31" s="17">
        <v>49.213230000000003</v>
      </c>
      <c r="DP31" s="17">
        <v>50.144640000000003</v>
      </c>
    </row>
    <row r="32" spans="1:120">
      <c r="A32" s="21" t="s">
        <v>394</v>
      </c>
      <c r="B32" s="21" t="s">
        <v>216</v>
      </c>
      <c r="C32" s="21" t="s">
        <v>232</v>
      </c>
      <c r="D32" s="21" t="s">
        <v>237</v>
      </c>
      <c r="E32" s="21" t="s">
        <v>238</v>
      </c>
      <c r="F32" s="21" t="s">
        <v>235</v>
      </c>
      <c r="G32" s="21" t="s">
        <v>237</v>
      </c>
      <c r="H32" s="21" t="s">
        <v>238</v>
      </c>
      <c r="I32" s="21" t="s">
        <v>239</v>
      </c>
      <c r="J32" s="16">
        <v>915820</v>
      </c>
      <c r="K32" s="16">
        <v>6227</v>
      </c>
      <c r="L32" s="16">
        <v>6394</v>
      </c>
      <c r="M32" s="16">
        <v>6912</v>
      </c>
      <c r="N32" s="16">
        <v>7038</v>
      </c>
      <c r="O32" s="16">
        <v>7246</v>
      </c>
      <c r="P32" s="16">
        <v>7563</v>
      </c>
      <c r="Q32" s="16">
        <v>7543</v>
      </c>
      <c r="R32" s="16">
        <v>7626</v>
      </c>
      <c r="S32" s="16">
        <v>7670</v>
      </c>
      <c r="T32" s="16">
        <v>7751</v>
      </c>
      <c r="U32" s="16">
        <v>7940</v>
      </c>
      <c r="V32" s="16">
        <v>7972</v>
      </c>
      <c r="W32" s="16">
        <v>8059</v>
      </c>
      <c r="X32" s="16">
        <v>7853</v>
      </c>
      <c r="Y32" s="16">
        <v>7733</v>
      </c>
      <c r="Z32" s="16">
        <v>7700</v>
      </c>
      <c r="AA32" s="16">
        <v>7859</v>
      </c>
      <c r="AB32" s="16">
        <v>8064</v>
      </c>
      <c r="AC32" s="16">
        <v>7743</v>
      </c>
      <c r="AD32" s="16">
        <v>7179</v>
      </c>
      <c r="AE32" s="16">
        <v>7214</v>
      </c>
      <c r="AF32" s="16">
        <v>7151</v>
      </c>
      <c r="AG32" s="16">
        <v>6961</v>
      </c>
      <c r="AH32" s="16">
        <v>6900</v>
      </c>
      <c r="AI32" s="16">
        <v>6852</v>
      </c>
      <c r="AJ32" s="16">
        <v>6929</v>
      </c>
      <c r="AK32" s="16">
        <v>7124</v>
      </c>
      <c r="AL32" s="16">
        <v>7402</v>
      </c>
      <c r="AM32" s="16">
        <v>7473</v>
      </c>
      <c r="AN32" s="16">
        <v>7432</v>
      </c>
      <c r="AO32" s="16">
        <v>7702</v>
      </c>
      <c r="AP32" s="16">
        <v>8119</v>
      </c>
      <c r="AQ32" s="16">
        <v>8514</v>
      </c>
      <c r="AR32" s="16">
        <v>8788</v>
      </c>
      <c r="AS32" s="16">
        <v>9079</v>
      </c>
      <c r="AT32" s="16">
        <v>9492</v>
      </c>
      <c r="AU32" s="16">
        <v>9969</v>
      </c>
      <c r="AV32" s="16">
        <v>9686</v>
      </c>
      <c r="AW32" s="16">
        <v>9990</v>
      </c>
      <c r="AX32" s="16">
        <v>10044</v>
      </c>
      <c r="AY32" s="16">
        <v>10340</v>
      </c>
      <c r="AZ32" s="16">
        <v>10523</v>
      </c>
      <c r="BA32" s="16">
        <v>10748</v>
      </c>
      <c r="BB32" s="16">
        <v>10849</v>
      </c>
      <c r="BC32" s="16">
        <v>11271</v>
      </c>
      <c r="BD32" s="16">
        <v>11474</v>
      </c>
      <c r="BE32" s="16">
        <v>11685</v>
      </c>
      <c r="BF32" s="16">
        <v>11848</v>
      </c>
      <c r="BG32" s="16">
        <v>11356</v>
      </c>
      <c r="BH32" s="16">
        <v>10881</v>
      </c>
      <c r="BI32" s="16">
        <v>10557</v>
      </c>
      <c r="BJ32" s="16">
        <v>10894</v>
      </c>
      <c r="BK32" s="16">
        <v>10906</v>
      </c>
      <c r="BL32" s="16">
        <v>11689</v>
      </c>
      <c r="BM32" s="16">
        <v>9271</v>
      </c>
      <c r="BN32" s="16">
        <v>11298</v>
      </c>
      <c r="BO32" s="16">
        <v>11021</v>
      </c>
      <c r="BP32" s="16">
        <v>11033</v>
      </c>
      <c r="BQ32" s="16">
        <v>11100</v>
      </c>
      <c r="BR32" s="16">
        <v>11302</v>
      </c>
      <c r="BS32" s="16">
        <v>11429</v>
      </c>
      <c r="BT32" s="16">
        <v>12199</v>
      </c>
      <c r="BU32" s="16">
        <v>12001</v>
      </c>
      <c r="BV32" s="16">
        <v>11840</v>
      </c>
      <c r="BW32" s="16">
        <v>12668</v>
      </c>
      <c r="BX32" s="16">
        <v>12820</v>
      </c>
      <c r="BY32" s="16">
        <v>12937</v>
      </c>
      <c r="BZ32" s="16">
        <v>13356</v>
      </c>
      <c r="CA32" s="16">
        <v>13777</v>
      </c>
      <c r="CB32" s="16">
        <v>14140</v>
      </c>
      <c r="CC32" s="16">
        <v>14608</v>
      </c>
      <c r="CD32" s="16">
        <v>15622</v>
      </c>
      <c r="CE32" s="16">
        <v>14746</v>
      </c>
      <c r="CF32" s="16">
        <v>13695</v>
      </c>
      <c r="CG32" s="16">
        <v>8758</v>
      </c>
      <c r="CH32" s="16">
        <v>9190</v>
      </c>
      <c r="CI32" s="16">
        <v>10879</v>
      </c>
      <c r="CJ32" s="16">
        <v>10602</v>
      </c>
      <c r="CK32" s="16">
        <v>10749</v>
      </c>
      <c r="CL32" s="16">
        <v>11129</v>
      </c>
      <c r="CM32" s="16">
        <v>10084</v>
      </c>
      <c r="CN32" s="16">
        <v>9215</v>
      </c>
      <c r="CO32" s="16">
        <v>9803</v>
      </c>
      <c r="CP32" s="16">
        <v>10132</v>
      </c>
      <c r="CQ32" s="16">
        <v>9548</v>
      </c>
      <c r="CR32" s="16">
        <v>9321</v>
      </c>
      <c r="CS32" s="16">
        <v>8619</v>
      </c>
      <c r="CT32" s="16">
        <v>8504</v>
      </c>
      <c r="CU32" s="16">
        <v>7724</v>
      </c>
      <c r="CV32" s="16">
        <v>7085</v>
      </c>
      <c r="CW32" s="16">
        <v>6332</v>
      </c>
      <c r="CX32" s="16">
        <v>5686</v>
      </c>
      <c r="CY32" s="16">
        <v>4919</v>
      </c>
      <c r="CZ32" s="16">
        <v>4080</v>
      </c>
      <c r="DA32" s="16">
        <v>3393</v>
      </c>
      <c r="DB32" s="16">
        <v>2728</v>
      </c>
      <c r="DC32" s="16">
        <v>2081</v>
      </c>
      <c r="DD32" s="16">
        <v>1591</v>
      </c>
      <c r="DE32" s="16">
        <v>1187</v>
      </c>
      <c r="DF32" s="16">
        <v>807</v>
      </c>
      <c r="DG32" s="16">
        <v>1504</v>
      </c>
      <c r="DH32" s="16">
        <v>11393</v>
      </c>
      <c r="DI32" s="16">
        <v>111527</v>
      </c>
      <c r="DJ32" s="16">
        <v>481549</v>
      </c>
      <c r="DK32" s="16">
        <v>311351</v>
      </c>
      <c r="DL32" s="16">
        <v>176892</v>
      </c>
      <c r="DM32" s="16">
        <v>75561</v>
      </c>
      <c r="DN32" s="16">
        <v>510034</v>
      </c>
      <c r="DO32" s="17">
        <v>50.46707</v>
      </c>
      <c r="DP32" s="17">
        <v>52.632170000000002</v>
      </c>
    </row>
    <row r="33" spans="1:120">
      <c r="A33" s="21" t="s">
        <v>394</v>
      </c>
      <c r="B33" s="21" t="s">
        <v>216</v>
      </c>
      <c r="C33" s="21" t="s">
        <v>240</v>
      </c>
      <c r="D33" s="21" t="s">
        <v>237</v>
      </c>
      <c r="E33" s="21" t="s">
        <v>241</v>
      </c>
      <c r="F33" s="21"/>
      <c r="G33" s="21" t="s">
        <v>237</v>
      </c>
      <c r="H33" s="21" t="s">
        <v>241</v>
      </c>
      <c r="I33" s="21" t="s">
        <v>242</v>
      </c>
      <c r="J33" s="16">
        <v>65769</v>
      </c>
      <c r="K33" s="16">
        <v>361</v>
      </c>
      <c r="L33" s="16">
        <v>404</v>
      </c>
      <c r="M33" s="16">
        <v>434</v>
      </c>
      <c r="N33" s="16">
        <v>440</v>
      </c>
      <c r="O33" s="16">
        <v>475</v>
      </c>
      <c r="P33" s="16">
        <v>511</v>
      </c>
      <c r="Q33" s="16">
        <v>501</v>
      </c>
      <c r="R33" s="16">
        <v>500</v>
      </c>
      <c r="S33" s="16">
        <v>522</v>
      </c>
      <c r="T33" s="16">
        <v>508</v>
      </c>
      <c r="U33" s="16">
        <v>466</v>
      </c>
      <c r="V33" s="16">
        <v>517</v>
      </c>
      <c r="W33" s="16">
        <v>531</v>
      </c>
      <c r="X33" s="16">
        <v>513</v>
      </c>
      <c r="Y33" s="16">
        <v>509</v>
      </c>
      <c r="Z33" s="16">
        <v>554</v>
      </c>
      <c r="AA33" s="16">
        <v>629</v>
      </c>
      <c r="AB33" s="16">
        <v>605</v>
      </c>
      <c r="AC33" s="16">
        <v>535</v>
      </c>
      <c r="AD33" s="16">
        <v>468</v>
      </c>
      <c r="AE33" s="16">
        <v>489</v>
      </c>
      <c r="AF33" s="16">
        <v>457</v>
      </c>
      <c r="AG33" s="16">
        <v>463</v>
      </c>
      <c r="AH33" s="16">
        <v>458</v>
      </c>
      <c r="AI33" s="16">
        <v>500</v>
      </c>
      <c r="AJ33" s="16">
        <v>494</v>
      </c>
      <c r="AK33" s="16">
        <v>496</v>
      </c>
      <c r="AL33" s="16">
        <v>544</v>
      </c>
      <c r="AM33" s="16">
        <v>528</v>
      </c>
      <c r="AN33" s="16">
        <v>468</v>
      </c>
      <c r="AO33" s="16">
        <v>522</v>
      </c>
      <c r="AP33" s="16">
        <v>616</v>
      </c>
      <c r="AQ33" s="16">
        <v>573</v>
      </c>
      <c r="AR33" s="16">
        <v>603</v>
      </c>
      <c r="AS33" s="16">
        <v>597</v>
      </c>
      <c r="AT33" s="16">
        <v>629</v>
      </c>
      <c r="AU33" s="16">
        <v>626</v>
      </c>
      <c r="AV33" s="16">
        <v>659</v>
      </c>
      <c r="AW33" s="16">
        <v>660</v>
      </c>
      <c r="AX33" s="16">
        <v>690</v>
      </c>
      <c r="AY33" s="16">
        <v>638</v>
      </c>
      <c r="AZ33" s="16">
        <v>705</v>
      </c>
      <c r="BA33" s="16">
        <v>670</v>
      </c>
      <c r="BB33" s="16">
        <v>732</v>
      </c>
      <c r="BC33" s="16">
        <v>765</v>
      </c>
      <c r="BD33" s="16">
        <v>793</v>
      </c>
      <c r="BE33" s="16">
        <v>748</v>
      </c>
      <c r="BF33" s="16">
        <v>801</v>
      </c>
      <c r="BG33" s="16">
        <v>774</v>
      </c>
      <c r="BH33" s="16">
        <v>793</v>
      </c>
      <c r="BI33" s="16">
        <v>725</v>
      </c>
      <c r="BJ33" s="16">
        <v>783</v>
      </c>
      <c r="BK33" s="16">
        <v>787</v>
      </c>
      <c r="BL33" s="16">
        <v>832</v>
      </c>
      <c r="BM33" s="16">
        <v>647</v>
      </c>
      <c r="BN33" s="16">
        <v>826</v>
      </c>
      <c r="BO33" s="16">
        <v>812</v>
      </c>
      <c r="BP33" s="16">
        <v>758</v>
      </c>
      <c r="BQ33" s="16">
        <v>815</v>
      </c>
      <c r="BR33" s="16">
        <v>813</v>
      </c>
      <c r="BS33" s="16">
        <v>836</v>
      </c>
      <c r="BT33" s="16">
        <v>924</v>
      </c>
      <c r="BU33" s="16">
        <v>824</v>
      </c>
      <c r="BV33" s="16">
        <v>879</v>
      </c>
      <c r="BW33" s="16">
        <v>937</v>
      </c>
      <c r="BX33" s="16">
        <v>954</v>
      </c>
      <c r="BY33" s="16">
        <v>986</v>
      </c>
      <c r="BZ33" s="16">
        <v>1016</v>
      </c>
      <c r="CA33" s="16">
        <v>1049</v>
      </c>
      <c r="CB33" s="16">
        <v>1040</v>
      </c>
      <c r="CC33" s="16">
        <v>1122</v>
      </c>
      <c r="CD33" s="16">
        <v>1213</v>
      </c>
      <c r="CE33" s="16">
        <v>1104</v>
      </c>
      <c r="CF33" s="16">
        <v>1057</v>
      </c>
      <c r="CG33" s="16">
        <v>669</v>
      </c>
      <c r="CH33" s="16">
        <v>739</v>
      </c>
      <c r="CI33" s="16">
        <v>891</v>
      </c>
      <c r="CJ33" s="16">
        <v>871</v>
      </c>
      <c r="CK33" s="16">
        <v>910</v>
      </c>
      <c r="CL33" s="16">
        <v>944</v>
      </c>
      <c r="CM33" s="16">
        <v>805</v>
      </c>
      <c r="CN33" s="16">
        <v>761</v>
      </c>
      <c r="CO33" s="16">
        <v>786</v>
      </c>
      <c r="CP33" s="16">
        <v>810</v>
      </c>
      <c r="CQ33" s="16">
        <v>837</v>
      </c>
      <c r="CR33" s="16">
        <v>763</v>
      </c>
      <c r="CS33" s="16">
        <v>670</v>
      </c>
      <c r="CT33" s="16">
        <v>716</v>
      </c>
      <c r="CU33" s="16">
        <v>664</v>
      </c>
      <c r="CV33" s="16">
        <v>571</v>
      </c>
      <c r="CW33" s="16">
        <v>527</v>
      </c>
      <c r="CX33" s="16">
        <v>387</v>
      </c>
      <c r="CY33" s="16">
        <v>400</v>
      </c>
      <c r="CZ33" s="16">
        <v>296</v>
      </c>
      <c r="DA33" s="16">
        <v>261</v>
      </c>
      <c r="DB33" s="16">
        <v>183</v>
      </c>
      <c r="DC33" s="16">
        <v>151</v>
      </c>
      <c r="DD33" s="16">
        <v>111</v>
      </c>
      <c r="DE33" s="16">
        <v>77</v>
      </c>
      <c r="DF33" s="16">
        <v>61</v>
      </c>
      <c r="DG33" s="16">
        <v>82</v>
      </c>
      <c r="DH33" s="16">
        <v>613</v>
      </c>
      <c r="DI33" s="16">
        <v>7192</v>
      </c>
      <c r="DJ33" s="16">
        <v>33480</v>
      </c>
      <c r="DK33" s="16">
        <v>24484</v>
      </c>
      <c r="DL33" s="16">
        <v>14274</v>
      </c>
      <c r="DM33" s="16">
        <v>5920</v>
      </c>
      <c r="DN33" s="16">
        <v>35734</v>
      </c>
      <c r="DO33" s="17">
        <v>52.18244</v>
      </c>
      <c r="DP33" s="17">
        <v>55.399520000000003</v>
      </c>
    </row>
    <row r="34" spans="1:120">
      <c r="A34" s="21" t="s">
        <v>394</v>
      </c>
      <c r="B34" s="21" t="s">
        <v>216</v>
      </c>
      <c r="C34" s="21" t="s">
        <v>243</v>
      </c>
      <c r="D34" s="21" t="s">
        <v>237</v>
      </c>
      <c r="E34" s="21" t="s">
        <v>241</v>
      </c>
      <c r="F34" s="21" t="s">
        <v>235</v>
      </c>
      <c r="G34" s="21" t="s">
        <v>237</v>
      </c>
      <c r="H34" s="21" t="s">
        <v>241</v>
      </c>
      <c r="I34" s="21" t="s">
        <v>244</v>
      </c>
      <c r="J34" s="16">
        <v>51700</v>
      </c>
      <c r="K34" s="16">
        <v>303</v>
      </c>
      <c r="L34" s="16">
        <v>324</v>
      </c>
      <c r="M34" s="16">
        <v>364</v>
      </c>
      <c r="N34" s="16">
        <v>345</v>
      </c>
      <c r="O34" s="16">
        <v>394</v>
      </c>
      <c r="P34" s="16">
        <v>403</v>
      </c>
      <c r="Q34" s="16">
        <v>401</v>
      </c>
      <c r="R34" s="16">
        <v>386</v>
      </c>
      <c r="S34" s="16">
        <v>409</v>
      </c>
      <c r="T34" s="16">
        <v>398</v>
      </c>
      <c r="U34" s="16">
        <v>371</v>
      </c>
      <c r="V34" s="16">
        <v>415</v>
      </c>
      <c r="W34" s="16">
        <v>419</v>
      </c>
      <c r="X34" s="16">
        <v>397</v>
      </c>
      <c r="Y34" s="16">
        <v>413</v>
      </c>
      <c r="Z34" s="16">
        <v>445</v>
      </c>
      <c r="AA34" s="16">
        <v>521</v>
      </c>
      <c r="AB34" s="16">
        <v>502</v>
      </c>
      <c r="AC34" s="16">
        <v>440</v>
      </c>
      <c r="AD34" s="16">
        <v>401</v>
      </c>
      <c r="AE34" s="16">
        <v>396</v>
      </c>
      <c r="AF34" s="16">
        <v>358</v>
      </c>
      <c r="AG34" s="16">
        <v>367</v>
      </c>
      <c r="AH34" s="16">
        <v>376</v>
      </c>
      <c r="AI34" s="16">
        <v>401</v>
      </c>
      <c r="AJ34" s="16">
        <v>398</v>
      </c>
      <c r="AK34" s="16">
        <v>432</v>
      </c>
      <c r="AL34" s="16">
        <v>454</v>
      </c>
      <c r="AM34" s="16">
        <v>430</v>
      </c>
      <c r="AN34" s="16">
        <v>381</v>
      </c>
      <c r="AO34" s="16">
        <v>426</v>
      </c>
      <c r="AP34" s="16">
        <v>503</v>
      </c>
      <c r="AQ34" s="16">
        <v>448</v>
      </c>
      <c r="AR34" s="16">
        <v>474</v>
      </c>
      <c r="AS34" s="16">
        <v>473</v>
      </c>
      <c r="AT34" s="16">
        <v>509</v>
      </c>
      <c r="AU34" s="16">
        <v>491</v>
      </c>
      <c r="AV34" s="16">
        <v>517</v>
      </c>
      <c r="AW34" s="16">
        <v>543</v>
      </c>
      <c r="AX34" s="16">
        <v>553</v>
      </c>
      <c r="AY34" s="16">
        <v>510</v>
      </c>
      <c r="AZ34" s="16">
        <v>550</v>
      </c>
      <c r="BA34" s="16">
        <v>543</v>
      </c>
      <c r="BB34" s="16">
        <v>588</v>
      </c>
      <c r="BC34" s="16">
        <v>633</v>
      </c>
      <c r="BD34" s="16">
        <v>653</v>
      </c>
      <c r="BE34" s="16">
        <v>601</v>
      </c>
      <c r="BF34" s="16">
        <v>649</v>
      </c>
      <c r="BG34" s="16">
        <v>602</v>
      </c>
      <c r="BH34" s="16">
        <v>642</v>
      </c>
      <c r="BI34" s="16">
        <v>592</v>
      </c>
      <c r="BJ34" s="16">
        <v>624</v>
      </c>
      <c r="BK34" s="16">
        <v>632</v>
      </c>
      <c r="BL34" s="16">
        <v>685</v>
      </c>
      <c r="BM34" s="16">
        <v>512</v>
      </c>
      <c r="BN34" s="16">
        <v>654</v>
      </c>
      <c r="BO34" s="16">
        <v>637</v>
      </c>
      <c r="BP34" s="16">
        <v>582</v>
      </c>
      <c r="BQ34" s="16">
        <v>634</v>
      </c>
      <c r="BR34" s="16">
        <v>639</v>
      </c>
      <c r="BS34" s="16">
        <v>656</v>
      </c>
      <c r="BT34" s="16">
        <v>714</v>
      </c>
      <c r="BU34" s="16">
        <v>626</v>
      </c>
      <c r="BV34" s="16">
        <v>671</v>
      </c>
      <c r="BW34" s="16">
        <v>715</v>
      </c>
      <c r="BX34" s="16">
        <v>732</v>
      </c>
      <c r="BY34" s="16">
        <v>777</v>
      </c>
      <c r="BZ34" s="16">
        <v>808</v>
      </c>
      <c r="CA34" s="16">
        <v>793</v>
      </c>
      <c r="CB34" s="16">
        <v>807</v>
      </c>
      <c r="CC34" s="16">
        <v>873</v>
      </c>
      <c r="CD34" s="16">
        <v>937</v>
      </c>
      <c r="CE34" s="16">
        <v>848</v>
      </c>
      <c r="CF34" s="16">
        <v>831</v>
      </c>
      <c r="CG34" s="16">
        <v>532</v>
      </c>
      <c r="CH34" s="16">
        <v>549</v>
      </c>
      <c r="CI34" s="16">
        <v>656</v>
      </c>
      <c r="CJ34" s="16">
        <v>666</v>
      </c>
      <c r="CK34" s="16">
        <v>694</v>
      </c>
      <c r="CL34" s="16">
        <v>701</v>
      </c>
      <c r="CM34" s="16">
        <v>600</v>
      </c>
      <c r="CN34" s="16">
        <v>545</v>
      </c>
      <c r="CO34" s="16">
        <v>578</v>
      </c>
      <c r="CP34" s="16">
        <v>604</v>
      </c>
      <c r="CQ34" s="16">
        <v>625</v>
      </c>
      <c r="CR34" s="16">
        <v>586</v>
      </c>
      <c r="CS34" s="16">
        <v>484</v>
      </c>
      <c r="CT34" s="16">
        <v>550</v>
      </c>
      <c r="CU34" s="16">
        <v>512</v>
      </c>
      <c r="CV34" s="16">
        <v>424</v>
      </c>
      <c r="CW34" s="16">
        <v>405</v>
      </c>
      <c r="CX34" s="16">
        <v>292</v>
      </c>
      <c r="CY34" s="16">
        <v>307</v>
      </c>
      <c r="CZ34" s="16">
        <v>216</v>
      </c>
      <c r="DA34" s="16">
        <v>196</v>
      </c>
      <c r="DB34" s="16">
        <v>129</v>
      </c>
      <c r="DC34" s="16">
        <v>120</v>
      </c>
      <c r="DD34" s="16">
        <v>80</v>
      </c>
      <c r="DE34" s="16">
        <v>58</v>
      </c>
      <c r="DF34" s="16">
        <v>45</v>
      </c>
      <c r="DG34" s="16">
        <v>64</v>
      </c>
      <c r="DH34" s="16">
        <v>551</v>
      </c>
      <c r="DI34" s="16">
        <v>5742</v>
      </c>
      <c r="DJ34" s="16">
        <v>26783</v>
      </c>
      <c r="DK34" s="16">
        <v>18624</v>
      </c>
      <c r="DL34" s="16">
        <v>10686</v>
      </c>
      <c r="DM34" s="16">
        <v>4468</v>
      </c>
      <c r="DN34" s="16">
        <v>28391</v>
      </c>
      <c r="DO34" s="17">
        <v>51.526240000000001</v>
      </c>
      <c r="DP34" s="17">
        <v>54.174799999999998</v>
      </c>
    </row>
    <row r="35" spans="1:120">
      <c r="A35" s="21" t="s">
        <v>394</v>
      </c>
      <c r="B35" s="21" t="s">
        <v>216</v>
      </c>
      <c r="C35" s="21" t="s">
        <v>243</v>
      </c>
      <c r="D35" s="21" t="s">
        <v>237</v>
      </c>
      <c r="E35" s="21" t="s">
        <v>245</v>
      </c>
      <c r="F35" s="21" t="s">
        <v>235</v>
      </c>
      <c r="G35" s="21" t="s">
        <v>237</v>
      </c>
      <c r="H35" s="21" t="s">
        <v>241</v>
      </c>
      <c r="I35" s="21" t="s">
        <v>246</v>
      </c>
      <c r="J35" s="16">
        <v>1237</v>
      </c>
      <c r="K35" s="22" t="s">
        <v>268</v>
      </c>
      <c r="L35" s="16">
        <v>4</v>
      </c>
      <c r="M35" s="16">
        <v>1</v>
      </c>
      <c r="N35" s="16">
        <v>3</v>
      </c>
      <c r="O35" s="16">
        <v>5</v>
      </c>
      <c r="P35" s="16">
        <v>2</v>
      </c>
      <c r="Q35" s="16">
        <v>5</v>
      </c>
      <c r="R35" s="16">
        <v>3</v>
      </c>
      <c r="S35" s="16">
        <v>4</v>
      </c>
      <c r="T35" s="16">
        <v>3</v>
      </c>
      <c r="U35" s="16">
        <v>4</v>
      </c>
      <c r="V35" s="16">
        <v>2</v>
      </c>
      <c r="W35" s="16">
        <v>2</v>
      </c>
      <c r="X35" s="16">
        <v>3</v>
      </c>
      <c r="Y35" s="16">
        <v>1</v>
      </c>
      <c r="Z35" s="16">
        <v>6</v>
      </c>
      <c r="AA35" s="16">
        <v>3</v>
      </c>
      <c r="AB35" s="16">
        <v>7</v>
      </c>
      <c r="AC35" s="16">
        <v>4</v>
      </c>
      <c r="AD35" s="16">
        <v>3</v>
      </c>
      <c r="AE35" s="16">
        <v>3</v>
      </c>
      <c r="AF35" s="16">
        <v>5</v>
      </c>
      <c r="AG35" s="16">
        <v>4</v>
      </c>
      <c r="AH35" s="16">
        <v>2</v>
      </c>
      <c r="AI35" s="16">
        <v>6</v>
      </c>
      <c r="AJ35" s="16">
        <v>6</v>
      </c>
      <c r="AK35" s="16">
        <v>1</v>
      </c>
      <c r="AL35" s="16">
        <v>3</v>
      </c>
      <c r="AM35" s="16">
        <v>4</v>
      </c>
      <c r="AN35" s="16">
        <v>2</v>
      </c>
      <c r="AO35" s="16">
        <v>5</v>
      </c>
      <c r="AP35" s="16">
        <v>4</v>
      </c>
      <c r="AQ35" s="16">
        <v>4</v>
      </c>
      <c r="AR35" s="16">
        <v>3</v>
      </c>
      <c r="AS35" s="16">
        <v>7</v>
      </c>
      <c r="AT35" s="16">
        <v>6</v>
      </c>
      <c r="AU35" s="16">
        <v>4</v>
      </c>
      <c r="AV35" s="16">
        <v>5</v>
      </c>
      <c r="AW35" s="16">
        <v>4</v>
      </c>
      <c r="AX35" s="16">
        <v>5</v>
      </c>
      <c r="AY35" s="16">
        <v>5</v>
      </c>
      <c r="AZ35" s="16">
        <v>8</v>
      </c>
      <c r="BA35" s="16">
        <v>4</v>
      </c>
      <c r="BB35" s="16">
        <v>3</v>
      </c>
      <c r="BC35" s="16">
        <v>12</v>
      </c>
      <c r="BD35" s="16">
        <v>3</v>
      </c>
      <c r="BE35" s="16">
        <v>4</v>
      </c>
      <c r="BF35" s="16">
        <v>5</v>
      </c>
      <c r="BG35" s="16">
        <v>11</v>
      </c>
      <c r="BH35" s="16">
        <v>13</v>
      </c>
      <c r="BI35" s="16">
        <v>9</v>
      </c>
      <c r="BJ35" s="16">
        <v>6</v>
      </c>
      <c r="BK35" s="16">
        <v>8</v>
      </c>
      <c r="BL35" s="16">
        <v>16</v>
      </c>
      <c r="BM35" s="16">
        <v>13</v>
      </c>
      <c r="BN35" s="16">
        <v>18</v>
      </c>
      <c r="BO35" s="16">
        <v>6</v>
      </c>
      <c r="BP35" s="16">
        <v>17</v>
      </c>
      <c r="BQ35" s="16">
        <v>18</v>
      </c>
      <c r="BR35" s="16">
        <v>14</v>
      </c>
      <c r="BS35" s="16">
        <v>19</v>
      </c>
      <c r="BT35" s="16">
        <v>22</v>
      </c>
      <c r="BU35" s="16">
        <v>22</v>
      </c>
      <c r="BV35" s="16">
        <v>18</v>
      </c>
      <c r="BW35" s="16">
        <v>25</v>
      </c>
      <c r="BX35" s="16">
        <v>17</v>
      </c>
      <c r="BY35" s="16">
        <v>27</v>
      </c>
      <c r="BZ35" s="16">
        <v>21</v>
      </c>
      <c r="CA35" s="16">
        <v>28</v>
      </c>
      <c r="CB35" s="16">
        <v>35</v>
      </c>
      <c r="CC35" s="16">
        <v>34</v>
      </c>
      <c r="CD35" s="16">
        <v>31</v>
      </c>
      <c r="CE35" s="16">
        <v>32</v>
      </c>
      <c r="CF35" s="16">
        <v>29</v>
      </c>
      <c r="CG35" s="16">
        <v>14</v>
      </c>
      <c r="CH35" s="16">
        <v>21</v>
      </c>
      <c r="CI35" s="16">
        <v>30</v>
      </c>
      <c r="CJ35" s="16">
        <v>30</v>
      </c>
      <c r="CK35" s="16">
        <v>32</v>
      </c>
      <c r="CL35" s="16">
        <v>20</v>
      </c>
      <c r="CM35" s="16">
        <v>30</v>
      </c>
      <c r="CN35" s="16">
        <v>42</v>
      </c>
      <c r="CO35" s="16">
        <v>23</v>
      </c>
      <c r="CP35" s="16">
        <v>33</v>
      </c>
      <c r="CQ35" s="16">
        <v>34</v>
      </c>
      <c r="CR35" s="16">
        <v>23</v>
      </c>
      <c r="CS35" s="16">
        <v>38</v>
      </c>
      <c r="CT35" s="16">
        <v>21</v>
      </c>
      <c r="CU35" s="16">
        <v>26</v>
      </c>
      <c r="CV35" s="16">
        <v>21</v>
      </c>
      <c r="CW35" s="16">
        <v>22</v>
      </c>
      <c r="CX35" s="16">
        <v>14</v>
      </c>
      <c r="CY35" s="16">
        <v>14</v>
      </c>
      <c r="CZ35" s="16">
        <v>10</v>
      </c>
      <c r="DA35" s="16">
        <v>8</v>
      </c>
      <c r="DB35" s="16">
        <v>8</v>
      </c>
      <c r="DC35" s="16">
        <v>9</v>
      </c>
      <c r="DD35" s="16">
        <v>11</v>
      </c>
      <c r="DE35" s="22" t="s">
        <v>268</v>
      </c>
      <c r="DF35" s="16">
        <v>1</v>
      </c>
      <c r="DG35" s="16">
        <v>1</v>
      </c>
      <c r="DH35" s="22" t="s">
        <v>268</v>
      </c>
      <c r="DI35" s="16">
        <v>42</v>
      </c>
      <c r="DJ35" s="16">
        <v>405</v>
      </c>
      <c r="DK35" s="16">
        <v>790</v>
      </c>
      <c r="DL35" s="16">
        <v>522</v>
      </c>
      <c r="DM35" s="16">
        <v>227</v>
      </c>
      <c r="DN35" s="16">
        <v>510</v>
      </c>
      <c r="DO35" s="17">
        <v>66.959180000000003</v>
      </c>
      <c r="DP35" s="17">
        <v>71.306449999999998</v>
      </c>
    </row>
    <row r="36" spans="1:120">
      <c r="A36" s="21" t="s">
        <v>394</v>
      </c>
      <c r="B36" s="21" t="s">
        <v>216</v>
      </c>
      <c r="C36" s="21" t="s">
        <v>243</v>
      </c>
      <c r="D36" s="21" t="s">
        <v>237</v>
      </c>
      <c r="E36" s="21" t="s">
        <v>247</v>
      </c>
      <c r="F36" s="21" t="s">
        <v>235</v>
      </c>
      <c r="G36" s="21" t="s">
        <v>237</v>
      </c>
      <c r="H36" s="21" t="s">
        <v>241</v>
      </c>
      <c r="I36" s="21" t="s">
        <v>248</v>
      </c>
      <c r="J36" s="16">
        <v>3808</v>
      </c>
      <c r="K36" s="16">
        <v>25</v>
      </c>
      <c r="L36" s="16">
        <v>27</v>
      </c>
      <c r="M36" s="16">
        <v>25</v>
      </c>
      <c r="N36" s="16">
        <v>32</v>
      </c>
      <c r="O36" s="16">
        <v>32</v>
      </c>
      <c r="P36" s="16">
        <v>42</v>
      </c>
      <c r="Q36" s="16">
        <v>34</v>
      </c>
      <c r="R36" s="16">
        <v>36</v>
      </c>
      <c r="S36" s="16">
        <v>38</v>
      </c>
      <c r="T36" s="16">
        <v>35</v>
      </c>
      <c r="U36" s="16">
        <v>39</v>
      </c>
      <c r="V36" s="16">
        <v>31</v>
      </c>
      <c r="W36" s="16">
        <v>37</v>
      </c>
      <c r="X36" s="16">
        <v>39</v>
      </c>
      <c r="Y36" s="16">
        <v>36</v>
      </c>
      <c r="Z36" s="16">
        <v>43</v>
      </c>
      <c r="AA36" s="16">
        <v>41</v>
      </c>
      <c r="AB36" s="16">
        <v>35</v>
      </c>
      <c r="AC36" s="16">
        <v>34</v>
      </c>
      <c r="AD36" s="16">
        <v>20</v>
      </c>
      <c r="AE36" s="16">
        <v>31</v>
      </c>
      <c r="AF36" s="16">
        <v>35</v>
      </c>
      <c r="AG36" s="16">
        <v>28</v>
      </c>
      <c r="AH36" s="16">
        <v>25</v>
      </c>
      <c r="AI36" s="16">
        <v>22</v>
      </c>
      <c r="AJ36" s="16">
        <v>29</v>
      </c>
      <c r="AK36" s="16">
        <v>20</v>
      </c>
      <c r="AL36" s="16">
        <v>26</v>
      </c>
      <c r="AM36" s="16">
        <v>38</v>
      </c>
      <c r="AN36" s="16">
        <v>25</v>
      </c>
      <c r="AO36" s="16">
        <v>33</v>
      </c>
      <c r="AP36" s="16">
        <v>37</v>
      </c>
      <c r="AQ36" s="16">
        <v>47</v>
      </c>
      <c r="AR36" s="16">
        <v>42</v>
      </c>
      <c r="AS36" s="16">
        <v>37</v>
      </c>
      <c r="AT36" s="16">
        <v>41</v>
      </c>
      <c r="AU36" s="16">
        <v>44</v>
      </c>
      <c r="AV36" s="16">
        <v>56</v>
      </c>
      <c r="AW36" s="16">
        <v>37</v>
      </c>
      <c r="AX36" s="16">
        <v>37</v>
      </c>
      <c r="AY36" s="16">
        <v>38</v>
      </c>
      <c r="AZ36" s="16">
        <v>44</v>
      </c>
      <c r="BA36" s="16">
        <v>38</v>
      </c>
      <c r="BB36" s="16">
        <v>43</v>
      </c>
      <c r="BC36" s="16">
        <v>36</v>
      </c>
      <c r="BD36" s="16">
        <v>52</v>
      </c>
      <c r="BE36" s="16">
        <v>39</v>
      </c>
      <c r="BF36" s="16">
        <v>57</v>
      </c>
      <c r="BG36" s="16">
        <v>55</v>
      </c>
      <c r="BH36" s="16">
        <v>37</v>
      </c>
      <c r="BI36" s="16">
        <v>40</v>
      </c>
      <c r="BJ36" s="16">
        <v>56</v>
      </c>
      <c r="BK36" s="16">
        <v>41</v>
      </c>
      <c r="BL36" s="16">
        <v>45</v>
      </c>
      <c r="BM36" s="16">
        <v>26</v>
      </c>
      <c r="BN36" s="16">
        <v>48</v>
      </c>
      <c r="BO36" s="16">
        <v>46</v>
      </c>
      <c r="BP36" s="16">
        <v>51</v>
      </c>
      <c r="BQ36" s="16">
        <v>42</v>
      </c>
      <c r="BR36" s="16">
        <v>41</v>
      </c>
      <c r="BS36" s="16">
        <v>49</v>
      </c>
      <c r="BT36" s="16">
        <v>53</v>
      </c>
      <c r="BU36" s="16">
        <v>50</v>
      </c>
      <c r="BV36" s="16">
        <v>53</v>
      </c>
      <c r="BW36" s="16">
        <v>49</v>
      </c>
      <c r="BX36" s="16">
        <v>52</v>
      </c>
      <c r="BY36" s="16">
        <v>57</v>
      </c>
      <c r="BZ36" s="16">
        <v>52</v>
      </c>
      <c r="CA36" s="16">
        <v>55</v>
      </c>
      <c r="CB36" s="16">
        <v>50</v>
      </c>
      <c r="CC36" s="16">
        <v>63</v>
      </c>
      <c r="CD36" s="16">
        <v>59</v>
      </c>
      <c r="CE36" s="16">
        <v>57</v>
      </c>
      <c r="CF36" s="16">
        <v>42</v>
      </c>
      <c r="CG36" s="16">
        <v>26</v>
      </c>
      <c r="CH36" s="16">
        <v>46</v>
      </c>
      <c r="CI36" s="16">
        <v>50</v>
      </c>
      <c r="CJ36" s="16">
        <v>46</v>
      </c>
      <c r="CK36" s="16">
        <v>45</v>
      </c>
      <c r="CL36" s="16">
        <v>52</v>
      </c>
      <c r="CM36" s="16">
        <v>43</v>
      </c>
      <c r="CN36" s="16">
        <v>40</v>
      </c>
      <c r="CO36" s="16">
        <v>43</v>
      </c>
      <c r="CP36" s="16">
        <v>43</v>
      </c>
      <c r="CQ36" s="16">
        <v>41</v>
      </c>
      <c r="CR36" s="16">
        <v>41</v>
      </c>
      <c r="CS36" s="16">
        <v>32</v>
      </c>
      <c r="CT36" s="16">
        <v>30</v>
      </c>
      <c r="CU36" s="16">
        <v>33</v>
      </c>
      <c r="CV36" s="16">
        <v>38</v>
      </c>
      <c r="CW36" s="16">
        <v>17</v>
      </c>
      <c r="CX36" s="16">
        <v>15</v>
      </c>
      <c r="CY36" s="16">
        <v>29</v>
      </c>
      <c r="CZ36" s="16">
        <v>24</v>
      </c>
      <c r="DA36" s="16">
        <v>16</v>
      </c>
      <c r="DB36" s="16">
        <v>15</v>
      </c>
      <c r="DC36" s="16">
        <v>8</v>
      </c>
      <c r="DD36" s="16">
        <v>7</v>
      </c>
      <c r="DE36" s="16">
        <v>8</v>
      </c>
      <c r="DF36" s="16">
        <v>5</v>
      </c>
      <c r="DG36" s="16">
        <v>7</v>
      </c>
      <c r="DH36" s="16">
        <v>21</v>
      </c>
      <c r="DI36" s="16">
        <v>508</v>
      </c>
      <c r="DJ36" s="16">
        <v>1992</v>
      </c>
      <c r="DK36" s="16">
        <v>1287</v>
      </c>
      <c r="DL36" s="16">
        <v>774</v>
      </c>
      <c r="DM36" s="16">
        <v>325</v>
      </c>
      <c r="DN36" s="16">
        <v>2085</v>
      </c>
      <c r="DO36" s="17">
        <v>49.944940000000003</v>
      </c>
      <c r="DP36" s="17">
        <v>51.776789999999998</v>
      </c>
    </row>
    <row r="37" spans="1:120">
      <c r="A37" s="21" t="s">
        <v>394</v>
      </c>
      <c r="B37" s="21" t="s">
        <v>216</v>
      </c>
      <c r="C37" s="21" t="s">
        <v>243</v>
      </c>
      <c r="D37" s="21" t="s">
        <v>237</v>
      </c>
      <c r="E37" s="21" t="s">
        <v>249</v>
      </c>
      <c r="F37" s="21" t="s">
        <v>235</v>
      </c>
      <c r="G37" s="21" t="s">
        <v>237</v>
      </c>
      <c r="H37" s="21" t="s">
        <v>241</v>
      </c>
      <c r="I37" s="21" t="s">
        <v>250</v>
      </c>
      <c r="J37" s="16">
        <v>7260</v>
      </c>
      <c r="K37" s="16">
        <v>28</v>
      </c>
      <c r="L37" s="16">
        <v>43</v>
      </c>
      <c r="M37" s="16">
        <v>38</v>
      </c>
      <c r="N37" s="16">
        <v>51</v>
      </c>
      <c r="O37" s="16">
        <v>39</v>
      </c>
      <c r="P37" s="16">
        <v>58</v>
      </c>
      <c r="Q37" s="16">
        <v>54</v>
      </c>
      <c r="R37" s="16">
        <v>68</v>
      </c>
      <c r="S37" s="16">
        <v>62</v>
      </c>
      <c r="T37" s="16">
        <v>64</v>
      </c>
      <c r="U37" s="16">
        <v>43</v>
      </c>
      <c r="V37" s="16">
        <v>58</v>
      </c>
      <c r="W37" s="16">
        <v>60</v>
      </c>
      <c r="X37" s="16">
        <v>65</v>
      </c>
      <c r="Y37" s="16">
        <v>51</v>
      </c>
      <c r="Z37" s="16">
        <v>54</v>
      </c>
      <c r="AA37" s="16">
        <v>53</v>
      </c>
      <c r="AB37" s="16">
        <v>46</v>
      </c>
      <c r="AC37" s="16">
        <v>47</v>
      </c>
      <c r="AD37" s="16">
        <v>38</v>
      </c>
      <c r="AE37" s="16">
        <v>49</v>
      </c>
      <c r="AF37" s="16">
        <v>54</v>
      </c>
      <c r="AG37" s="16">
        <v>56</v>
      </c>
      <c r="AH37" s="16">
        <v>47</v>
      </c>
      <c r="AI37" s="16">
        <v>62</v>
      </c>
      <c r="AJ37" s="16">
        <v>51</v>
      </c>
      <c r="AK37" s="16">
        <v>40</v>
      </c>
      <c r="AL37" s="16">
        <v>55</v>
      </c>
      <c r="AM37" s="16">
        <v>50</v>
      </c>
      <c r="AN37" s="16">
        <v>53</v>
      </c>
      <c r="AO37" s="16">
        <v>57</v>
      </c>
      <c r="AP37" s="16">
        <v>63</v>
      </c>
      <c r="AQ37" s="16">
        <v>69</v>
      </c>
      <c r="AR37" s="16">
        <v>69</v>
      </c>
      <c r="AS37" s="16">
        <v>67</v>
      </c>
      <c r="AT37" s="16">
        <v>60</v>
      </c>
      <c r="AU37" s="16">
        <v>75</v>
      </c>
      <c r="AV37" s="16">
        <v>73</v>
      </c>
      <c r="AW37" s="16">
        <v>69</v>
      </c>
      <c r="AX37" s="16">
        <v>84</v>
      </c>
      <c r="AY37" s="16">
        <v>75</v>
      </c>
      <c r="AZ37" s="16">
        <v>89</v>
      </c>
      <c r="BA37" s="16">
        <v>75</v>
      </c>
      <c r="BB37" s="16">
        <v>87</v>
      </c>
      <c r="BC37" s="16">
        <v>77</v>
      </c>
      <c r="BD37" s="16">
        <v>72</v>
      </c>
      <c r="BE37" s="16">
        <v>86</v>
      </c>
      <c r="BF37" s="16">
        <v>78</v>
      </c>
      <c r="BG37" s="16">
        <v>88</v>
      </c>
      <c r="BH37" s="16">
        <v>83</v>
      </c>
      <c r="BI37" s="16">
        <v>70</v>
      </c>
      <c r="BJ37" s="16">
        <v>87</v>
      </c>
      <c r="BK37" s="16">
        <v>90</v>
      </c>
      <c r="BL37" s="16">
        <v>66</v>
      </c>
      <c r="BM37" s="16">
        <v>78</v>
      </c>
      <c r="BN37" s="16">
        <v>85</v>
      </c>
      <c r="BO37" s="16">
        <v>92</v>
      </c>
      <c r="BP37" s="16">
        <v>88</v>
      </c>
      <c r="BQ37" s="16">
        <v>97</v>
      </c>
      <c r="BR37" s="16">
        <v>95</v>
      </c>
      <c r="BS37" s="16">
        <v>94</v>
      </c>
      <c r="BT37" s="16">
        <v>108</v>
      </c>
      <c r="BU37" s="16">
        <v>95</v>
      </c>
      <c r="BV37" s="16">
        <v>104</v>
      </c>
      <c r="BW37" s="16">
        <v>118</v>
      </c>
      <c r="BX37" s="16">
        <v>119</v>
      </c>
      <c r="BY37" s="16">
        <v>95</v>
      </c>
      <c r="BZ37" s="16">
        <v>104</v>
      </c>
      <c r="CA37" s="16">
        <v>134</v>
      </c>
      <c r="CB37" s="16">
        <v>116</v>
      </c>
      <c r="CC37" s="16">
        <v>119</v>
      </c>
      <c r="CD37" s="16">
        <v>141</v>
      </c>
      <c r="CE37" s="16">
        <v>133</v>
      </c>
      <c r="CF37" s="16">
        <v>118</v>
      </c>
      <c r="CG37" s="16">
        <v>74</v>
      </c>
      <c r="CH37" s="16">
        <v>92</v>
      </c>
      <c r="CI37" s="16">
        <v>111</v>
      </c>
      <c r="CJ37" s="16">
        <v>98</v>
      </c>
      <c r="CK37" s="16">
        <v>97</v>
      </c>
      <c r="CL37" s="16">
        <v>120</v>
      </c>
      <c r="CM37" s="16">
        <v>84</v>
      </c>
      <c r="CN37" s="16">
        <v>102</v>
      </c>
      <c r="CO37" s="16">
        <v>105</v>
      </c>
      <c r="CP37" s="16">
        <v>86</v>
      </c>
      <c r="CQ37" s="16">
        <v>110</v>
      </c>
      <c r="CR37" s="16">
        <v>77</v>
      </c>
      <c r="CS37" s="16">
        <v>88</v>
      </c>
      <c r="CT37" s="16">
        <v>88</v>
      </c>
      <c r="CU37" s="16">
        <v>69</v>
      </c>
      <c r="CV37" s="16">
        <v>70</v>
      </c>
      <c r="CW37" s="16">
        <v>55</v>
      </c>
      <c r="CX37" s="16">
        <v>46</v>
      </c>
      <c r="CY37" s="16">
        <v>40</v>
      </c>
      <c r="CZ37" s="16">
        <v>32</v>
      </c>
      <c r="DA37" s="16">
        <v>30</v>
      </c>
      <c r="DB37" s="16">
        <v>26</v>
      </c>
      <c r="DC37" s="16">
        <v>10</v>
      </c>
      <c r="DD37" s="16">
        <v>12</v>
      </c>
      <c r="DE37" s="16">
        <v>6</v>
      </c>
      <c r="DF37" s="16">
        <v>7</v>
      </c>
      <c r="DG37" s="16">
        <v>6</v>
      </c>
      <c r="DH37" s="16">
        <v>40</v>
      </c>
      <c r="DI37" s="16">
        <v>782</v>
      </c>
      <c r="DJ37" s="16">
        <v>3618</v>
      </c>
      <c r="DK37" s="16">
        <v>2820</v>
      </c>
      <c r="DL37" s="16">
        <v>1667</v>
      </c>
      <c r="DM37" s="16">
        <v>662</v>
      </c>
      <c r="DN37" s="16">
        <v>3948</v>
      </c>
      <c r="DO37" s="17">
        <v>53.171469999999999</v>
      </c>
      <c r="DP37" s="17">
        <v>57.102269999999997</v>
      </c>
    </row>
    <row r="38" spans="1:120">
      <c r="A38" s="21" t="s">
        <v>394</v>
      </c>
      <c r="B38" s="21" t="s">
        <v>216</v>
      </c>
      <c r="C38" s="21" t="s">
        <v>243</v>
      </c>
      <c r="D38" s="21" t="s">
        <v>237</v>
      </c>
      <c r="E38" s="21" t="s">
        <v>251</v>
      </c>
      <c r="F38" s="21" t="s">
        <v>235</v>
      </c>
      <c r="G38" s="21" t="s">
        <v>237</v>
      </c>
      <c r="H38" s="21" t="s">
        <v>241</v>
      </c>
      <c r="I38" s="21" t="s">
        <v>252</v>
      </c>
      <c r="J38" s="16">
        <v>977</v>
      </c>
      <c r="K38" s="16">
        <v>5</v>
      </c>
      <c r="L38" s="16">
        <v>4</v>
      </c>
      <c r="M38" s="16">
        <v>5</v>
      </c>
      <c r="N38" s="16">
        <v>5</v>
      </c>
      <c r="O38" s="16">
        <v>3</v>
      </c>
      <c r="P38" s="16">
        <v>3</v>
      </c>
      <c r="Q38" s="16">
        <v>3</v>
      </c>
      <c r="R38" s="16">
        <v>3</v>
      </c>
      <c r="S38" s="16">
        <v>6</v>
      </c>
      <c r="T38" s="16">
        <v>3</v>
      </c>
      <c r="U38" s="16">
        <v>4</v>
      </c>
      <c r="V38" s="16">
        <v>7</v>
      </c>
      <c r="W38" s="16">
        <v>7</v>
      </c>
      <c r="X38" s="16">
        <v>5</v>
      </c>
      <c r="Y38" s="16">
        <v>6</v>
      </c>
      <c r="Z38" s="16">
        <v>2</v>
      </c>
      <c r="AA38" s="16">
        <v>6</v>
      </c>
      <c r="AB38" s="16">
        <v>8</v>
      </c>
      <c r="AC38" s="16">
        <v>7</v>
      </c>
      <c r="AD38" s="16">
        <v>4</v>
      </c>
      <c r="AE38" s="16">
        <v>9</v>
      </c>
      <c r="AF38" s="16">
        <v>4</v>
      </c>
      <c r="AG38" s="16">
        <v>5</v>
      </c>
      <c r="AH38" s="16">
        <v>5</v>
      </c>
      <c r="AI38" s="16">
        <v>9</v>
      </c>
      <c r="AJ38" s="16">
        <v>9</v>
      </c>
      <c r="AK38" s="16">
        <v>3</v>
      </c>
      <c r="AL38" s="16">
        <v>2</v>
      </c>
      <c r="AM38" s="16">
        <v>2</v>
      </c>
      <c r="AN38" s="16">
        <v>4</v>
      </c>
      <c r="AO38" s="16">
        <v>1</v>
      </c>
      <c r="AP38" s="16">
        <v>6</v>
      </c>
      <c r="AQ38" s="16">
        <v>1</v>
      </c>
      <c r="AR38" s="16">
        <v>8</v>
      </c>
      <c r="AS38" s="16">
        <v>5</v>
      </c>
      <c r="AT38" s="16">
        <v>9</v>
      </c>
      <c r="AU38" s="16">
        <v>6</v>
      </c>
      <c r="AV38" s="16">
        <v>6</v>
      </c>
      <c r="AW38" s="16">
        <v>4</v>
      </c>
      <c r="AX38" s="16">
        <v>8</v>
      </c>
      <c r="AY38" s="16">
        <v>6</v>
      </c>
      <c r="AZ38" s="16">
        <v>5</v>
      </c>
      <c r="BA38" s="16">
        <v>7</v>
      </c>
      <c r="BB38" s="16">
        <v>6</v>
      </c>
      <c r="BC38" s="16">
        <v>4</v>
      </c>
      <c r="BD38" s="16">
        <v>9</v>
      </c>
      <c r="BE38" s="16">
        <v>13</v>
      </c>
      <c r="BF38" s="16">
        <v>9</v>
      </c>
      <c r="BG38" s="16">
        <v>12</v>
      </c>
      <c r="BH38" s="16">
        <v>10</v>
      </c>
      <c r="BI38" s="16">
        <v>8</v>
      </c>
      <c r="BJ38" s="16">
        <v>5</v>
      </c>
      <c r="BK38" s="16">
        <v>10</v>
      </c>
      <c r="BL38" s="16">
        <v>11</v>
      </c>
      <c r="BM38" s="16">
        <v>12</v>
      </c>
      <c r="BN38" s="16">
        <v>10</v>
      </c>
      <c r="BO38" s="16">
        <v>20</v>
      </c>
      <c r="BP38" s="16">
        <v>13</v>
      </c>
      <c r="BQ38" s="16">
        <v>14</v>
      </c>
      <c r="BR38" s="16">
        <v>16</v>
      </c>
      <c r="BS38" s="16">
        <v>10</v>
      </c>
      <c r="BT38" s="16">
        <v>14</v>
      </c>
      <c r="BU38" s="16">
        <v>17</v>
      </c>
      <c r="BV38" s="16">
        <v>15</v>
      </c>
      <c r="BW38" s="16">
        <v>23</v>
      </c>
      <c r="BX38" s="16">
        <v>19</v>
      </c>
      <c r="BY38" s="16">
        <v>18</v>
      </c>
      <c r="BZ38" s="16">
        <v>14</v>
      </c>
      <c r="CA38" s="16">
        <v>16</v>
      </c>
      <c r="CB38" s="16">
        <v>20</v>
      </c>
      <c r="CC38" s="16">
        <v>21</v>
      </c>
      <c r="CD38" s="16">
        <v>14</v>
      </c>
      <c r="CE38" s="16">
        <v>16</v>
      </c>
      <c r="CF38" s="16">
        <v>20</v>
      </c>
      <c r="CG38" s="16">
        <v>10</v>
      </c>
      <c r="CH38" s="16">
        <v>15</v>
      </c>
      <c r="CI38" s="16">
        <v>16</v>
      </c>
      <c r="CJ38" s="16">
        <v>12</v>
      </c>
      <c r="CK38" s="16">
        <v>23</v>
      </c>
      <c r="CL38" s="16">
        <v>31</v>
      </c>
      <c r="CM38" s="16">
        <v>27</v>
      </c>
      <c r="CN38" s="16">
        <v>16</v>
      </c>
      <c r="CO38" s="16">
        <v>17</v>
      </c>
      <c r="CP38" s="16">
        <v>17</v>
      </c>
      <c r="CQ38" s="16">
        <v>11</v>
      </c>
      <c r="CR38" s="16">
        <v>17</v>
      </c>
      <c r="CS38" s="16">
        <v>21</v>
      </c>
      <c r="CT38" s="16">
        <v>20</v>
      </c>
      <c r="CU38" s="16">
        <v>8</v>
      </c>
      <c r="CV38" s="16">
        <v>10</v>
      </c>
      <c r="CW38" s="16">
        <v>16</v>
      </c>
      <c r="CX38" s="16">
        <v>14</v>
      </c>
      <c r="CY38" s="16">
        <v>5</v>
      </c>
      <c r="CZ38" s="16">
        <v>7</v>
      </c>
      <c r="DA38" s="16">
        <v>6</v>
      </c>
      <c r="DB38" s="16">
        <v>3</v>
      </c>
      <c r="DC38" s="16">
        <v>3</v>
      </c>
      <c r="DD38" s="16">
        <v>1</v>
      </c>
      <c r="DE38" s="16">
        <v>5</v>
      </c>
      <c r="DF38" s="16">
        <v>3</v>
      </c>
      <c r="DG38" s="16">
        <v>4</v>
      </c>
      <c r="DH38" s="22" t="s">
        <v>268</v>
      </c>
      <c r="DI38" s="16">
        <v>69</v>
      </c>
      <c r="DJ38" s="16">
        <v>412</v>
      </c>
      <c r="DK38" s="16">
        <v>496</v>
      </c>
      <c r="DL38" s="16">
        <v>328</v>
      </c>
      <c r="DM38" s="16">
        <v>143</v>
      </c>
      <c r="DN38" s="16">
        <v>472</v>
      </c>
      <c r="DO38" s="17">
        <v>60.333159999999999</v>
      </c>
      <c r="DP38" s="17">
        <v>65.394739999999999</v>
      </c>
    </row>
    <row r="39" spans="1:120">
      <c r="A39" s="21" t="s">
        <v>394</v>
      </c>
      <c r="B39" s="21" t="s">
        <v>216</v>
      </c>
      <c r="C39" s="21" t="s">
        <v>243</v>
      </c>
      <c r="D39" s="21" t="s">
        <v>237</v>
      </c>
      <c r="E39" s="21" t="s">
        <v>253</v>
      </c>
      <c r="F39" s="21" t="s">
        <v>235</v>
      </c>
      <c r="G39" s="21" t="s">
        <v>237</v>
      </c>
      <c r="H39" s="21" t="s">
        <v>241</v>
      </c>
      <c r="I39" s="21" t="s">
        <v>254</v>
      </c>
      <c r="J39" s="16">
        <v>787</v>
      </c>
      <c r="K39" s="22" t="s">
        <v>268</v>
      </c>
      <c r="L39" s="16">
        <v>2</v>
      </c>
      <c r="M39" s="16">
        <v>1</v>
      </c>
      <c r="N39" s="16">
        <v>4</v>
      </c>
      <c r="O39" s="16">
        <v>2</v>
      </c>
      <c r="P39" s="16">
        <v>3</v>
      </c>
      <c r="Q39" s="16">
        <v>4</v>
      </c>
      <c r="R39" s="16">
        <v>4</v>
      </c>
      <c r="S39" s="16">
        <v>3</v>
      </c>
      <c r="T39" s="16">
        <v>5</v>
      </c>
      <c r="U39" s="16">
        <v>5</v>
      </c>
      <c r="V39" s="16">
        <v>4</v>
      </c>
      <c r="W39" s="16">
        <v>6</v>
      </c>
      <c r="X39" s="16">
        <v>4</v>
      </c>
      <c r="Y39" s="16">
        <v>2</v>
      </c>
      <c r="Z39" s="16">
        <v>4</v>
      </c>
      <c r="AA39" s="16">
        <v>5</v>
      </c>
      <c r="AB39" s="16">
        <v>7</v>
      </c>
      <c r="AC39" s="16">
        <v>3</v>
      </c>
      <c r="AD39" s="16">
        <v>2</v>
      </c>
      <c r="AE39" s="16">
        <v>1</v>
      </c>
      <c r="AF39" s="16">
        <v>1</v>
      </c>
      <c r="AG39" s="16">
        <v>3</v>
      </c>
      <c r="AH39" s="16">
        <v>3</v>
      </c>
      <c r="AI39" s="22" t="s">
        <v>268</v>
      </c>
      <c r="AJ39" s="16">
        <v>1</v>
      </c>
      <c r="AK39" s="22" t="s">
        <v>268</v>
      </c>
      <c r="AL39" s="16">
        <v>4</v>
      </c>
      <c r="AM39" s="16">
        <v>4</v>
      </c>
      <c r="AN39" s="16">
        <v>3</v>
      </c>
      <c r="AO39" s="22" t="s">
        <v>268</v>
      </c>
      <c r="AP39" s="16">
        <v>3</v>
      </c>
      <c r="AQ39" s="16">
        <v>4</v>
      </c>
      <c r="AR39" s="16">
        <v>7</v>
      </c>
      <c r="AS39" s="16">
        <v>8</v>
      </c>
      <c r="AT39" s="16">
        <v>4</v>
      </c>
      <c r="AU39" s="16">
        <v>6</v>
      </c>
      <c r="AV39" s="16">
        <v>2</v>
      </c>
      <c r="AW39" s="16">
        <v>3</v>
      </c>
      <c r="AX39" s="16">
        <v>3</v>
      </c>
      <c r="AY39" s="16">
        <v>4</v>
      </c>
      <c r="AZ39" s="16">
        <v>9</v>
      </c>
      <c r="BA39" s="16">
        <v>3</v>
      </c>
      <c r="BB39" s="16">
        <v>5</v>
      </c>
      <c r="BC39" s="16">
        <v>3</v>
      </c>
      <c r="BD39" s="16">
        <v>4</v>
      </c>
      <c r="BE39" s="16">
        <v>5</v>
      </c>
      <c r="BF39" s="16">
        <v>3</v>
      </c>
      <c r="BG39" s="16">
        <v>6</v>
      </c>
      <c r="BH39" s="16">
        <v>8</v>
      </c>
      <c r="BI39" s="16">
        <v>6</v>
      </c>
      <c r="BJ39" s="16">
        <v>5</v>
      </c>
      <c r="BK39" s="16">
        <v>6</v>
      </c>
      <c r="BL39" s="16">
        <v>9</v>
      </c>
      <c r="BM39" s="16">
        <v>6</v>
      </c>
      <c r="BN39" s="16">
        <v>11</v>
      </c>
      <c r="BO39" s="16">
        <v>11</v>
      </c>
      <c r="BP39" s="16">
        <v>7</v>
      </c>
      <c r="BQ39" s="16">
        <v>10</v>
      </c>
      <c r="BR39" s="16">
        <v>8</v>
      </c>
      <c r="BS39" s="16">
        <v>8</v>
      </c>
      <c r="BT39" s="16">
        <v>13</v>
      </c>
      <c r="BU39" s="16">
        <v>14</v>
      </c>
      <c r="BV39" s="16">
        <v>18</v>
      </c>
      <c r="BW39" s="16">
        <v>7</v>
      </c>
      <c r="BX39" s="16">
        <v>15</v>
      </c>
      <c r="BY39" s="16">
        <v>12</v>
      </c>
      <c r="BZ39" s="16">
        <v>17</v>
      </c>
      <c r="CA39" s="16">
        <v>23</v>
      </c>
      <c r="CB39" s="16">
        <v>12</v>
      </c>
      <c r="CC39" s="16">
        <v>12</v>
      </c>
      <c r="CD39" s="16">
        <v>31</v>
      </c>
      <c r="CE39" s="16">
        <v>18</v>
      </c>
      <c r="CF39" s="16">
        <v>17</v>
      </c>
      <c r="CG39" s="16">
        <v>13</v>
      </c>
      <c r="CH39" s="16">
        <v>16</v>
      </c>
      <c r="CI39" s="16">
        <v>28</v>
      </c>
      <c r="CJ39" s="16">
        <v>19</v>
      </c>
      <c r="CK39" s="16">
        <v>19</v>
      </c>
      <c r="CL39" s="16">
        <v>20</v>
      </c>
      <c r="CM39" s="16">
        <v>21</v>
      </c>
      <c r="CN39" s="16">
        <v>16</v>
      </c>
      <c r="CO39" s="16">
        <v>20</v>
      </c>
      <c r="CP39" s="16">
        <v>27</v>
      </c>
      <c r="CQ39" s="16">
        <v>16</v>
      </c>
      <c r="CR39" s="16">
        <v>19</v>
      </c>
      <c r="CS39" s="16">
        <v>7</v>
      </c>
      <c r="CT39" s="16">
        <v>7</v>
      </c>
      <c r="CU39" s="16">
        <v>16</v>
      </c>
      <c r="CV39" s="16">
        <v>8</v>
      </c>
      <c r="CW39" s="16">
        <v>12</v>
      </c>
      <c r="CX39" s="16">
        <v>6</v>
      </c>
      <c r="CY39" s="16">
        <v>5</v>
      </c>
      <c r="CZ39" s="16">
        <v>7</v>
      </c>
      <c r="DA39" s="16">
        <v>5</v>
      </c>
      <c r="DB39" s="16">
        <v>2</v>
      </c>
      <c r="DC39" s="16">
        <v>1</v>
      </c>
      <c r="DD39" s="22" t="s">
        <v>268</v>
      </c>
      <c r="DE39" s="22" t="s">
        <v>268</v>
      </c>
      <c r="DF39" s="22" t="s">
        <v>268</v>
      </c>
      <c r="DG39" s="22" t="s">
        <v>268</v>
      </c>
      <c r="DH39" s="16">
        <v>1</v>
      </c>
      <c r="DI39" s="16">
        <v>49</v>
      </c>
      <c r="DJ39" s="16">
        <v>270</v>
      </c>
      <c r="DK39" s="16">
        <v>467</v>
      </c>
      <c r="DL39" s="16">
        <v>297</v>
      </c>
      <c r="DM39" s="16">
        <v>95</v>
      </c>
      <c r="DN39" s="16">
        <v>328</v>
      </c>
      <c r="DO39" s="17">
        <v>63.193379999999998</v>
      </c>
      <c r="DP39" s="17">
        <v>69.583330000000004</v>
      </c>
    </row>
    <row r="40" spans="1:120">
      <c r="A40" s="21" t="s">
        <v>395</v>
      </c>
      <c r="B40" s="21" t="s">
        <v>214</v>
      </c>
      <c r="C40" s="21" t="s">
        <v>232</v>
      </c>
      <c r="D40" s="21" t="s">
        <v>233</v>
      </c>
      <c r="E40" s="21" t="s">
        <v>234</v>
      </c>
      <c r="F40" s="21" t="s">
        <v>235</v>
      </c>
      <c r="G40" s="21" t="s">
        <v>233</v>
      </c>
      <c r="H40" s="21" t="s">
        <v>234</v>
      </c>
      <c r="I40" s="21" t="s">
        <v>236</v>
      </c>
      <c r="J40" s="16">
        <v>121541155</v>
      </c>
      <c r="K40" s="16">
        <v>814076</v>
      </c>
      <c r="L40" s="16">
        <v>847863</v>
      </c>
      <c r="M40" s="16">
        <v>891850</v>
      </c>
      <c r="N40" s="16">
        <v>915452</v>
      </c>
      <c r="O40" s="16">
        <v>954864</v>
      </c>
      <c r="P40" s="16">
        <v>980901</v>
      </c>
      <c r="Q40" s="16">
        <v>978574</v>
      </c>
      <c r="R40" s="16">
        <v>1003402</v>
      </c>
      <c r="S40" s="16">
        <v>1007389</v>
      </c>
      <c r="T40" s="16">
        <v>1033465</v>
      </c>
      <c r="U40" s="16">
        <v>1043087</v>
      </c>
      <c r="V40" s="16">
        <v>1048931</v>
      </c>
      <c r="W40" s="16">
        <v>1068698</v>
      </c>
      <c r="X40" s="16">
        <v>1063434</v>
      </c>
      <c r="Y40" s="16">
        <v>1055926</v>
      </c>
      <c r="Z40" s="16">
        <v>1057365</v>
      </c>
      <c r="AA40" s="16">
        <v>1100044</v>
      </c>
      <c r="AB40" s="16">
        <v>1109986</v>
      </c>
      <c r="AC40" s="16">
        <v>1135317</v>
      </c>
      <c r="AD40" s="16">
        <v>1126633</v>
      </c>
      <c r="AE40" s="16">
        <v>1120552</v>
      </c>
      <c r="AF40" s="16">
        <v>1113661</v>
      </c>
      <c r="AG40" s="16">
        <v>1125978</v>
      </c>
      <c r="AH40" s="16">
        <v>1119317</v>
      </c>
      <c r="AI40" s="16">
        <v>1113207</v>
      </c>
      <c r="AJ40" s="16">
        <v>1131527</v>
      </c>
      <c r="AK40" s="16">
        <v>1136986</v>
      </c>
      <c r="AL40" s="16">
        <v>1118186</v>
      </c>
      <c r="AM40" s="16">
        <v>1140670</v>
      </c>
      <c r="AN40" s="16">
        <v>1139940</v>
      </c>
      <c r="AO40" s="16">
        <v>1163872</v>
      </c>
      <c r="AP40" s="16">
        <v>1193024</v>
      </c>
      <c r="AQ40" s="16">
        <v>1239859</v>
      </c>
      <c r="AR40" s="16">
        <v>1278552</v>
      </c>
      <c r="AS40" s="16">
        <v>1304016</v>
      </c>
      <c r="AT40" s="16">
        <v>1357904</v>
      </c>
      <c r="AU40" s="16">
        <v>1407615</v>
      </c>
      <c r="AV40" s="16">
        <v>1427375</v>
      </c>
      <c r="AW40" s="16">
        <v>1428594</v>
      </c>
      <c r="AX40" s="16">
        <v>1447593</v>
      </c>
      <c r="AY40" s="16">
        <v>1515216</v>
      </c>
      <c r="AZ40" s="16">
        <v>1554281</v>
      </c>
      <c r="BA40" s="16">
        <v>1617970</v>
      </c>
      <c r="BB40" s="16">
        <v>1662726</v>
      </c>
      <c r="BC40" s="16">
        <v>1743641</v>
      </c>
      <c r="BD40" s="16">
        <v>1817553</v>
      </c>
      <c r="BE40" s="16">
        <v>1922059</v>
      </c>
      <c r="BF40" s="16">
        <v>1956234</v>
      </c>
      <c r="BG40" s="16">
        <v>1919338</v>
      </c>
      <c r="BH40" s="16">
        <v>1861296</v>
      </c>
      <c r="BI40" s="16">
        <v>1802863</v>
      </c>
      <c r="BJ40" s="16">
        <v>1774598</v>
      </c>
      <c r="BK40" s="16">
        <v>1732142</v>
      </c>
      <c r="BL40" s="16">
        <v>1730868</v>
      </c>
      <c r="BM40" s="16">
        <v>1344720</v>
      </c>
      <c r="BN40" s="16">
        <v>1662635</v>
      </c>
      <c r="BO40" s="16">
        <v>1557115</v>
      </c>
      <c r="BP40" s="16">
        <v>1516830</v>
      </c>
      <c r="BQ40" s="16">
        <v>1470279</v>
      </c>
      <c r="BR40" s="16">
        <v>1441749</v>
      </c>
      <c r="BS40" s="16">
        <v>1450924</v>
      </c>
      <c r="BT40" s="16">
        <v>1477726</v>
      </c>
      <c r="BU40" s="16">
        <v>1434124</v>
      </c>
      <c r="BV40" s="16">
        <v>1392272</v>
      </c>
      <c r="BW40" s="16">
        <v>1460107</v>
      </c>
      <c r="BX40" s="16">
        <v>1502292</v>
      </c>
      <c r="BY40" s="16">
        <v>1499202</v>
      </c>
      <c r="BZ40" s="16">
        <v>1586898</v>
      </c>
      <c r="CA40" s="16">
        <v>1668225</v>
      </c>
      <c r="CB40" s="16">
        <v>1757386</v>
      </c>
      <c r="CC40" s="16">
        <v>1875792</v>
      </c>
      <c r="CD40" s="16">
        <v>2042365</v>
      </c>
      <c r="CE40" s="16">
        <v>2004474</v>
      </c>
      <c r="CF40" s="16">
        <v>1884490</v>
      </c>
      <c r="CG40" s="16">
        <v>1158559</v>
      </c>
      <c r="CH40" s="16">
        <v>1227654</v>
      </c>
      <c r="CI40" s="16">
        <v>1481422</v>
      </c>
      <c r="CJ40" s="16">
        <v>1410135</v>
      </c>
      <c r="CK40" s="16">
        <v>1424526</v>
      </c>
      <c r="CL40" s="16">
        <v>1354959</v>
      </c>
      <c r="CM40" s="16">
        <v>1200839</v>
      </c>
      <c r="CN40" s="16">
        <v>1013050</v>
      </c>
      <c r="CO40" s="16">
        <v>1044500</v>
      </c>
      <c r="CP40" s="16">
        <v>1031292</v>
      </c>
      <c r="CQ40" s="16">
        <v>985608</v>
      </c>
      <c r="CR40" s="16">
        <v>890581</v>
      </c>
      <c r="CS40" s="16">
        <v>791429</v>
      </c>
      <c r="CT40" s="16">
        <v>736875</v>
      </c>
      <c r="CU40" s="16">
        <v>660210</v>
      </c>
      <c r="CV40" s="16">
        <v>578816</v>
      </c>
      <c r="CW40" s="16">
        <v>492399</v>
      </c>
      <c r="CX40" s="16">
        <v>423787</v>
      </c>
      <c r="CY40" s="16">
        <v>357379</v>
      </c>
      <c r="CZ40" s="16">
        <v>276802</v>
      </c>
      <c r="DA40" s="16">
        <v>223527</v>
      </c>
      <c r="DB40" s="16">
        <v>169608</v>
      </c>
      <c r="DC40" s="16">
        <v>122788</v>
      </c>
      <c r="DD40" s="16">
        <v>89814</v>
      </c>
      <c r="DE40" s="16">
        <v>64708</v>
      </c>
      <c r="DF40" s="16">
        <v>44570</v>
      </c>
      <c r="DG40" s="16">
        <v>79327</v>
      </c>
      <c r="DH40" s="16">
        <v>819916</v>
      </c>
      <c r="DI40" s="16">
        <v>14707912</v>
      </c>
      <c r="DJ40" s="16">
        <v>70857039</v>
      </c>
      <c r="DK40" s="16">
        <v>35156288</v>
      </c>
      <c r="DL40" s="16">
        <v>18176605</v>
      </c>
      <c r="DM40" s="16">
        <v>6002620</v>
      </c>
      <c r="DN40" s="16">
        <v>73341697</v>
      </c>
      <c r="DO40" s="17">
        <v>47.89978</v>
      </c>
      <c r="DP40" s="17">
        <v>48.950980000000001</v>
      </c>
    </row>
    <row r="41" spans="1:120">
      <c r="A41" s="21" t="s">
        <v>395</v>
      </c>
      <c r="B41" s="21" t="s">
        <v>214</v>
      </c>
      <c r="C41" s="21" t="s">
        <v>232</v>
      </c>
      <c r="D41" s="21" t="s">
        <v>237</v>
      </c>
      <c r="E41" s="21" t="s">
        <v>238</v>
      </c>
      <c r="F41" s="21" t="s">
        <v>235</v>
      </c>
      <c r="G41" s="21" t="s">
        <v>237</v>
      </c>
      <c r="H41" s="21" t="s">
        <v>238</v>
      </c>
      <c r="I41" s="21" t="s">
        <v>239</v>
      </c>
      <c r="J41" s="16">
        <v>1705205</v>
      </c>
      <c r="K41" s="16">
        <v>12543</v>
      </c>
      <c r="L41" s="16">
        <v>13138</v>
      </c>
      <c r="M41" s="16">
        <v>13986</v>
      </c>
      <c r="N41" s="16">
        <v>14281</v>
      </c>
      <c r="O41" s="16">
        <v>14839</v>
      </c>
      <c r="P41" s="16">
        <v>15275</v>
      </c>
      <c r="Q41" s="16">
        <v>15392</v>
      </c>
      <c r="R41" s="16">
        <v>15747</v>
      </c>
      <c r="S41" s="16">
        <v>15920</v>
      </c>
      <c r="T41" s="16">
        <v>15968</v>
      </c>
      <c r="U41" s="16">
        <v>16210</v>
      </c>
      <c r="V41" s="16">
        <v>16087</v>
      </c>
      <c r="W41" s="16">
        <v>16443</v>
      </c>
      <c r="X41" s="16">
        <v>16047</v>
      </c>
      <c r="Y41" s="16">
        <v>15761</v>
      </c>
      <c r="Z41" s="16">
        <v>15878</v>
      </c>
      <c r="AA41" s="16">
        <v>16627</v>
      </c>
      <c r="AB41" s="16">
        <v>16592</v>
      </c>
      <c r="AC41" s="16">
        <v>15718</v>
      </c>
      <c r="AD41" s="16">
        <v>14115</v>
      </c>
      <c r="AE41" s="16">
        <v>13746</v>
      </c>
      <c r="AF41" s="16">
        <v>13302</v>
      </c>
      <c r="AG41" s="16">
        <v>13138</v>
      </c>
      <c r="AH41" s="16">
        <v>12935</v>
      </c>
      <c r="AI41" s="16">
        <v>12948</v>
      </c>
      <c r="AJ41" s="16">
        <v>13090</v>
      </c>
      <c r="AK41" s="16">
        <v>13293</v>
      </c>
      <c r="AL41" s="16">
        <v>13829</v>
      </c>
      <c r="AM41" s="16">
        <v>14125</v>
      </c>
      <c r="AN41" s="16">
        <v>14121</v>
      </c>
      <c r="AO41" s="16">
        <v>14623</v>
      </c>
      <c r="AP41" s="16">
        <v>15491</v>
      </c>
      <c r="AQ41" s="16">
        <v>16316</v>
      </c>
      <c r="AR41" s="16">
        <v>16895</v>
      </c>
      <c r="AS41" s="16">
        <v>17624</v>
      </c>
      <c r="AT41" s="16">
        <v>18448</v>
      </c>
      <c r="AU41" s="16">
        <v>19283</v>
      </c>
      <c r="AV41" s="16">
        <v>18971</v>
      </c>
      <c r="AW41" s="16">
        <v>19449</v>
      </c>
      <c r="AX41" s="16">
        <v>19571</v>
      </c>
      <c r="AY41" s="16">
        <v>20336</v>
      </c>
      <c r="AZ41" s="16">
        <v>20605</v>
      </c>
      <c r="BA41" s="16">
        <v>21021</v>
      </c>
      <c r="BB41" s="16">
        <v>21383</v>
      </c>
      <c r="BC41" s="16">
        <v>22097</v>
      </c>
      <c r="BD41" s="16">
        <v>22351</v>
      </c>
      <c r="BE41" s="16">
        <v>23036</v>
      </c>
      <c r="BF41" s="16">
        <v>22797</v>
      </c>
      <c r="BG41" s="16">
        <v>22257</v>
      </c>
      <c r="BH41" s="16">
        <v>21096</v>
      </c>
      <c r="BI41" s="16">
        <v>20360</v>
      </c>
      <c r="BJ41" s="16">
        <v>20741</v>
      </c>
      <c r="BK41" s="16">
        <v>20690</v>
      </c>
      <c r="BL41" s="16">
        <v>21918</v>
      </c>
      <c r="BM41" s="16">
        <v>17495</v>
      </c>
      <c r="BN41" s="16">
        <v>21567</v>
      </c>
      <c r="BO41" s="16">
        <v>20865</v>
      </c>
      <c r="BP41" s="16">
        <v>20958</v>
      </c>
      <c r="BQ41" s="16">
        <v>21227</v>
      </c>
      <c r="BR41" s="16">
        <v>21533</v>
      </c>
      <c r="BS41" s="16">
        <v>22122</v>
      </c>
      <c r="BT41" s="16">
        <v>23415</v>
      </c>
      <c r="BU41" s="16">
        <v>22940</v>
      </c>
      <c r="BV41" s="16">
        <v>22781</v>
      </c>
      <c r="BW41" s="16">
        <v>24533</v>
      </c>
      <c r="BX41" s="16">
        <v>24754</v>
      </c>
      <c r="BY41" s="16">
        <v>24909</v>
      </c>
      <c r="BZ41" s="16">
        <v>25829</v>
      </c>
      <c r="CA41" s="16">
        <v>26761</v>
      </c>
      <c r="CB41" s="16">
        <v>27324</v>
      </c>
      <c r="CC41" s="16">
        <v>28083</v>
      </c>
      <c r="CD41" s="16">
        <v>29723</v>
      </c>
      <c r="CE41" s="16">
        <v>28066</v>
      </c>
      <c r="CF41" s="16">
        <v>26207</v>
      </c>
      <c r="CG41" s="16">
        <v>16063</v>
      </c>
      <c r="CH41" s="16">
        <v>16697</v>
      </c>
      <c r="CI41" s="16">
        <v>19587</v>
      </c>
      <c r="CJ41" s="16">
        <v>18568</v>
      </c>
      <c r="CK41" s="16">
        <v>18622</v>
      </c>
      <c r="CL41" s="16">
        <v>19032</v>
      </c>
      <c r="CM41" s="16">
        <v>17064</v>
      </c>
      <c r="CN41" s="16">
        <v>15523</v>
      </c>
      <c r="CO41" s="16">
        <v>16070</v>
      </c>
      <c r="CP41" s="16">
        <v>16733</v>
      </c>
      <c r="CQ41" s="16">
        <v>15504</v>
      </c>
      <c r="CR41" s="16">
        <v>14826</v>
      </c>
      <c r="CS41" s="16">
        <v>13478</v>
      </c>
      <c r="CT41" s="16">
        <v>12940</v>
      </c>
      <c r="CU41" s="16">
        <v>11618</v>
      </c>
      <c r="CV41" s="16">
        <v>10399</v>
      </c>
      <c r="CW41" s="16">
        <v>9048</v>
      </c>
      <c r="CX41" s="16">
        <v>7979</v>
      </c>
      <c r="CY41" s="16">
        <v>6699</v>
      </c>
      <c r="CZ41" s="16">
        <v>5452</v>
      </c>
      <c r="DA41" s="16">
        <v>4394</v>
      </c>
      <c r="DB41" s="16">
        <v>3407</v>
      </c>
      <c r="DC41" s="16">
        <v>2571</v>
      </c>
      <c r="DD41" s="16">
        <v>1886</v>
      </c>
      <c r="DE41" s="16">
        <v>1397</v>
      </c>
      <c r="DF41" s="16">
        <v>947</v>
      </c>
      <c r="DG41" s="16">
        <v>1709</v>
      </c>
      <c r="DH41" s="16">
        <v>7447</v>
      </c>
      <c r="DI41" s="16">
        <v>227637</v>
      </c>
      <c r="DJ41" s="16">
        <v>930252</v>
      </c>
      <c r="DK41" s="16">
        <v>539869</v>
      </c>
      <c r="DL41" s="16">
        <v>282150</v>
      </c>
      <c r="DM41" s="16">
        <v>108750</v>
      </c>
      <c r="DN41" s="16">
        <v>980899</v>
      </c>
      <c r="DO41" s="17">
        <v>48.785809999999998</v>
      </c>
      <c r="DP41" s="17">
        <v>50.694249999999997</v>
      </c>
    </row>
    <row r="42" spans="1:120">
      <c r="A42" s="21" t="s">
        <v>395</v>
      </c>
      <c r="B42" s="21" t="s">
        <v>214</v>
      </c>
      <c r="C42" s="21" t="s">
        <v>240</v>
      </c>
      <c r="D42" s="21" t="s">
        <v>237</v>
      </c>
      <c r="E42" s="21" t="s">
        <v>241</v>
      </c>
      <c r="F42" s="21"/>
      <c r="G42" s="21" t="s">
        <v>237</v>
      </c>
      <c r="H42" s="21" t="s">
        <v>241</v>
      </c>
      <c r="I42" s="21" t="s">
        <v>242</v>
      </c>
      <c r="J42" s="16">
        <v>120072</v>
      </c>
      <c r="K42" s="16">
        <v>760</v>
      </c>
      <c r="L42" s="16">
        <v>806</v>
      </c>
      <c r="M42" s="16">
        <v>854</v>
      </c>
      <c r="N42" s="16">
        <v>914</v>
      </c>
      <c r="O42" s="16">
        <v>988</v>
      </c>
      <c r="P42" s="16">
        <v>971</v>
      </c>
      <c r="Q42" s="16">
        <v>1011</v>
      </c>
      <c r="R42" s="16">
        <v>1017</v>
      </c>
      <c r="S42" s="16">
        <v>1055</v>
      </c>
      <c r="T42" s="16">
        <v>1061</v>
      </c>
      <c r="U42" s="16">
        <v>965</v>
      </c>
      <c r="V42" s="16">
        <v>1069</v>
      </c>
      <c r="W42" s="16">
        <v>1099</v>
      </c>
      <c r="X42" s="16">
        <v>1041</v>
      </c>
      <c r="Y42" s="16">
        <v>1039</v>
      </c>
      <c r="Z42" s="16">
        <v>1164</v>
      </c>
      <c r="AA42" s="16">
        <v>1294</v>
      </c>
      <c r="AB42" s="16">
        <v>1281</v>
      </c>
      <c r="AC42" s="16">
        <v>1108</v>
      </c>
      <c r="AD42" s="16">
        <v>872</v>
      </c>
      <c r="AE42" s="16">
        <v>797</v>
      </c>
      <c r="AF42" s="16">
        <v>737</v>
      </c>
      <c r="AG42" s="16">
        <v>727</v>
      </c>
      <c r="AH42" s="16">
        <v>759</v>
      </c>
      <c r="AI42" s="16">
        <v>809</v>
      </c>
      <c r="AJ42" s="16">
        <v>794</v>
      </c>
      <c r="AK42" s="16">
        <v>797</v>
      </c>
      <c r="AL42" s="16">
        <v>898</v>
      </c>
      <c r="AM42" s="16">
        <v>868</v>
      </c>
      <c r="AN42" s="16">
        <v>851</v>
      </c>
      <c r="AO42" s="16">
        <v>902</v>
      </c>
      <c r="AP42" s="16">
        <v>1012</v>
      </c>
      <c r="AQ42" s="16">
        <v>1029</v>
      </c>
      <c r="AR42" s="16">
        <v>1090</v>
      </c>
      <c r="AS42" s="16">
        <v>1143</v>
      </c>
      <c r="AT42" s="16">
        <v>1169</v>
      </c>
      <c r="AU42" s="16">
        <v>1186</v>
      </c>
      <c r="AV42" s="16">
        <v>1228</v>
      </c>
      <c r="AW42" s="16">
        <v>1306</v>
      </c>
      <c r="AX42" s="16">
        <v>1312</v>
      </c>
      <c r="AY42" s="16">
        <v>1249</v>
      </c>
      <c r="AZ42" s="16">
        <v>1356</v>
      </c>
      <c r="BA42" s="16">
        <v>1346</v>
      </c>
      <c r="BB42" s="16">
        <v>1391</v>
      </c>
      <c r="BC42" s="16">
        <v>1479</v>
      </c>
      <c r="BD42" s="16">
        <v>1474</v>
      </c>
      <c r="BE42" s="16">
        <v>1494</v>
      </c>
      <c r="BF42" s="16">
        <v>1540</v>
      </c>
      <c r="BG42" s="16">
        <v>1512</v>
      </c>
      <c r="BH42" s="16">
        <v>1504</v>
      </c>
      <c r="BI42" s="16">
        <v>1435</v>
      </c>
      <c r="BJ42" s="16">
        <v>1481</v>
      </c>
      <c r="BK42" s="16">
        <v>1507</v>
      </c>
      <c r="BL42" s="16">
        <v>1590</v>
      </c>
      <c r="BM42" s="16">
        <v>1259</v>
      </c>
      <c r="BN42" s="16">
        <v>1581</v>
      </c>
      <c r="BO42" s="16">
        <v>1558</v>
      </c>
      <c r="BP42" s="16">
        <v>1472</v>
      </c>
      <c r="BQ42" s="16">
        <v>1588</v>
      </c>
      <c r="BR42" s="16">
        <v>1566</v>
      </c>
      <c r="BS42" s="16">
        <v>1640</v>
      </c>
      <c r="BT42" s="16">
        <v>1766</v>
      </c>
      <c r="BU42" s="16">
        <v>1641</v>
      </c>
      <c r="BV42" s="16">
        <v>1724</v>
      </c>
      <c r="BW42" s="16">
        <v>1774</v>
      </c>
      <c r="BX42" s="16">
        <v>1891</v>
      </c>
      <c r="BY42" s="16">
        <v>1883</v>
      </c>
      <c r="BZ42" s="16">
        <v>1904</v>
      </c>
      <c r="CA42" s="16">
        <v>2065</v>
      </c>
      <c r="CB42" s="16">
        <v>1954</v>
      </c>
      <c r="CC42" s="16">
        <v>2146</v>
      </c>
      <c r="CD42" s="16">
        <v>2353</v>
      </c>
      <c r="CE42" s="16">
        <v>2081</v>
      </c>
      <c r="CF42" s="16">
        <v>2031</v>
      </c>
      <c r="CG42" s="16">
        <v>1182</v>
      </c>
      <c r="CH42" s="16">
        <v>1334</v>
      </c>
      <c r="CI42" s="16">
        <v>1633</v>
      </c>
      <c r="CJ42" s="16">
        <v>1462</v>
      </c>
      <c r="CK42" s="16">
        <v>1562</v>
      </c>
      <c r="CL42" s="16">
        <v>1565</v>
      </c>
      <c r="CM42" s="16">
        <v>1322</v>
      </c>
      <c r="CN42" s="16">
        <v>1266</v>
      </c>
      <c r="CO42" s="16">
        <v>1277</v>
      </c>
      <c r="CP42" s="16">
        <v>1336</v>
      </c>
      <c r="CQ42" s="16">
        <v>1327</v>
      </c>
      <c r="CR42" s="16">
        <v>1205</v>
      </c>
      <c r="CS42" s="16">
        <v>1076</v>
      </c>
      <c r="CT42" s="16">
        <v>1087</v>
      </c>
      <c r="CU42" s="16">
        <v>973</v>
      </c>
      <c r="CV42" s="16">
        <v>813</v>
      </c>
      <c r="CW42" s="16">
        <v>739</v>
      </c>
      <c r="CX42" s="16">
        <v>573</v>
      </c>
      <c r="CY42" s="16">
        <v>511</v>
      </c>
      <c r="CZ42" s="16">
        <v>410</v>
      </c>
      <c r="DA42" s="16">
        <v>346</v>
      </c>
      <c r="DB42" s="16">
        <v>226</v>
      </c>
      <c r="DC42" s="16">
        <v>183</v>
      </c>
      <c r="DD42" s="16">
        <v>127</v>
      </c>
      <c r="DE42" s="16">
        <v>90</v>
      </c>
      <c r="DF42" s="16">
        <v>71</v>
      </c>
      <c r="DG42" s="16">
        <v>92</v>
      </c>
      <c r="DH42" s="16">
        <v>266</v>
      </c>
      <c r="DI42" s="16">
        <v>14650</v>
      </c>
      <c r="DJ42" s="16">
        <v>63060</v>
      </c>
      <c r="DK42" s="16">
        <v>42096</v>
      </c>
      <c r="DL42" s="16">
        <v>22606</v>
      </c>
      <c r="DM42" s="16">
        <v>8522</v>
      </c>
      <c r="DN42" s="16">
        <v>67038</v>
      </c>
      <c r="DO42" s="17">
        <v>50.752029999999998</v>
      </c>
      <c r="DP42" s="17">
        <v>53.85031</v>
      </c>
    </row>
    <row r="43" spans="1:120">
      <c r="A43" s="21" t="s">
        <v>395</v>
      </c>
      <c r="B43" s="21" t="s">
        <v>214</v>
      </c>
      <c r="C43" s="21" t="s">
        <v>243</v>
      </c>
      <c r="D43" s="21" t="s">
        <v>237</v>
      </c>
      <c r="E43" s="21" t="s">
        <v>241</v>
      </c>
      <c r="F43" s="21" t="s">
        <v>235</v>
      </c>
      <c r="G43" s="21" t="s">
        <v>237</v>
      </c>
      <c r="H43" s="21" t="s">
        <v>241</v>
      </c>
      <c r="I43" s="21" t="s">
        <v>244</v>
      </c>
      <c r="J43" s="16">
        <v>94182</v>
      </c>
      <c r="K43" s="16">
        <v>634</v>
      </c>
      <c r="L43" s="16">
        <v>629</v>
      </c>
      <c r="M43" s="16">
        <v>680</v>
      </c>
      <c r="N43" s="16">
        <v>726</v>
      </c>
      <c r="O43" s="16">
        <v>783</v>
      </c>
      <c r="P43" s="16">
        <v>767</v>
      </c>
      <c r="Q43" s="16">
        <v>799</v>
      </c>
      <c r="R43" s="16">
        <v>790</v>
      </c>
      <c r="S43" s="16">
        <v>838</v>
      </c>
      <c r="T43" s="16">
        <v>815</v>
      </c>
      <c r="U43" s="16">
        <v>758</v>
      </c>
      <c r="V43" s="16">
        <v>847</v>
      </c>
      <c r="W43" s="16">
        <v>869</v>
      </c>
      <c r="X43" s="16">
        <v>817</v>
      </c>
      <c r="Y43" s="16">
        <v>812</v>
      </c>
      <c r="Z43" s="16">
        <v>953</v>
      </c>
      <c r="AA43" s="16">
        <v>1091</v>
      </c>
      <c r="AB43" s="16">
        <v>1048</v>
      </c>
      <c r="AC43" s="16">
        <v>918</v>
      </c>
      <c r="AD43" s="16">
        <v>727</v>
      </c>
      <c r="AE43" s="16">
        <v>665</v>
      </c>
      <c r="AF43" s="16">
        <v>605</v>
      </c>
      <c r="AG43" s="16">
        <v>603</v>
      </c>
      <c r="AH43" s="16">
        <v>634</v>
      </c>
      <c r="AI43" s="16">
        <v>654</v>
      </c>
      <c r="AJ43" s="16">
        <v>652</v>
      </c>
      <c r="AK43" s="16">
        <v>682</v>
      </c>
      <c r="AL43" s="16">
        <v>748</v>
      </c>
      <c r="AM43" s="16">
        <v>717</v>
      </c>
      <c r="AN43" s="16">
        <v>699</v>
      </c>
      <c r="AO43" s="16">
        <v>727</v>
      </c>
      <c r="AP43" s="16">
        <v>825</v>
      </c>
      <c r="AQ43" s="16">
        <v>819</v>
      </c>
      <c r="AR43" s="16">
        <v>880</v>
      </c>
      <c r="AS43" s="16">
        <v>925</v>
      </c>
      <c r="AT43" s="16">
        <v>965</v>
      </c>
      <c r="AU43" s="16">
        <v>943</v>
      </c>
      <c r="AV43" s="16">
        <v>956</v>
      </c>
      <c r="AW43" s="16">
        <v>1059</v>
      </c>
      <c r="AX43" s="16">
        <v>1051</v>
      </c>
      <c r="AY43" s="16">
        <v>980</v>
      </c>
      <c r="AZ43" s="16">
        <v>1074</v>
      </c>
      <c r="BA43" s="16">
        <v>1083</v>
      </c>
      <c r="BB43" s="16">
        <v>1120</v>
      </c>
      <c r="BC43" s="16">
        <v>1223</v>
      </c>
      <c r="BD43" s="16">
        <v>1188</v>
      </c>
      <c r="BE43" s="16">
        <v>1206</v>
      </c>
      <c r="BF43" s="16">
        <v>1245</v>
      </c>
      <c r="BG43" s="16">
        <v>1198</v>
      </c>
      <c r="BH43" s="16">
        <v>1236</v>
      </c>
      <c r="BI43" s="16">
        <v>1138</v>
      </c>
      <c r="BJ43" s="16">
        <v>1175</v>
      </c>
      <c r="BK43" s="16">
        <v>1209</v>
      </c>
      <c r="BL43" s="16">
        <v>1274</v>
      </c>
      <c r="BM43" s="16">
        <v>979</v>
      </c>
      <c r="BN43" s="16">
        <v>1252</v>
      </c>
      <c r="BO43" s="16">
        <v>1202</v>
      </c>
      <c r="BP43" s="16">
        <v>1126</v>
      </c>
      <c r="BQ43" s="16">
        <v>1232</v>
      </c>
      <c r="BR43" s="16">
        <v>1204</v>
      </c>
      <c r="BS43" s="16">
        <v>1269</v>
      </c>
      <c r="BT43" s="16">
        <v>1358</v>
      </c>
      <c r="BU43" s="16">
        <v>1231</v>
      </c>
      <c r="BV43" s="16">
        <v>1315</v>
      </c>
      <c r="BW43" s="16">
        <v>1354</v>
      </c>
      <c r="BX43" s="16">
        <v>1442</v>
      </c>
      <c r="BY43" s="16">
        <v>1459</v>
      </c>
      <c r="BZ43" s="16">
        <v>1487</v>
      </c>
      <c r="CA43" s="16">
        <v>1550</v>
      </c>
      <c r="CB43" s="16">
        <v>1526</v>
      </c>
      <c r="CC43" s="16">
        <v>1632</v>
      </c>
      <c r="CD43" s="16">
        <v>1818</v>
      </c>
      <c r="CE43" s="16">
        <v>1585</v>
      </c>
      <c r="CF43" s="16">
        <v>1587</v>
      </c>
      <c r="CG43" s="16">
        <v>925</v>
      </c>
      <c r="CH43" s="16">
        <v>1000</v>
      </c>
      <c r="CI43" s="16">
        <v>1217</v>
      </c>
      <c r="CJ43" s="16">
        <v>1125</v>
      </c>
      <c r="CK43" s="16">
        <v>1186</v>
      </c>
      <c r="CL43" s="16">
        <v>1173</v>
      </c>
      <c r="CM43" s="16">
        <v>973</v>
      </c>
      <c r="CN43" s="16">
        <v>927</v>
      </c>
      <c r="CO43" s="16">
        <v>937</v>
      </c>
      <c r="CP43" s="16">
        <v>998</v>
      </c>
      <c r="CQ43" s="16">
        <v>981</v>
      </c>
      <c r="CR43" s="16">
        <v>923</v>
      </c>
      <c r="CS43" s="16">
        <v>793</v>
      </c>
      <c r="CT43" s="16">
        <v>828</v>
      </c>
      <c r="CU43" s="16">
        <v>740</v>
      </c>
      <c r="CV43" s="16">
        <v>589</v>
      </c>
      <c r="CW43" s="16">
        <v>570</v>
      </c>
      <c r="CX43" s="16">
        <v>427</v>
      </c>
      <c r="CY43" s="16">
        <v>392</v>
      </c>
      <c r="CZ43" s="16">
        <v>302</v>
      </c>
      <c r="DA43" s="16">
        <v>263</v>
      </c>
      <c r="DB43" s="16">
        <v>167</v>
      </c>
      <c r="DC43" s="16">
        <v>146</v>
      </c>
      <c r="DD43" s="16">
        <v>93</v>
      </c>
      <c r="DE43" s="16">
        <v>68</v>
      </c>
      <c r="DF43" s="16">
        <v>54</v>
      </c>
      <c r="DG43" s="16">
        <v>71</v>
      </c>
      <c r="DH43" s="16">
        <v>247</v>
      </c>
      <c r="DI43" s="16">
        <v>11564</v>
      </c>
      <c r="DJ43" s="16">
        <v>50417</v>
      </c>
      <c r="DK43" s="16">
        <v>31954</v>
      </c>
      <c r="DL43" s="16">
        <v>16943</v>
      </c>
      <c r="DM43" s="16">
        <v>6426</v>
      </c>
      <c r="DN43" s="16">
        <v>53144</v>
      </c>
      <c r="DO43" s="17">
        <v>50.118679999999998</v>
      </c>
      <c r="DP43" s="17">
        <v>52.820099999999996</v>
      </c>
    </row>
    <row r="44" spans="1:120">
      <c r="A44" s="21" t="s">
        <v>395</v>
      </c>
      <c r="B44" s="21" t="s">
        <v>214</v>
      </c>
      <c r="C44" s="21" t="s">
        <v>243</v>
      </c>
      <c r="D44" s="21" t="s">
        <v>237</v>
      </c>
      <c r="E44" s="21" t="s">
        <v>245</v>
      </c>
      <c r="F44" s="21" t="s">
        <v>235</v>
      </c>
      <c r="G44" s="21" t="s">
        <v>237</v>
      </c>
      <c r="H44" s="21" t="s">
        <v>241</v>
      </c>
      <c r="I44" s="21" t="s">
        <v>246</v>
      </c>
      <c r="J44" s="16">
        <v>2305</v>
      </c>
      <c r="K44" s="16">
        <v>3</v>
      </c>
      <c r="L44" s="16">
        <v>5</v>
      </c>
      <c r="M44" s="16">
        <v>5</v>
      </c>
      <c r="N44" s="16">
        <v>5</v>
      </c>
      <c r="O44" s="16">
        <v>7</v>
      </c>
      <c r="P44" s="16">
        <v>3</v>
      </c>
      <c r="Q44" s="16">
        <v>5</v>
      </c>
      <c r="R44" s="16">
        <v>5</v>
      </c>
      <c r="S44" s="16">
        <v>5</v>
      </c>
      <c r="T44" s="16">
        <v>8</v>
      </c>
      <c r="U44" s="16">
        <v>8</v>
      </c>
      <c r="V44" s="16">
        <v>5</v>
      </c>
      <c r="W44" s="16">
        <v>4</v>
      </c>
      <c r="X44" s="16">
        <v>7</v>
      </c>
      <c r="Y44" s="16">
        <v>5</v>
      </c>
      <c r="Z44" s="16">
        <v>11</v>
      </c>
      <c r="AA44" s="16">
        <v>6</v>
      </c>
      <c r="AB44" s="16">
        <v>10</v>
      </c>
      <c r="AC44" s="16">
        <v>5</v>
      </c>
      <c r="AD44" s="16">
        <v>8</v>
      </c>
      <c r="AE44" s="16">
        <v>4</v>
      </c>
      <c r="AF44" s="16">
        <v>9</v>
      </c>
      <c r="AG44" s="16">
        <v>8</v>
      </c>
      <c r="AH44" s="16">
        <v>8</v>
      </c>
      <c r="AI44" s="16">
        <v>6</v>
      </c>
      <c r="AJ44" s="16">
        <v>8</v>
      </c>
      <c r="AK44" s="16">
        <v>9</v>
      </c>
      <c r="AL44" s="16">
        <v>11</v>
      </c>
      <c r="AM44" s="16">
        <v>8</v>
      </c>
      <c r="AN44" s="16">
        <v>7</v>
      </c>
      <c r="AO44" s="16">
        <v>11</v>
      </c>
      <c r="AP44" s="16">
        <v>9</v>
      </c>
      <c r="AQ44" s="16">
        <v>9</v>
      </c>
      <c r="AR44" s="16">
        <v>7</v>
      </c>
      <c r="AS44" s="16">
        <v>11</v>
      </c>
      <c r="AT44" s="16">
        <v>10</v>
      </c>
      <c r="AU44" s="16">
        <v>11</v>
      </c>
      <c r="AV44" s="16">
        <v>15</v>
      </c>
      <c r="AW44" s="16">
        <v>10</v>
      </c>
      <c r="AX44" s="16">
        <v>11</v>
      </c>
      <c r="AY44" s="16">
        <v>11</v>
      </c>
      <c r="AZ44" s="16">
        <v>12</v>
      </c>
      <c r="BA44" s="16">
        <v>15</v>
      </c>
      <c r="BB44" s="16">
        <v>11</v>
      </c>
      <c r="BC44" s="16">
        <v>21</v>
      </c>
      <c r="BD44" s="16">
        <v>10</v>
      </c>
      <c r="BE44" s="16">
        <v>15</v>
      </c>
      <c r="BF44" s="16">
        <v>9</v>
      </c>
      <c r="BG44" s="16">
        <v>14</v>
      </c>
      <c r="BH44" s="16">
        <v>21</v>
      </c>
      <c r="BI44" s="16">
        <v>21</v>
      </c>
      <c r="BJ44" s="16">
        <v>20</v>
      </c>
      <c r="BK44" s="16">
        <v>16</v>
      </c>
      <c r="BL44" s="16">
        <v>21</v>
      </c>
      <c r="BM44" s="16">
        <v>23</v>
      </c>
      <c r="BN44" s="16">
        <v>32</v>
      </c>
      <c r="BO44" s="16">
        <v>20</v>
      </c>
      <c r="BP44" s="16">
        <v>34</v>
      </c>
      <c r="BQ44" s="16">
        <v>36</v>
      </c>
      <c r="BR44" s="16">
        <v>31</v>
      </c>
      <c r="BS44" s="16">
        <v>45</v>
      </c>
      <c r="BT44" s="16">
        <v>35</v>
      </c>
      <c r="BU44" s="16">
        <v>53</v>
      </c>
      <c r="BV44" s="16">
        <v>45</v>
      </c>
      <c r="BW44" s="16">
        <v>44</v>
      </c>
      <c r="BX44" s="16">
        <v>48</v>
      </c>
      <c r="BY44" s="16">
        <v>57</v>
      </c>
      <c r="BZ44" s="16">
        <v>50</v>
      </c>
      <c r="CA44" s="16">
        <v>61</v>
      </c>
      <c r="CB44" s="16">
        <v>64</v>
      </c>
      <c r="CC44" s="16">
        <v>70</v>
      </c>
      <c r="CD44" s="16">
        <v>70</v>
      </c>
      <c r="CE44" s="16">
        <v>60</v>
      </c>
      <c r="CF44" s="16">
        <v>61</v>
      </c>
      <c r="CG44" s="16">
        <v>28</v>
      </c>
      <c r="CH44" s="16">
        <v>33</v>
      </c>
      <c r="CI44" s="16">
        <v>58</v>
      </c>
      <c r="CJ44" s="16">
        <v>48</v>
      </c>
      <c r="CK44" s="16">
        <v>49</v>
      </c>
      <c r="CL44" s="16">
        <v>36</v>
      </c>
      <c r="CM44" s="16">
        <v>52</v>
      </c>
      <c r="CN44" s="16">
        <v>60</v>
      </c>
      <c r="CO44" s="16">
        <v>38</v>
      </c>
      <c r="CP44" s="16">
        <v>55</v>
      </c>
      <c r="CQ44" s="16">
        <v>60</v>
      </c>
      <c r="CR44" s="16">
        <v>35</v>
      </c>
      <c r="CS44" s="16">
        <v>50</v>
      </c>
      <c r="CT44" s="16">
        <v>33</v>
      </c>
      <c r="CU44" s="16">
        <v>43</v>
      </c>
      <c r="CV44" s="16">
        <v>33</v>
      </c>
      <c r="CW44" s="16">
        <v>32</v>
      </c>
      <c r="CX44" s="16">
        <v>28</v>
      </c>
      <c r="CY44" s="16">
        <v>20</v>
      </c>
      <c r="CZ44" s="16">
        <v>14</v>
      </c>
      <c r="DA44" s="16">
        <v>9</v>
      </c>
      <c r="DB44" s="16">
        <v>8</v>
      </c>
      <c r="DC44" s="16">
        <v>10</v>
      </c>
      <c r="DD44" s="16">
        <v>11</v>
      </c>
      <c r="DE44" s="16">
        <v>1</v>
      </c>
      <c r="DF44" s="16">
        <v>2</v>
      </c>
      <c r="DG44" s="16">
        <v>1</v>
      </c>
      <c r="DH44" s="22" t="s">
        <v>268</v>
      </c>
      <c r="DI44" s="16">
        <v>80</v>
      </c>
      <c r="DJ44" s="16">
        <v>837</v>
      </c>
      <c r="DK44" s="16">
        <v>1388</v>
      </c>
      <c r="DL44" s="16">
        <v>819</v>
      </c>
      <c r="DM44" s="16">
        <v>330</v>
      </c>
      <c r="DN44" s="16">
        <v>1077</v>
      </c>
      <c r="DO44" s="17">
        <v>65.037959999999998</v>
      </c>
      <c r="DP44" s="17">
        <v>69.304689999999994</v>
      </c>
    </row>
    <row r="45" spans="1:120">
      <c r="A45" s="21" t="s">
        <v>395</v>
      </c>
      <c r="B45" s="21" t="s">
        <v>214</v>
      </c>
      <c r="C45" s="21" t="s">
        <v>243</v>
      </c>
      <c r="D45" s="21" t="s">
        <v>237</v>
      </c>
      <c r="E45" s="21" t="s">
        <v>247</v>
      </c>
      <c r="F45" s="21" t="s">
        <v>235</v>
      </c>
      <c r="G45" s="21" t="s">
        <v>237</v>
      </c>
      <c r="H45" s="21" t="s">
        <v>241</v>
      </c>
      <c r="I45" s="21" t="s">
        <v>248</v>
      </c>
      <c r="J45" s="16">
        <v>7023</v>
      </c>
      <c r="K45" s="16">
        <v>43</v>
      </c>
      <c r="L45" s="16">
        <v>65</v>
      </c>
      <c r="M45" s="16">
        <v>61</v>
      </c>
      <c r="N45" s="16">
        <v>64</v>
      </c>
      <c r="O45" s="16">
        <v>82</v>
      </c>
      <c r="P45" s="16">
        <v>75</v>
      </c>
      <c r="Q45" s="16">
        <v>73</v>
      </c>
      <c r="R45" s="16">
        <v>66</v>
      </c>
      <c r="S45" s="16">
        <v>67</v>
      </c>
      <c r="T45" s="16">
        <v>75</v>
      </c>
      <c r="U45" s="16">
        <v>86</v>
      </c>
      <c r="V45" s="16">
        <v>69</v>
      </c>
      <c r="W45" s="16">
        <v>71</v>
      </c>
      <c r="X45" s="16">
        <v>65</v>
      </c>
      <c r="Y45" s="16">
        <v>79</v>
      </c>
      <c r="Z45" s="16">
        <v>71</v>
      </c>
      <c r="AA45" s="16">
        <v>72</v>
      </c>
      <c r="AB45" s="16">
        <v>76</v>
      </c>
      <c r="AC45" s="16">
        <v>66</v>
      </c>
      <c r="AD45" s="16">
        <v>49</v>
      </c>
      <c r="AE45" s="16">
        <v>38</v>
      </c>
      <c r="AF45" s="16">
        <v>45</v>
      </c>
      <c r="AG45" s="16">
        <v>29</v>
      </c>
      <c r="AH45" s="16">
        <v>39</v>
      </c>
      <c r="AI45" s="16">
        <v>44</v>
      </c>
      <c r="AJ45" s="16">
        <v>46</v>
      </c>
      <c r="AK45" s="16">
        <v>37</v>
      </c>
      <c r="AL45" s="16">
        <v>51</v>
      </c>
      <c r="AM45" s="16">
        <v>58</v>
      </c>
      <c r="AN45" s="16">
        <v>42</v>
      </c>
      <c r="AO45" s="16">
        <v>59</v>
      </c>
      <c r="AP45" s="16">
        <v>66</v>
      </c>
      <c r="AQ45" s="16">
        <v>84</v>
      </c>
      <c r="AR45" s="16">
        <v>82</v>
      </c>
      <c r="AS45" s="16">
        <v>72</v>
      </c>
      <c r="AT45" s="16">
        <v>65</v>
      </c>
      <c r="AU45" s="16">
        <v>85</v>
      </c>
      <c r="AV45" s="16">
        <v>97</v>
      </c>
      <c r="AW45" s="16">
        <v>81</v>
      </c>
      <c r="AX45" s="16">
        <v>84</v>
      </c>
      <c r="AY45" s="16">
        <v>85</v>
      </c>
      <c r="AZ45" s="16">
        <v>73</v>
      </c>
      <c r="BA45" s="16">
        <v>78</v>
      </c>
      <c r="BB45" s="16">
        <v>83</v>
      </c>
      <c r="BC45" s="16">
        <v>67</v>
      </c>
      <c r="BD45" s="16">
        <v>101</v>
      </c>
      <c r="BE45" s="16">
        <v>84</v>
      </c>
      <c r="BF45" s="16">
        <v>106</v>
      </c>
      <c r="BG45" s="16">
        <v>105</v>
      </c>
      <c r="BH45" s="16">
        <v>69</v>
      </c>
      <c r="BI45" s="16">
        <v>94</v>
      </c>
      <c r="BJ45" s="16">
        <v>102</v>
      </c>
      <c r="BK45" s="16">
        <v>74</v>
      </c>
      <c r="BL45" s="16">
        <v>95</v>
      </c>
      <c r="BM45" s="16">
        <v>66</v>
      </c>
      <c r="BN45" s="16">
        <v>84</v>
      </c>
      <c r="BO45" s="16">
        <v>101</v>
      </c>
      <c r="BP45" s="16">
        <v>85</v>
      </c>
      <c r="BQ45" s="16">
        <v>83</v>
      </c>
      <c r="BR45" s="16">
        <v>92</v>
      </c>
      <c r="BS45" s="16">
        <v>92</v>
      </c>
      <c r="BT45" s="16">
        <v>110</v>
      </c>
      <c r="BU45" s="16">
        <v>107</v>
      </c>
      <c r="BV45" s="16">
        <v>94</v>
      </c>
      <c r="BW45" s="16">
        <v>94</v>
      </c>
      <c r="BX45" s="16">
        <v>100</v>
      </c>
      <c r="BY45" s="16">
        <v>102</v>
      </c>
      <c r="BZ45" s="16">
        <v>102</v>
      </c>
      <c r="CA45" s="16">
        <v>113</v>
      </c>
      <c r="CB45" s="16">
        <v>98</v>
      </c>
      <c r="CC45" s="16">
        <v>118</v>
      </c>
      <c r="CD45" s="16">
        <v>120</v>
      </c>
      <c r="CE45" s="16">
        <v>119</v>
      </c>
      <c r="CF45" s="16">
        <v>92</v>
      </c>
      <c r="CG45" s="16">
        <v>49</v>
      </c>
      <c r="CH45" s="16">
        <v>84</v>
      </c>
      <c r="CI45" s="16">
        <v>94</v>
      </c>
      <c r="CJ45" s="16">
        <v>74</v>
      </c>
      <c r="CK45" s="16">
        <v>90</v>
      </c>
      <c r="CL45" s="16">
        <v>84</v>
      </c>
      <c r="CM45" s="16">
        <v>72</v>
      </c>
      <c r="CN45" s="16">
        <v>63</v>
      </c>
      <c r="CO45" s="16">
        <v>58</v>
      </c>
      <c r="CP45" s="16">
        <v>67</v>
      </c>
      <c r="CQ45" s="16">
        <v>65</v>
      </c>
      <c r="CR45" s="16">
        <v>60</v>
      </c>
      <c r="CS45" s="16">
        <v>51</v>
      </c>
      <c r="CT45" s="16">
        <v>53</v>
      </c>
      <c r="CU45" s="16">
        <v>42</v>
      </c>
      <c r="CV45" s="16">
        <v>53</v>
      </c>
      <c r="CW45" s="16">
        <v>23</v>
      </c>
      <c r="CX45" s="16">
        <v>26</v>
      </c>
      <c r="CY45" s="16">
        <v>32</v>
      </c>
      <c r="CZ45" s="16">
        <v>34</v>
      </c>
      <c r="DA45" s="16">
        <v>20</v>
      </c>
      <c r="DB45" s="16">
        <v>17</v>
      </c>
      <c r="DC45" s="16">
        <v>9</v>
      </c>
      <c r="DD45" s="16">
        <v>8</v>
      </c>
      <c r="DE45" s="16">
        <v>8</v>
      </c>
      <c r="DF45" s="16">
        <v>5</v>
      </c>
      <c r="DG45" s="16">
        <v>8</v>
      </c>
      <c r="DH45" s="16">
        <v>7</v>
      </c>
      <c r="DI45" s="16">
        <v>1041</v>
      </c>
      <c r="DJ45" s="16">
        <v>3762</v>
      </c>
      <c r="DK45" s="16">
        <v>2213</v>
      </c>
      <c r="DL45" s="16">
        <v>1200</v>
      </c>
      <c r="DM45" s="16">
        <v>449</v>
      </c>
      <c r="DN45" s="16">
        <v>3943</v>
      </c>
      <c r="DO45" s="17">
        <v>48.567419999999998</v>
      </c>
      <c r="DP45" s="17">
        <v>50.829790000000003</v>
      </c>
    </row>
    <row r="46" spans="1:120">
      <c r="A46" s="21" t="s">
        <v>395</v>
      </c>
      <c r="B46" s="21" t="s">
        <v>214</v>
      </c>
      <c r="C46" s="21" t="s">
        <v>243</v>
      </c>
      <c r="D46" s="21" t="s">
        <v>237</v>
      </c>
      <c r="E46" s="21" t="s">
        <v>249</v>
      </c>
      <c r="F46" s="21" t="s">
        <v>235</v>
      </c>
      <c r="G46" s="21" t="s">
        <v>237</v>
      </c>
      <c r="H46" s="21" t="s">
        <v>241</v>
      </c>
      <c r="I46" s="21" t="s">
        <v>250</v>
      </c>
      <c r="J46" s="16">
        <v>13162</v>
      </c>
      <c r="K46" s="16">
        <v>71</v>
      </c>
      <c r="L46" s="16">
        <v>97</v>
      </c>
      <c r="M46" s="16">
        <v>95</v>
      </c>
      <c r="N46" s="16">
        <v>105</v>
      </c>
      <c r="O46" s="16">
        <v>106</v>
      </c>
      <c r="P46" s="16">
        <v>113</v>
      </c>
      <c r="Q46" s="16">
        <v>117</v>
      </c>
      <c r="R46" s="16">
        <v>143</v>
      </c>
      <c r="S46" s="16">
        <v>128</v>
      </c>
      <c r="T46" s="16">
        <v>145</v>
      </c>
      <c r="U46" s="16">
        <v>99</v>
      </c>
      <c r="V46" s="16">
        <v>126</v>
      </c>
      <c r="W46" s="16">
        <v>131</v>
      </c>
      <c r="X46" s="16">
        <v>127</v>
      </c>
      <c r="Y46" s="16">
        <v>125</v>
      </c>
      <c r="Z46" s="16">
        <v>110</v>
      </c>
      <c r="AA46" s="16">
        <v>105</v>
      </c>
      <c r="AB46" s="16">
        <v>118</v>
      </c>
      <c r="AC46" s="16">
        <v>98</v>
      </c>
      <c r="AD46" s="16">
        <v>71</v>
      </c>
      <c r="AE46" s="16">
        <v>74</v>
      </c>
      <c r="AF46" s="16">
        <v>65</v>
      </c>
      <c r="AG46" s="16">
        <v>69</v>
      </c>
      <c r="AH46" s="16">
        <v>67</v>
      </c>
      <c r="AI46" s="16">
        <v>89</v>
      </c>
      <c r="AJ46" s="16">
        <v>74</v>
      </c>
      <c r="AK46" s="16">
        <v>61</v>
      </c>
      <c r="AL46" s="16">
        <v>79</v>
      </c>
      <c r="AM46" s="16">
        <v>73</v>
      </c>
      <c r="AN46" s="16">
        <v>91</v>
      </c>
      <c r="AO46" s="16">
        <v>95</v>
      </c>
      <c r="AP46" s="16">
        <v>95</v>
      </c>
      <c r="AQ46" s="16">
        <v>105</v>
      </c>
      <c r="AR46" s="16">
        <v>101</v>
      </c>
      <c r="AS46" s="16">
        <v>116</v>
      </c>
      <c r="AT46" s="16">
        <v>104</v>
      </c>
      <c r="AU46" s="16">
        <v>132</v>
      </c>
      <c r="AV46" s="16">
        <v>142</v>
      </c>
      <c r="AW46" s="16">
        <v>132</v>
      </c>
      <c r="AX46" s="16">
        <v>148</v>
      </c>
      <c r="AY46" s="16">
        <v>148</v>
      </c>
      <c r="AZ46" s="16">
        <v>169</v>
      </c>
      <c r="BA46" s="16">
        <v>148</v>
      </c>
      <c r="BB46" s="16">
        <v>154</v>
      </c>
      <c r="BC46" s="16">
        <v>145</v>
      </c>
      <c r="BD46" s="16">
        <v>142</v>
      </c>
      <c r="BE46" s="16">
        <v>160</v>
      </c>
      <c r="BF46" s="16">
        <v>155</v>
      </c>
      <c r="BG46" s="16">
        <v>160</v>
      </c>
      <c r="BH46" s="16">
        <v>151</v>
      </c>
      <c r="BI46" s="16">
        <v>150</v>
      </c>
      <c r="BJ46" s="16">
        <v>158</v>
      </c>
      <c r="BK46" s="16">
        <v>165</v>
      </c>
      <c r="BL46" s="16">
        <v>159</v>
      </c>
      <c r="BM46" s="16">
        <v>152</v>
      </c>
      <c r="BN46" s="16">
        <v>164</v>
      </c>
      <c r="BO46" s="16">
        <v>180</v>
      </c>
      <c r="BP46" s="16">
        <v>176</v>
      </c>
      <c r="BQ46" s="16">
        <v>180</v>
      </c>
      <c r="BR46" s="16">
        <v>190</v>
      </c>
      <c r="BS46" s="16">
        <v>183</v>
      </c>
      <c r="BT46" s="16">
        <v>212</v>
      </c>
      <c r="BU46" s="16">
        <v>187</v>
      </c>
      <c r="BV46" s="16">
        <v>200</v>
      </c>
      <c r="BW46" s="16">
        <v>215</v>
      </c>
      <c r="BX46" s="16">
        <v>225</v>
      </c>
      <c r="BY46" s="16">
        <v>191</v>
      </c>
      <c r="BZ46" s="16">
        <v>194</v>
      </c>
      <c r="CA46" s="16">
        <v>265</v>
      </c>
      <c r="CB46" s="16">
        <v>205</v>
      </c>
      <c r="CC46" s="16">
        <v>243</v>
      </c>
      <c r="CD46" s="16">
        <v>253</v>
      </c>
      <c r="CE46" s="16">
        <v>256</v>
      </c>
      <c r="CF46" s="16">
        <v>215</v>
      </c>
      <c r="CG46" s="16">
        <v>131</v>
      </c>
      <c r="CH46" s="16">
        <v>163</v>
      </c>
      <c r="CI46" s="16">
        <v>192</v>
      </c>
      <c r="CJ46" s="16">
        <v>169</v>
      </c>
      <c r="CK46" s="16">
        <v>166</v>
      </c>
      <c r="CL46" s="16">
        <v>188</v>
      </c>
      <c r="CM46" s="16">
        <v>144</v>
      </c>
      <c r="CN46" s="16">
        <v>155</v>
      </c>
      <c r="CO46" s="16">
        <v>168</v>
      </c>
      <c r="CP46" s="16">
        <v>145</v>
      </c>
      <c r="CQ46" s="16">
        <v>170</v>
      </c>
      <c r="CR46" s="16">
        <v>132</v>
      </c>
      <c r="CS46" s="16">
        <v>140</v>
      </c>
      <c r="CT46" s="16">
        <v>127</v>
      </c>
      <c r="CU46" s="16">
        <v>114</v>
      </c>
      <c r="CV46" s="16">
        <v>105</v>
      </c>
      <c r="CW46" s="16">
        <v>78</v>
      </c>
      <c r="CX46" s="16">
        <v>63</v>
      </c>
      <c r="CY46" s="16">
        <v>52</v>
      </c>
      <c r="CZ46" s="16">
        <v>41</v>
      </c>
      <c r="DA46" s="16">
        <v>38</v>
      </c>
      <c r="DB46" s="16">
        <v>28</v>
      </c>
      <c r="DC46" s="16">
        <v>14</v>
      </c>
      <c r="DD46" s="16">
        <v>12</v>
      </c>
      <c r="DE46" s="16">
        <v>8</v>
      </c>
      <c r="DF46" s="16">
        <v>7</v>
      </c>
      <c r="DG46" s="16">
        <v>8</v>
      </c>
      <c r="DH46" s="16">
        <v>12</v>
      </c>
      <c r="DI46" s="16">
        <v>1728</v>
      </c>
      <c r="DJ46" s="16">
        <v>6617</v>
      </c>
      <c r="DK46" s="16">
        <v>4805</v>
      </c>
      <c r="DL46" s="16">
        <v>2627</v>
      </c>
      <c r="DM46" s="16">
        <v>967</v>
      </c>
      <c r="DN46" s="16">
        <v>7195</v>
      </c>
      <c r="DO46" s="17">
        <v>51.544330000000002</v>
      </c>
      <c r="DP46" s="17">
        <v>55.713410000000003</v>
      </c>
    </row>
    <row r="47" spans="1:120">
      <c r="A47" s="21" t="s">
        <v>395</v>
      </c>
      <c r="B47" s="21" t="s">
        <v>214</v>
      </c>
      <c r="C47" s="21" t="s">
        <v>243</v>
      </c>
      <c r="D47" s="21" t="s">
        <v>237</v>
      </c>
      <c r="E47" s="21" t="s">
        <v>251</v>
      </c>
      <c r="F47" s="21" t="s">
        <v>235</v>
      </c>
      <c r="G47" s="21" t="s">
        <v>237</v>
      </c>
      <c r="H47" s="21" t="s">
        <v>241</v>
      </c>
      <c r="I47" s="21" t="s">
        <v>252</v>
      </c>
      <c r="J47" s="16">
        <v>1856</v>
      </c>
      <c r="K47" s="16">
        <v>7</v>
      </c>
      <c r="L47" s="16">
        <v>6</v>
      </c>
      <c r="M47" s="16">
        <v>8</v>
      </c>
      <c r="N47" s="16">
        <v>9</v>
      </c>
      <c r="O47" s="16">
        <v>6</v>
      </c>
      <c r="P47" s="16">
        <v>10</v>
      </c>
      <c r="Q47" s="16">
        <v>11</v>
      </c>
      <c r="R47" s="16">
        <v>7</v>
      </c>
      <c r="S47" s="16">
        <v>9</v>
      </c>
      <c r="T47" s="16">
        <v>10</v>
      </c>
      <c r="U47" s="16">
        <v>9</v>
      </c>
      <c r="V47" s="16">
        <v>13</v>
      </c>
      <c r="W47" s="16">
        <v>14</v>
      </c>
      <c r="X47" s="16">
        <v>15</v>
      </c>
      <c r="Y47" s="16">
        <v>10</v>
      </c>
      <c r="Z47" s="16">
        <v>9</v>
      </c>
      <c r="AA47" s="16">
        <v>12</v>
      </c>
      <c r="AB47" s="16">
        <v>13</v>
      </c>
      <c r="AC47" s="16">
        <v>15</v>
      </c>
      <c r="AD47" s="16">
        <v>10</v>
      </c>
      <c r="AE47" s="16">
        <v>13</v>
      </c>
      <c r="AF47" s="16">
        <v>9</v>
      </c>
      <c r="AG47" s="16">
        <v>13</v>
      </c>
      <c r="AH47" s="16">
        <v>5</v>
      </c>
      <c r="AI47" s="16">
        <v>13</v>
      </c>
      <c r="AJ47" s="16">
        <v>13</v>
      </c>
      <c r="AK47" s="16">
        <v>6</v>
      </c>
      <c r="AL47" s="16">
        <v>4</v>
      </c>
      <c r="AM47" s="16">
        <v>6</v>
      </c>
      <c r="AN47" s="16">
        <v>7</v>
      </c>
      <c r="AO47" s="16">
        <v>4</v>
      </c>
      <c r="AP47" s="16">
        <v>11</v>
      </c>
      <c r="AQ47" s="16">
        <v>4</v>
      </c>
      <c r="AR47" s="16">
        <v>11</v>
      </c>
      <c r="AS47" s="16">
        <v>10</v>
      </c>
      <c r="AT47" s="16">
        <v>16</v>
      </c>
      <c r="AU47" s="16">
        <v>6</v>
      </c>
      <c r="AV47" s="16">
        <v>10</v>
      </c>
      <c r="AW47" s="16">
        <v>12</v>
      </c>
      <c r="AX47" s="16">
        <v>11</v>
      </c>
      <c r="AY47" s="16">
        <v>17</v>
      </c>
      <c r="AZ47" s="16">
        <v>14</v>
      </c>
      <c r="BA47" s="16">
        <v>14</v>
      </c>
      <c r="BB47" s="16">
        <v>10</v>
      </c>
      <c r="BC47" s="16">
        <v>11</v>
      </c>
      <c r="BD47" s="16">
        <v>20</v>
      </c>
      <c r="BE47" s="16">
        <v>19</v>
      </c>
      <c r="BF47" s="16">
        <v>14</v>
      </c>
      <c r="BG47" s="16">
        <v>19</v>
      </c>
      <c r="BH47" s="16">
        <v>16</v>
      </c>
      <c r="BI47" s="16">
        <v>17</v>
      </c>
      <c r="BJ47" s="16">
        <v>11</v>
      </c>
      <c r="BK47" s="16">
        <v>23</v>
      </c>
      <c r="BL47" s="16">
        <v>24</v>
      </c>
      <c r="BM47" s="16">
        <v>22</v>
      </c>
      <c r="BN47" s="16">
        <v>28</v>
      </c>
      <c r="BO47" s="16">
        <v>38</v>
      </c>
      <c r="BP47" s="16">
        <v>28</v>
      </c>
      <c r="BQ47" s="16">
        <v>33</v>
      </c>
      <c r="BR47" s="16">
        <v>31</v>
      </c>
      <c r="BS47" s="16">
        <v>30</v>
      </c>
      <c r="BT47" s="16">
        <v>30</v>
      </c>
      <c r="BU47" s="16">
        <v>35</v>
      </c>
      <c r="BV47" s="16">
        <v>34</v>
      </c>
      <c r="BW47" s="16">
        <v>46</v>
      </c>
      <c r="BX47" s="16">
        <v>46</v>
      </c>
      <c r="BY47" s="16">
        <v>40</v>
      </c>
      <c r="BZ47" s="16">
        <v>35</v>
      </c>
      <c r="CA47" s="16">
        <v>36</v>
      </c>
      <c r="CB47" s="16">
        <v>38</v>
      </c>
      <c r="CC47" s="16">
        <v>45</v>
      </c>
      <c r="CD47" s="16">
        <v>39</v>
      </c>
      <c r="CE47" s="16">
        <v>27</v>
      </c>
      <c r="CF47" s="16">
        <v>35</v>
      </c>
      <c r="CG47" s="16">
        <v>23</v>
      </c>
      <c r="CH47" s="16">
        <v>31</v>
      </c>
      <c r="CI47" s="16">
        <v>28</v>
      </c>
      <c r="CJ47" s="16">
        <v>18</v>
      </c>
      <c r="CK47" s="16">
        <v>37</v>
      </c>
      <c r="CL47" s="16">
        <v>48</v>
      </c>
      <c r="CM47" s="16">
        <v>42</v>
      </c>
      <c r="CN47" s="16">
        <v>28</v>
      </c>
      <c r="CO47" s="16">
        <v>37</v>
      </c>
      <c r="CP47" s="16">
        <v>29</v>
      </c>
      <c r="CQ47" s="16">
        <v>23</v>
      </c>
      <c r="CR47" s="16">
        <v>28</v>
      </c>
      <c r="CS47" s="16">
        <v>30</v>
      </c>
      <c r="CT47" s="16">
        <v>31</v>
      </c>
      <c r="CU47" s="16">
        <v>12</v>
      </c>
      <c r="CV47" s="16">
        <v>17</v>
      </c>
      <c r="CW47" s="16">
        <v>19</v>
      </c>
      <c r="CX47" s="16">
        <v>17</v>
      </c>
      <c r="CY47" s="16">
        <v>8</v>
      </c>
      <c r="CZ47" s="16">
        <v>9</v>
      </c>
      <c r="DA47" s="16">
        <v>8</v>
      </c>
      <c r="DB47" s="16">
        <v>4</v>
      </c>
      <c r="DC47" s="16">
        <v>3</v>
      </c>
      <c r="DD47" s="16">
        <v>2</v>
      </c>
      <c r="DE47" s="16">
        <v>5</v>
      </c>
      <c r="DF47" s="16">
        <v>3</v>
      </c>
      <c r="DG47" s="16">
        <v>4</v>
      </c>
      <c r="DH47" s="22" t="s">
        <v>268</v>
      </c>
      <c r="DI47" s="16">
        <v>144</v>
      </c>
      <c r="DJ47" s="16">
        <v>827</v>
      </c>
      <c r="DK47" s="16">
        <v>885</v>
      </c>
      <c r="DL47" s="16">
        <v>521</v>
      </c>
      <c r="DM47" s="16">
        <v>200</v>
      </c>
      <c r="DN47" s="16">
        <v>963</v>
      </c>
      <c r="DO47" s="17">
        <v>58.67942</v>
      </c>
      <c r="DP47" s="17">
        <v>64.065219999999997</v>
      </c>
    </row>
    <row r="48" spans="1:120">
      <c r="A48" s="21" t="s">
        <v>395</v>
      </c>
      <c r="B48" s="21" t="s">
        <v>214</v>
      </c>
      <c r="C48" s="21" t="s">
        <v>243</v>
      </c>
      <c r="D48" s="21" t="s">
        <v>237</v>
      </c>
      <c r="E48" s="21" t="s">
        <v>253</v>
      </c>
      <c r="F48" s="21" t="s">
        <v>235</v>
      </c>
      <c r="G48" s="21" t="s">
        <v>237</v>
      </c>
      <c r="H48" s="21" t="s">
        <v>241</v>
      </c>
      <c r="I48" s="21" t="s">
        <v>254</v>
      </c>
      <c r="J48" s="16">
        <v>1544</v>
      </c>
      <c r="K48" s="16">
        <v>2</v>
      </c>
      <c r="L48" s="16">
        <v>4</v>
      </c>
      <c r="M48" s="16">
        <v>5</v>
      </c>
      <c r="N48" s="16">
        <v>5</v>
      </c>
      <c r="O48" s="16">
        <v>4</v>
      </c>
      <c r="P48" s="16">
        <v>3</v>
      </c>
      <c r="Q48" s="16">
        <v>6</v>
      </c>
      <c r="R48" s="16">
        <v>6</v>
      </c>
      <c r="S48" s="16">
        <v>8</v>
      </c>
      <c r="T48" s="16">
        <v>8</v>
      </c>
      <c r="U48" s="16">
        <v>5</v>
      </c>
      <c r="V48" s="16">
        <v>9</v>
      </c>
      <c r="W48" s="16">
        <v>10</v>
      </c>
      <c r="X48" s="16">
        <v>10</v>
      </c>
      <c r="Y48" s="16">
        <v>8</v>
      </c>
      <c r="Z48" s="16">
        <v>10</v>
      </c>
      <c r="AA48" s="16">
        <v>8</v>
      </c>
      <c r="AB48" s="16">
        <v>16</v>
      </c>
      <c r="AC48" s="16">
        <v>6</v>
      </c>
      <c r="AD48" s="16">
        <v>7</v>
      </c>
      <c r="AE48" s="16">
        <v>3</v>
      </c>
      <c r="AF48" s="16">
        <v>4</v>
      </c>
      <c r="AG48" s="16">
        <v>5</v>
      </c>
      <c r="AH48" s="16">
        <v>6</v>
      </c>
      <c r="AI48" s="16">
        <v>3</v>
      </c>
      <c r="AJ48" s="16">
        <v>1</v>
      </c>
      <c r="AK48" s="16">
        <v>2</v>
      </c>
      <c r="AL48" s="16">
        <v>5</v>
      </c>
      <c r="AM48" s="16">
        <v>6</v>
      </c>
      <c r="AN48" s="16">
        <v>5</v>
      </c>
      <c r="AO48" s="16">
        <v>6</v>
      </c>
      <c r="AP48" s="16">
        <v>6</v>
      </c>
      <c r="AQ48" s="16">
        <v>8</v>
      </c>
      <c r="AR48" s="16">
        <v>9</v>
      </c>
      <c r="AS48" s="16">
        <v>9</v>
      </c>
      <c r="AT48" s="16">
        <v>9</v>
      </c>
      <c r="AU48" s="16">
        <v>9</v>
      </c>
      <c r="AV48" s="16">
        <v>8</v>
      </c>
      <c r="AW48" s="16">
        <v>12</v>
      </c>
      <c r="AX48" s="16">
        <v>7</v>
      </c>
      <c r="AY48" s="16">
        <v>8</v>
      </c>
      <c r="AZ48" s="16">
        <v>14</v>
      </c>
      <c r="BA48" s="16">
        <v>8</v>
      </c>
      <c r="BB48" s="16">
        <v>13</v>
      </c>
      <c r="BC48" s="16">
        <v>12</v>
      </c>
      <c r="BD48" s="16">
        <v>13</v>
      </c>
      <c r="BE48" s="16">
        <v>10</v>
      </c>
      <c r="BF48" s="16">
        <v>11</v>
      </c>
      <c r="BG48" s="16">
        <v>16</v>
      </c>
      <c r="BH48" s="16">
        <v>11</v>
      </c>
      <c r="BI48" s="16">
        <v>15</v>
      </c>
      <c r="BJ48" s="16">
        <v>15</v>
      </c>
      <c r="BK48" s="16">
        <v>20</v>
      </c>
      <c r="BL48" s="16">
        <v>17</v>
      </c>
      <c r="BM48" s="16">
        <v>17</v>
      </c>
      <c r="BN48" s="16">
        <v>21</v>
      </c>
      <c r="BO48" s="16">
        <v>17</v>
      </c>
      <c r="BP48" s="16">
        <v>23</v>
      </c>
      <c r="BQ48" s="16">
        <v>24</v>
      </c>
      <c r="BR48" s="16">
        <v>18</v>
      </c>
      <c r="BS48" s="16">
        <v>21</v>
      </c>
      <c r="BT48" s="16">
        <v>21</v>
      </c>
      <c r="BU48" s="16">
        <v>28</v>
      </c>
      <c r="BV48" s="16">
        <v>36</v>
      </c>
      <c r="BW48" s="16">
        <v>21</v>
      </c>
      <c r="BX48" s="16">
        <v>30</v>
      </c>
      <c r="BY48" s="16">
        <v>34</v>
      </c>
      <c r="BZ48" s="16">
        <v>36</v>
      </c>
      <c r="CA48" s="16">
        <v>40</v>
      </c>
      <c r="CB48" s="16">
        <v>23</v>
      </c>
      <c r="CC48" s="16">
        <v>38</v>
      </c>
      <c r="CD48" s="16">
        <v>53</v>
      </c>
      <c r="CE48" s="16">
        <v>34</v>
      </c>
      <c r="CF48" s="16">
        <v>41</v>
      </c>
      <c r="CG48" s="16">
        <v>26</v>
      </c>
      <c r="CH48" s="16">
        <v>23</v>
      </c>
      <c r="CI48" s="16">
        <v>44</v>
      </c>
      <c r="CJ48" s="16">
        <v>28</v>
      </c>
      <c r="CK48" s="16">
        <v>34</v>
      </c>
      <c r="CL48" s="16">
        <v>36</v>
      </c>
      <c r="CM48" s="16">
        <v>39</v>
      </c>
      <c r="CN48" s="16">
        <v>33</v>
      </c>
      <c r="CO48" s="16">
        <v>39</v>
      </c>
      <c r="CP48" s="16">
        <v>42</v>
      </c>
      <c r="CQ48" s="16">
        <v>28</v>
      </c>
      <c r="CR48" s="16">
        <v>27</v>
      </c>
      <c r="CS48" s="16">
        <v>12</v>
      </c>
      <c r="CT48" s="16">
        <v>15</v>
      </c>
      <c r="CU48" s="16">
        <v>22</v>
      </c>
      <c r="CV48" s="16">
        <v>16</v>
      </c>
      <c r="CW48" s="16">
        <v>17</v>
      </c>
      <c r="CX48" s="16">
        <v>12</v>
      </c>
      <c r="CY48" s="16">
        <v>7</v>
      </c>
      <c r="CZ48" s="16">
        <v>10</v>
      </c>
      <c r="DA48" s="16">
        <v>8</v>
      </c>
      <c r="DB48" s="16">
        <v>2</v>
      </c>
      <c r="DC48" s="16">
        <v>1</v>
      </c>
      <c r="DD48" s="16">
        <v>1</v>
      </c>
      <c r="DE48" s="22" t="s">
        <v>268</v>
      </c>
      <c r="DF48" s="22" t="s">
        <v>268</v>
      </c>
      <c r="DG48" s="22" t="s">
        <v>268</v>
      </c>
      <c r="DH48" s="22" t="s">
        <v>268</v>
      </c>
      <c r="DI48" s="16">
        <v>93</v>
      </c>
      <c r="DJ48" s="16">
        <v>600</v>
      </c>
      <c r="DK48" s="16">
        <v>851</v>
      </c>
      <c r="DL48" s="16">
        <v>496</v>
      </c>
      <c r="DM48" s="16">
        <v>150</v>
      </c>
      <c r="DN48" s="16">
        <v>716</v>
      </c>
      <c r="DO48" s="17">
        <v>61.606870000000001</v>
      </c>
      <c r="DP48" s="17">
        <v>67.416669999999996</v>
      </c>
    </row>
    <row r="49" spans="1:120">
      <c r="A49" s="21" t="s">
        <v>395</v>
      </c>
      <c r="B49" s="21" t="s">
        <v>215</v>
      </c>
      <c r="C49" s="21" t="s">
        <v>232</v>
      </c>
      <c r="D49" s="21" t="s">
        <v>233</v>
      </c>
      <c r="E49" s="21" t="s">
        <v>234</v>
      </c>
      <c r="F49" s="21" t="s">
        <v>235</v>
      </c>
      <c r="G49" s="21" t="s">
        <v>233</v>
      </c>
      <c r="H49" s="21" t="s">
        <v>234</v>
      </c>
      <c r="I49" s="21" t="s">
        <v>236</v>
      </c>
      <c r="J49" s="16">
        <v>59075539</v>
      </c>
      <c r="K49" s="16">
        <v>416205</v>
      </c>
      <c r="L49" s="16">
        <v>433846</v>
      </c>
      <c r="M49" s="16">
        <v>456414</v>
      </c>
      <c r="N49" s="16">
        <v>468049</v>
      </c>
      <c r="O49" s="16">
        <v>489631</v>
      </c>
      <c r="P49" s="16">
        <v>502330</v>
      </c>
      <c r="Q49" s="16">
        <v>502013</v>
      </c>
      <c r="R49" s="16">
        <v>513149</v>
      </c>
      <c r="S49" s="16">
        <v>515259</v>
      </c>
      <c r="T49" s="16">
        <v>529830</v>
      </c>
      <c r="U49" s="16">
        <v>534703</v>
      </c>
      <c r="V49" s="16">
        <v>537738</v>
      </c>
      <c r="W49" s="16">
        <v>547504</v>
      </c>
      <c r="X49" s="16">
        <v>545257</v>
      </c>
      <c r="Y49" s="16">
        <v>540663</v>
      </c>
      <c r="Z49" s="16">
        <v>542488</v>
      </c>
      <c r="AA49" s="16">
        <v>564625</v>
      </c>
      <c r="AB49" s="16">
        <v>570613</v>
      </c>
      <c r="AC49" s="16">
        <v>582147</v>
      </c>
      <c r="AD49" s="16">
        <v>575382</v>
      </c>
      <c r="AE49" s="16">
        <v>571312</v>
      </c>
      <c r="AF49" s="16">
        <v>564746</v>
      </c>
      <c r="AG49" s="16">
        <v>571200</v>
      </c>
      <c r="AH49" s="16">
        <v>566966</v>
      </c>
      <c r="AI49" s="16">
        <v>564608</v>
      </c>
      <c r="AJ49" s="16">
        <v>573123</v>
      </c>
      <c r="AK49" s="16">
        <v>576561</v>
      </c>
      <c r="AL49" s="16">
        <v>567683</v>
      </c>
      <c r="AM49" s="16">
        <v>579399</v>
      </c>
      <c r="AN49" s="16">
        <v>578685</v>
      </c>
      <c r="AO49" s="16">
        <v>590411</v>
      </c>
      <c r="AP49" s="16">
        <v>605476</v>
      </c>
      <c r="AQ49" s="16">
        <v>630411</v>
      </c>
      <c r="AR49" s="16">
        <v>649321</v>
      </c>
      <c r="AS49" s="16">
        <v>662611</v>
      </c>
      <c r="AT49" s="16">
        <v>688249</v>
      </c>
      <c r="AU49" s="16">
        <v>713544</v>
      </c>
      <c r="AV49" s="16">
        <v>723237</v>
      </c>
      <c r="AW49" s="16">
        <v>723939</v>
      </c>
      <c r="AX49" s="16">
        <v>734260</v>
      </c>
      <c r="AY49" s="16">
        <v>768475</v>
      </c>
      <c r="AZ49" s="16">
        <v>789116</v>
      </c>
      <c r="BA49" s="16">
        <v>820049</v>
      </c>
      <c r="BB49" s="16">
        <v>843069</v>
      </c>
      <c r="BC49" s="16">
        <v>884062</v>
      </c>
      <c r="BD49" s="16">
        <v>920288</v>
      </c>
      <c r="BE49" s="16">
        <v>973588</v>
      </c>
      <c r="BF49" s="16">
        <v>987839</v>
      </c>
      <c r="BG49" s="16">
        <v>970786</v>
      </c>
      <c r="BH49" s="16">
        <v>940004</v>
      </c>
      <c r="BI49" s="16">
        <v>909718</v>
      </c>
      <c r="BJ49" s="16">
        <v>893886</v>
      </c>
      <c r="BK49" s="16">
        <v>871719</v>
      </c>
      <c r="BL49" s="16">
        <v>869283</v>
      </c>
      <c r="BM49" s="16">
        <v>672794</v>
      </c>
      <c r="BN49" s="16">
        <v>831887</v>
      </c>
      <c r="BO49" s="16">
        <v>778458</v>
      </c>
      <c r="BP49" s="16">
        <v>757176</v>
      </c>
      <c r="BQ49" s="16">
        <v>732762</v>
      </c>
      <c r="BR49" s="16">
        <v>717175</v>
      </c>
      <c r="BS49" s="16">
        <v>719141</v>
      </c>
      <c r="BT49" s="16">
        <v>731371</v>
      </c>
      <c r="BU49" s="16">
        <v>706834</v>
      </c>
      <c r="BV49" s="16">
        <v>684936</v>
      </c>
      <c r="BW49" s="16">
        <v>716452</v>
      </c>
      <c r="BX49" s="16">
        <v>735734</v>
      </c>
      <c r="BY49" s="16">
        <v>730784</v>
      </c>
      <c r="BZ49" s="16">
        <v>768394</v>
      </c>
      <c r="CA49" s="16">
        <v>804441</v>
      </c>
      <c r="CB49" s="16">
        <v>843806</v>
      </c>
      <c r="CC49" s="16">
        <v>893927</v>
      </c>
      <c r="CD49" s="16">
        <v>969386</v>
      </c>
      <c r="CE49" s="16">
        <v>944711</v>
      </c>
      <c r="CF49" s="16">
        <v>884767</v>
      </c>
      <c r="CG49" s="16">
        <v>535397</v>
      </c>
      <c r="CH49" s="16">
        <v>558373</v>
      </c>
      <c r="CI49" s="16">
        <v>667148</v>
      </c>
      <c r="CJ49" s="16">
        <v>630180</v>
      </c>
      <c r="CK49" s="16">
        <v>630242</v>
      </c>
      <c r="CL49" s="16">
        <v>593445</v>
      </c>
      <c r="CM49" s="16">
        <v>517309</v>
      </c>
      <c r="CN49" s="16">
        <v>429584</v>
      </c>
      <c r="CO49" s="16">
        <v>432676</v>
      </c>
      <c r="CP49" s="16">
        <v>418613</v>
      </c>
      <c r="CQ49" s="16">
        <v>389708</v>
      </c>
      <c r="CR49" s="16">
        <v>339914</v>
      </c>
      <c r="CS49" s="16">
        <v>291038</v>
      </c>
      <c r="CT49" s="16">
        <v>259622</v>
      </c>
      <c r="CU49" s="16">
        <v>223473</v>
      </c>
      <c r="CV49" s="16">
        <v>185466</v>
      </c>
      <c r="CW49" s="16">
        <v>149595</v>
      </c>
      <c r="CX49" s="16">
        <v>121003</v>
      </c>
      <c r="CY49" s="16">
        <v>95793</v>
      </c>
      <c r="CZ49" s="16">
        <v>70463</v>
      </c>
      <c r="DA49" s="16">
        <v>52794</v>
      </c>
      <c r="DB49" s="16">
        <v>36510</v>
      </c>
      <c r="DC49" s="16">
        <v>23994</v>
      </c>
      <c r="DD49" s="16">
        <v>15290</v>
      </c>
      <c r="DE49" s="16">
        <v>9797</v>
      </c>
      <c r="DF49" s="16">
        <v>6222</v>
      </c>
      <c r="DG49" s="16">
        <v>9719</v>
      </c>
      <c r="DH49" s="16">
        <v>511765</v>
      </c>
      <c r="DI49" s="16">
        <v>7532591</v>
      </c>
      <c r="DJ49" s="16">
        <v>35761865</v>
      </c>
      <c r="DK49" s="16">
        <v>15269318</v>
      </c>
      <c r="DL49" s="16">
        <v>7157971</v>
      </c>
      <c r="DM49" s="16">
        <v>1890693</v>
      </c>
      <c r="DN49" s="16">
        <v>36809769</v>
      </c>
      <c r="DO49" s="17">
        <v>46.249090000000002</v>
      </c>
      <c r="DP49" s="17">
        <v>47.48556</v>
      </c>
    </row>
    <row r="50" spans="1:120">
      <c r="A50" s="21" t="s">
        <v>395</v>
      </c>
      <c r="B50" s="21" t="s">
        <v>215</v>
      </c>
      <c r="C50" s="21" t="s">
        <v>232</v>
      </c>
      <c r="D50" s="21" t="s">
        <v>237</v>
      </c>
      <c r="E50" s="21" t="s">
        <v>238</v>
      </c>
      <c r="F50" s="21" t="s">
        <v>235</v>
      </c>
      <c r="G50" s="21" t="s">
        <v>237</v>
      </c>
      <c r="H50" s="21" t="s">
        <v>238</v>
      </c>
      <c r="I50" s="21" t="s">
        <v>239</v>
      </c>
      <c r="J50" s="16">
        <v>806900</v>
      </c>
      <c r="K50" s="16">
        <v>6340</v>
      </c>
      <c r="L50" s="16">
        <v>6768</v>
      </c>
      <c r="M50" s="16">
        <v>7095</v>
      </c>
      <c r="N50" s="16">
        <v>7269</v>
      </c>
      <c r="O50" s="16">
        <v>7614</v>
      </c>
      <c r="P50" s="16">
        <v>7739</v>
      </c>
      <c r="Q50" s="16">
        <v>7872</v>
      </c>
      <c r="R50" s="16">
        <v>8150</v>
      </c>
      <c r="S50" s="16">
        <v>8275</v>
      </c>
      <c r="T50" s="16">
        <v>8251</v>
      </c>
      <c r="U50" s="16">
        <v>8294</v>
      </c>
      <c r="V50" s="16">
        <v>8145</v>
      </c>
      <c r="W50" s="16">
        <v>8405</v>
      </c>
      <c r="X50" s="16">
        <v>8215</v>
      </c>
      <c r="Y50" s="16">
        <v>8052</v>
      </c>
      <c r="Z50" s="16">
        <v>8196</v>
      </c>
      <c r="AA50" s="16">
        <v>8788</v>
      </c>
      <c r="AB50" s="16">
        <v>8550</v>
      </c>
      <c r="AC50" s="16">
        <v>8006</v>
      </c>
      <c r="AD50" s="16">
        <v>7105</v>
      </c>
      <c r="AE50" s="16">
        <v>6904</v>
      </c>
      <c r="AF50" s="16">
        <v>6563</v>
      </c>
      <c r="AG50" s="16">
        <v>6633</v>
      </c>
      <c r="AH50" s="16">
        <v>6433</v>
      </c>
      <c r="AI50" s="16">
        <v>6508</v>
      </c>
      <c r="AJ50" s="16">
        <v>6536</v>
      </c>
      <c r="AK50" s="16">
        <v>6560</v>
      </c>
      <c r="AL50" s="16">
        <v>6814</v>
      </c>
      <c r="AM50" s="16">
        <v>6976</v>
      </c>
      <c r="AN50" s="16">
        <v>6959</v>
      </c>
      <c r="AO50" s="16">
        <v>7203</v>
      </c>
      <c r="AP50" s="16">
        <v>7623</v>
      </c>
      <c r="AQ50" s="16">
        <v>8023</v>
      </c>
      <c r="AR50" s="16">
        <v>8304</v>
      </c>
      <c r="AS50" s="16">
        <v>8724</v>
      </c>
      <c r="AT50" s="16">
        <v>9106</v>
      </c>
      <c r="AU50" s="16">
        <v>9477</v>
      </c>
      <c r="AV50" s="16">
        <v>9438</v>
      </c>
      <c r="AW50" s="16">
        <v>9628</v>
      </c>
      <c r="AX50" s="16">
        <v>9661</v>
      </c>
      <c r="AY50" s="16">
        <v>10134</v>
      </c>
      <c r="AZ50" s="16">
        <v>10210</v>
      </c>
      <c r="BA50" s="16">
        <v>10423</v>
      </c>
      <c r="BB50" s="16">
        <v>10651</v>
      </c>
      <c r="BC50" s="16">
        <v>10938</v>
      </c>
      <c r="BD50" s="16">
        <v>11002</v>
      </c>
      <c r="BE50" s="16">
        <v>11469</v>
      </c>
      <c r="BF50" s="16">
        <v>11081</v>
      </c>
      <c r="BG50" s="16">
        <v>11031</v>
      </c>
      <c r="BH50" s="16">
        <v>10334</v>
      </c>
      <c r="BI50" s="16">
        <v>9957</v>
      </c>
      <c r="BJ50" s="16">
        <v>9949</v>
      </c>
      <c r="BK50" s="16">
        <v>9877</v>
      </c>
      <c r="BL50" s="16">
        <v>10293</v>
      </c>
      <c r="BM50" s="16">
        <v>8287</v>
      </c>
      <c r="BN50" s="16">
        <v>10329</v>
      </c>
      <c r="BO50" s="16">
        <v>9918</v>
      </c>
      <c r="BP50" s="16">
        <v>9986</v>
      </c>
      <c r="BQ50" s="16">
        <v>10169</v>
      </c>
      <c r="BR50" s="16">
        <v>10263</v>
      </c>
      <c r="BS50" s="16">
        <v>10738</v>
      </c>
      <c r="BT50" s="16">
        <v>11250</v>
      </c>
      <c r="BU50" s="16">
        <v>10958</v>
      </c>
      <c r="BV50" s="16">
        <v>10974</v>
      </c>
      <c r="BW50" s="16">
        <v>11897</v>
      </c>
      <c r="BX50" s="16">
        <v>11955</v>
      </c>
      <c r="BY50" s="16">
        <v>11998</v>
      </c>
      <c r="BZ50" s="16">
        <v>12489</v>
      </c>
      <c r="CA50" s="16">
        <v>13003</v>
      </c>
      <c r="CB50" s="16">
        <v>13205</v>
      </c>
      <c r="CC50" s="16">
        <v>13498</v>
      </c>
      <c r="CD50" s="16">
        <v>14133</v>
      </c>
      <c r="CE50" s="16">
        <v>13334</v>
      </c>
      <c r="CF50" s="16">
        <v>12531</v>
      </c>
      <c r="CG50" s="16">
        <v>7323</v>
      </c>
      <c r="CH50" s="16">
        <v>7514</v>
      </c>
      <c r="CI50" s="16">
        <v>8725</v>
      </c>
      <c r="CJ50" s="16">
        <v>7976</v>
      </c>
      <c r="CK50" s="16">
        <v>7888</v>
      </c>
      <c r="CL50" s="16">
        <v>7913</v>
      </c>
      <c r="CM50" s="16">
        <v>6997</v>
      </c>
      <c r="CN50" s="16">
        <v>6320</v>
      </c>
      <c r="CO50" s="16">
        <v>6277</v>
      </c>
      <c r="CP50" s="16">
        <v>6613</v>
      </c>
      <c r="CQ50" s="16">
        <v>5972</v>
      </c>
      <c r="CR50" s="16">
        <v>5513</v>
      </c>
      <c r="CS50" s="16">
        <v>4862</v>
      </c>
      <c r="CT50" s="16">
        <v>4446</v>
      </c>
      <c r="CU50" s="16">
        <v>3902</v>
      </c>
      <c r="CV50" s="16">
        <v>3319</v>
      </c>
      <c r="CW50" s="16">
        <v>2723</v>
      </c>
      <c r="CX50" s="16">
        <v>2297</v>
      </c>
      <c r="CY50" s="16">
        <v>1789</v>
      </c>
      <c r="CZ50" s="16">
        <v>1376</v>
      </c>
      <c r="DA50" s="16">
        <v>1003</v>
      </c>
      <c r="DB50" s="16">
        <v>681</v>
      </c>
      <c r="DC50" s="16">
        <v>492</v>
      </c>
      <c r="DD50" s="16">
        <v>296</v>
      </c>
      <c r="DE50" s="16">
        <v>211</v>
      </c>
      <c r="DF50" s="16">
        <v>140</v>
      </c>
      <c r="DG50" s="16">
        <v>205</v>
      </c>
      <c r="DH50" s="16">
        <v>4661</v>
      </c>
      <c r="DI50" s="16">
        <v>116484</v>
      </c>
      <c r="DJ50" s="16">
        <v>456836</v>
      </c>
      <c r="DK50" s="16">
        <v>228919</v>
      </c>
      <c r="DL50" s="16">
        <v>105450</v>
      </c>
      <c r="DM50" s="16">
        <v>33255</v>
      </c>
      <c r="DN50" s="16">
        <v>478841</v>
      </c>
      <c r="DO50" s="17">
        <v>46.72871</v>
      </c>
      <c r="DP50" s="17">
        <v>48.363480000000003</v>
      </c>
    </row>
    <row r="51" spans="1:120">
      <c r="A51" s="21" t="s">
        <v>395</v>
      </c>
      <c r="B51" s="21" t="s">
        <v>215</v>
      </c>
      <c r="C51" s="21" t="s">
        <v>240</v>
      </c>
      <c r="D51" s="21" t="s">
        <v>237</v>
      </c>
      <c r="E51" s="21" t="s">
        <v>241</v>
      </c>
      <c r="F51" s="21"/>
      <c r="G51" s="21" t="s">
        <v>237</v>
      </c>
      <c r="H51" s="21" t="s">
        <v>241</v>
      </c>
      <c r="I51" s="21" t="s">
        <v>242</v>
      </c>
      <c r="J51" s="16">
        <v>56474</v>
      </c>
      <c r="K51" s="16">
        <v>399</v>
      </c>
      <c r="L51" s="16">
        <v>402</v>
      </c>
      <c r="M51" s="16">
        <v>421</v>
      </c>
      <c r="N51" s="16">
        <v>475</v>
      </c>
      <c r="O51" s="16">
        <v>514</v>
      </c>
      <c r="P51" s="16">
        <v>461</v>
      </c>
      <c r="Q51" s="16">
        <v>510</v>
      </c>
      <c r="R51" s="16">
        <v>520</v>
      </c>
      <c r="S51" s="16">
        <v>534</v>
      </c>
      <c r="T51" s="16">
        <v>553</v>
      </c>
      <c r="U51" s="16">
        <v>500</v>
      </c>
      <c r="V51" s="16">
        <v>553</v>
      </c>
      <c r="W51" s="16">
        <v>568</v>
      </c>
      <c r="X51" s="16">
        <v>529</v>
      </c>
      <c r="Y51" s="16">
        <v>531</v>
      </c>
      <c r="Z51" s="16">
        <v>610</v>
      </c>
      <c r="AA51" s="16">
        <v>666</v>
      </c>
      <c r="AB51" s="16">
        <v>678</v>
      </c>
      <c r="AC51" s="16">
        <v>577</v>
      </c>
      <c r="AD51" s="16">
        <v>433</v>
      </c>
      <c r="AE51" s="16">
        <v>385</v>
      </c>
      <c r="AF51" s="16">
        <v>358</v>
      </c>
      <c r="AG51" s="16">
        <v>364</v>
      </c>
      <c r="AH51" s="16">
        <v>383</v>
      </c>
      <c r="AI51" s="16">
        <v>405</v>
      </c>
      <c r="AJ51" s="16">
        <v>392</v>
      </c>
      <c r="AK51" s="16">
        <v>407</v>
      </c>
      <c r="AL51" s="16">
        <v>453</v>
      </c>
      <c r="AM51" s="16">
        <v>436</v>
      </c>
      <c r="AN51" s="16">
        <v>444</v>
      </c>
      <c r="AO51" s="16">
        <v>466</v>
      </c>
      <c r="AP51" s="16">
        <v>456</v>
      </c>
      <c r="AQ51" s="16">
        <v>507</v>
      </c>
      <c r="AR51" s="16">
        <v>529</v>
      </c>
      <c r="AS51" s="16">
        <v>579</v>
      </c>
      <c r="AT51" s="16">
        <v>576</v>
      </c>
      <c r="AU51" s="16">
        <v>589</v>
      </c>
      <c r="AV51" s="16">
        <v>601</v>
      </c>
      <c r="AW51" s="16">
        <v>668</v>
      </c>
      <c r="AX51" s="16">
        <v>640</v>
      </c>
      <c r="AY51" s="16">
        <v>630</v>
      </c>
      <c r="AZ51" s="16">
        <v>668</v>
      </c>
      <c r="BA51" s="16">
        <v>696</v>
      </c>
      <c r="BB51" s="16">
        <v>670</v>
      </c>
      <c r="BC51" s="16">
        <v>732</v>
      </c>
      <c r="BD51" s="16">
        <v>704</v>
      </c>
      <c r="BE51" s="16">
        <v>770</v>
      </c>
      <c r="BF51" s="16">
        <v>759</v>
      </c>
      <c r="BG51" s="16">
        <v>750</v>
      </c>
      <c r="BH51" s="16">
        <v>722</v>
      </c>
      <c r="BI51" s="16">
        <v>730</v>
      </c>
      <c r="BJ51" s="16">
        <v>712</v>
      </c>
      <c r="BK51" s="16">
        <v>725</v>
      </c>
      <c r="BL51" s="16">
        <v>769</v>
      </c>
      <c r="BM51" s="16">
        <v>616</v>
      </c>
      <c r="BN51" s="16">
        <v>763</v>
      </c>
      <c r="BO51" s="16">
        <v>753</v>
      </c>
      <c r="BP51" s="16">
        <v>722</v>
      </c>
      <c r="BQ51" s="16">
        <v>775</v>
      </c>
      <c r="BR51" s="16">
        <v>756</v>
      </c>
      <c r="BS51" s="16">
        <v>807</v>
      </c>
      <c r="BT51" s="16">
        <v>843</v>
      </c>
      <c r="BU51" s="16">
        <v>817</v>
      </c>
      <c r="BV51" s="16">
        <v>846</v>
      </c>
      <c r="BW51" s="16">
        <v>839</v>
      </c>
      <c r="BX51" s="16">
        <v>938</v>
      </c>
      <c r="BY51" s="16">
        <v>899</v>
      </c>
      <c r="BZ51" s="16">
        <v>889</v>
      </c>
      <c r="CA51" s="16">
        <v>1019</v>
      </c>
      <c r="CB51" s="16">
        <v>917</v>
      </c>
      <c r="CC51" s="16">
        <v>1024</v>
      </c>
      <c r="CD51" s="16">
        <v>1140</v>
      </c>
      <c r="CE51" s="16">
        <v>978</v>
      </c>
      <c r="CF51" s="16">
        <v>975</v>
      </c>
      <c r="CG51" s="16">
        <v>515</v>
      </c>
      <c r="CH51" s="16">
        <v>596</v>
      </c>
      <c r="CI51" s="16">
        <v>745</v>
      </c>
      <c r="CJ51" s="16">
        <v>593</v>
      </c>
      <c r="CK51" s="16">
        <v>652</v>
      </c>
      <c r="CL51" s="16">
        <v>622</v>
      </c>
      <c r="CM51" s="16">
        <v>518</v>
      </c>
      <c r="CN51" s="16">
        <v>506</v>
      </c>
      <c r="CO51" s="16">
        <v>491</v>
      </c>
      <c r="CP51" s="16">
        <v>526</v>
      </c>
      <c r="CQ51" s="16">
        <v>490</v>
      </c>
      <c r="CR51" s="16">
        <v>442</v>
      </c>
      <c r="CS51" s="16">
        <v>406</v>
      </c>
      <c r="CT51" s="16">
        <v>371</v>
      </c>
      <c r="CU51" s="16">
        <v>310</v>
      </c>
      <c r="CV51" s="16">
        <v>242</v>
      </c>
      <c r="CW51" s="16">
        <v>212</v>
      </c>
      <c r="CX51" s="16">
        <v>186</v>
      </c>
      <c r="CY51" s="16">
        <v>111</v>
      </c>
      <c r="CZ51" s="16">
        <v>114</v>
      </c>
      <c r="DA51" s="16">
        <v>85</v>
      </c>
      <c r="DB51" s="16">
        <v>43</v>
      </c>
      <c r="DC51" s="16">
        <v>33</v>
      </c>
      <c r="DD51" s="16">
        <v>16</v>
      </c>
      <c r="DE51" s="16">
        <v>13</v>
      </c>
      <c r="DF51" s="16">
        <v>10</v>
      </c>
      <c r="DG51" s="16">
        <v>10</v>
      </c>
      <c r="DH51" s="16">
        <v>191</v>
      </c>
      <c r="DI51" s="16">
        <v>7470</v>
      </c>
      <c r="DJ51" s="16">
        <v>31176</v>
      </c>
      <c r="DK51" s="16">
        <v>17637</v>
      </c>
      <c r="DL51" s="16">
        <v>8343</v>
      </c>
      <c r="DM51" s="16">
        <v>2604</v>
      </c>
      <c r="DN51" s="16">
        <v>32874</v>
      </c>
      <c r="DO51" s="17">
        <v>48.535620000000002</v>
      </c>
      <c r="DP51" s="17">
        <v>51.334969999999998</v>
      </c>
    </row>
    <row r="52" spans="1:120">
      <c r="A52" s="21" t="s">
        <v>395</v>
      </c>
      <c r="B52" s="21" t="s">
        <v>215</v>
      </c>
      <c r="C52" s="21" t="s">
        <v>243</v>
      </c>
      <c r="D52" s="21" t="s">
        <v>237</v>
      </c>
      <c r="E52" s="21" t="s">
        <v>241</v>
      </c>
      <c r="F52" s="21" t="s">
        <v>235</v>
      </c>
      <c r="G52" s="21" t="s">
        <v>237</v>
      </c>
      <c r="H52" s="21" t="s">
        <v>241</v>
      </c>
      <c r="I52" s="21" t="s">
        <v>244</v>
      </c>
      <c r="J52" s="16">
        <v>44231</v>
      </c>
      <c r="K52" s="16">
        <v>331</v>
      </c>
      <c r="L52" s="16">
        <v>305</v>
      </c>
      <c r="M52" s="16">
        <v>317</v>
      </c>
      <c r="N52" s="16">
        <v>382</v>
      </c>
      <c r="O52" s="16">
        <v>390</v>
      </c>
      <c r="P52" s="16">
        <v>365</v>
      </c>
      <c r="Q52" s="16">
        <v>398</v>
      </c>
      <c r="R52" s="16">
        <v>407</v>
      </c>
      <c r="S52" s="16">
        <v>430</v>
      </c>
      <c r="T52" s="16">
        <v>417</v>
      </c>
      <c r="U52" s="16">
        <v>388</v>
      </c>
      <c r="V52" s="16">
        <v>433</v>
      </c>
      <c r="W52" s="16">
        <v>450</v>
      </c>
      <c r="X52" s="16">
        <v>421</v>
      </c>
      <c r="Y52" s="16">
        <v>400</v>
      </c>
      <c r="Z52" s="16">
        <v>508</v>
      </c>
      <c r="AA52" s="16">
        <v>571</v>
      </c>
      <c r="AB52" s="16">
        <v>548</v>
      </c>
      <c r="AC52" s="16">
        <v>482</v>
      </c>
      <c r="AD52" s="16">
        <v>349</v>
      </c>
      <c r="AE52" s="16">
        <v>325</v>
      </c>
      <c r="AF52" s="16">
        <v>299</v>
      </c>
      <c r="AG52" s="16">
        <v>308</v>
      </c>
      <c r="AH52" s="16">
        <v>319</v>
      </c>
      <c r="AI52" s="16">
        <v>327</v>
      </c>
      <c r="AJ52" s="16">
        <v>330</v>
      </c>
      <c r="AK52" s="16">
        <v>334</v>
      </c>
      <c r="AL52" s="16">
        <v>373</v>
      </c>
      <c r="AM52" s="16">
        <v>366</v>
      </c>
      <c r="AN52" s="16">
        <v>364</v>
      </c>
      <c r="AO52" s="16">
        <v>369</v>
      </c>
      <c r="AP52" s="16">
        <v>367</v>
      </c>
      <c r="AQ52" s="16">
        <v>411</v>
      </c>
      <c r="AR52" s="16">
        <v>437</v>
      </c>
      <c r="AS52" s="16">
        <v>476</v>
      </c>
      <c r="AT52" s="16">
        <v>482</v>
      </c>
      <c r="AU52" s="16">
        <v>469</v>
      </c>
      <c r="AV52" s="16">
        <v>463</v>
      </c>
      <c r="AW52" s="16">
        <v>535</v>
      </c>
      <c r="AX52" s="16">
        <v>512</v>
      </c>
      <c r="AY52" s="16">
        <v>484</v>
      </c>
      <c r="AZ52" s="16">
        <v>537</v>
      </c>
      <c r="BA52" s="16">
        <v>557</v>
      </c>
      <c r="BB52" s="16">
        <v>541</v>
      </c>
      <c r="BC52" s="16">
        <v>604</v>
      </c>
      <c r="BD52" s="16">
        <v>552</v>
      </c>
      <c r="BE52" s="16">
        <v>625</v>
      </c>
      <c r="BF52" s="16">
        <v>614</v>
      </c>
      <c r="BG52" s="16">
        <v>606</v>
      </c>
      <c r="BH52" s="16">
        <v>604</v>
      </c>
      <c r="BI52" s="16">
        <v>565</v>
      </c>
      <c r="BJ52" s="16">
        <v>564</v>
      </c>
      <c r="BK52" s="16">
        <v>582</v>
      </c>
      <c r="BL52" s="16">
        <v>599</v>
      </c>
      <c r="BM52" s="16">
        <v>471</v>
      </c>
      <c r="BN52" s="16">
        <v>604</v>
      </c>
      <c r="BO52" s="16">
        <v>572</v>
      </c>
      <c r="BP52" s="16">
        <v>551</v>
      </c>
      <c r="BQ52" s="16">
        <v>600</v>
      </c>
      <c r="BR52" s="16">
        <v>567</v>
      </c>
      <c r="BS52" s="16">
        <v>616</v>
      </c>
      <c r="BT52" s="16">
        <v>645</v>
      </c>
      <c r="BU52" s="16">
        <v>605</v>
      </c>
      <c r="BV52" s="16">
        <v>645</v>
      </c>
      <c r="BW52" s="16">
        <v>641</v>
      </c>
      <c r="BX52" s="16">
        <v>711</v>
      </c>
      <c r="BY52" s="16">
        <v>682</v>
      </c>
      <c r="BZ52" s="16">
        <v>680</v>
      </c>
      <c r="CA52" s="16">
        <v>759</v>
      </c>
      <c r="CB52" s="16">
        <v>721</v>
      </c>
      <c r="CC52" s="16">
        <v>759</v>
      </c>
      <c r="CD52" s="16">
        <v>881</v>
      </c>
      <c r="CE52" s="16">
        <v>738</v>
      </c>
      <c r="CF52" s="16">
        <v>757</v>
      </c>
      <c r="CG52" s="16">
        <v>395</v>
      </c>
      <c r="CH52" s="16">
        <v>452</v>
      </c>
      <c r="CI52" s="16">
        <v>563</v>
      </c>
      <c r="CJ52" s="16">
        <v>461</v>
      </c>
      <c r="CK52" s="16">
        <v>492</v>
      </c>
      <c r="CL52" s="16">
        <v>472</v>
      </c>
      <c r="CM52" s="16">
        <v>374</v>
      </c>
      <c r="CN52" s="16">
        <v>383</v>
      </c>
      <c r="CO52" s="16">
        <v>359</v>
      </c>
      <c r="CP52" s="16">
        <v>394</v>
      </c>
      <c r="CQ52" s="16">
        <v>356</v>
      </c>
      <c r="CR52" s="16">
        <v>337</v>
      </c>
      <c r="CS52" s="16">
        <v>309</v>
      </c>
      <c r="CT52" s="16">
        <v>278</v>
      </c>
      <c r="CU52" s="16">
        <v>229</v>
      </c>
      <c r="CV52" s="16">
        <v>165</v>
      </c>
      <c r="CW52" s="16">
        <v>165</v>
      </c>
      <c r="CX52" s="16">
        <v>135</v>
      </c>
      <c r="CY52" s="16">
        <v>85</v>
      </c>
      <c r="CZ52" s="16">
        <v>86</v>
      </c>
      <c r="DA52" s="16">
        <v>67</v>
      </c>
      <c r="DB52" s="16">
        <v>38</v>
      </c>
      <c r="DC52" s="16">
        <v>27</v>
      </c>
      <c r="DD52" s="16">
        <v>13</v>
      </c>
      <c r="DE52" s="16">
        <v>10</v>
      </c>
      <c r="DF52" s="16">
        <v>9</v>
      </c>
      <c r="DG52" s="16">
        <v>7</v>
      </c>
      <c r="DH52" s="16">
        <v>173</v>
      </c>
      <c r="DI52" s="16">
        <v>5834</v>
      </c>
      <c r="DJ52" s="16">
        <v>24875</v>
      </c>
      <c r="DK52" s="16">
        <v>13349</v>
      </c>
      <c r="DL52" s="16">
        <v>6266</v>
      </c>
      <c r="DM52" s="16">
        <v>1960</v>
      </c>
      <c r="DN52" s="16">
        <v>25970</v>
      </c>
      <c r="DO52" s="17">
        <v>47.954540000000001</v>
      </c>
      <c r="DP52" s="17">
        <v>50.260179999999998</v>
      </c>
    </row>
    <row r="53" spans="1:120">
      <c r="A53" s="21" t="s">
        <v>395</v>
      </c>
      <c r="B53" s="21" t="s">
        <v>215</v>
      </c>
      <c r="C53" s="21" t="s">
        <v>243</v>
      </c>
      <c r="D53" s="21" t="s">
        <v>237</v>
      </c>
      <c r="E53" s="21" t="s">
        <v>245</v>
      </c>
      <c r="F53" s="21" t="s">
        <v>235</v>
      </c>
      <c r="G53" s="21" t="s">
        <v>237</v>
      </c>
      <c r="H53" s="21" t="s">
        <v>241</v>
      </c>
      <c r="I53" s="21" t="s">
        <v>246</v>
      </c>
      <c r="J53" s="16">
        <v>1070</v>
      </c>
      <c r="K53" s="16">
        <v>3</v>
      </c>
      <c r="L53" s="16">
        <v>1</v>
      </c>
      <c r="M53" s="16">
        <v>4</v>
      </c>
      <c r="N53" s="16">
        <v>2</v>
      </c>
      <c r="O53" s="16">
        <v>2</v>
      </c>
      <c r="P53" s="16">
        <v>1</v>
      </c>
      <c r="Q53" s="22" t="s">
        <v>268</v>
      </c>
      <c r="R53" s="16">
        <v>2</v>
      </c>
      <c r="S53" s="16">
        <v>1</v>
      </c>
      <c r="T53" s="16">
        <v>5</v>
      </c>
      <c r="U53" s="16">
        <v>4</v>
      </c>
      <c r="V53" s="16">
        <v>3</v>
      </c>
      <c r="W53" s="16">
        <v>2</v>
      </c>
      <c r="X53" s="16">
        <v>4</v>
      </c>
      <c r="Y53" s="16">
        <v>4</v>
      </c>
      <c r="Z53" s="16">
        <v>5</v>
      </c>
      <c r="AA53" s="16">
        <v>3</v>
      </c>
      <c r="AB53" s="16">
        <v>3</v>
      </c>
      <c r="AC53" s="16">
        <v>1</v>
      </c>
      <c r="AD53" s="16">
        <v>5</v>
      </c>
      <c r="AE53" s="16">
        <v>1</v>
      </c>
      <c r="AF53" s="16">
        <v>4</v>
      </c>
      <c r="AG53" s="16">
        <v>4</v>
      </c>
      <c r="AH53" s="16">
        <v>6</v>
      </c>
      <c r="AI53" s="22" t="s">
        <v>268</v>
      </c>
      <c r="AJ53" s="16">
        <v>2</v>
      </c>
      <c r="AK53" s="16">
        <v>8</v>
      </c>
      <c r="AL53" s="16">
        <v>8</v>
      </c>
      <c r="AM53" s="16">
        <v>4</v>
      </c>
      <c r="AN53" s="16">
        <v>5</v>
      </c>
      <c r="AO53" s="16">
        <v>6</v>
      </c>
      <c r="AP53" s="16">
        <v>5</v>
      </c>
      <c r="AQ53" s="16">
        <v>5</v>
      </c>
      <c r="AR53" s="16">
        <v>4</v>
      </c>
      <c r="AS53" s="16">
        <v>4</v>
      </c>
      <c r="AT53" s="16">
        <v>4</v>
      </c>
      <c r="AU53" s="16">
        <v>7</v>
      </c>
      <c r="AV53" s="16">
        <v>10</v>
      </c>
      <c r="AW53" s="16">
        <v>6</v>
      </c>
      <c r="AX53" s="16">
        <v>6</v>
      </c>
      <c r="AY53" s="16">
        <v>6</v>
      </c>
      <c r="AZ53" s="16">
        <v>5</v>
      </c>
      <c r="BA53" s="16">
        <v>11</v>
      </c>
      <c r="BB53" s="16">
        <v>8</v>
      </c>
      <c r="BC53" s="16">
        <v>9</v>
      </c>
      <c r="BD53" s="16">
        <v>7</v>
      </c>
      <c r="BE53" s="16">
        <v>11</v>
      </c>
      <c r="BF53" s="16">
        <v>4</v>
      </c>
      <c r="BG53" s="16">
        <v>4</v>
      </c>
      <c r="BH53" s="16">
        <v>8</v>
      </c>
      <c r="BI53" s="16">
        <v>12</v>
      </c>
      <c r="BJ53" s="16">
        <v>14</v>
      </c>
      <c r="BK53" s="16">
        <v>8</v>
      </c>
      <c r="BL53" s="16">
        <v>5</v>
      </c>
      <c r="BM53" s="16">
        <v>10</v>
      </c>
      <c r="BN53" s="16">
        <v>14</v>
      </c>
      <c r="BO53" s="16">
        <v>14</v>
      </c>
      <c r="BP53" s="16">
        <v>17</v>
      </c>
      <c r="BQ53" s="16">
        <v>18</v>
      </c>
      <c r="BR53" s="16">
        <v>17</v>
      </c>
      <c r="BS53" s="16">
        <v>26</v>
      </c>
      <c r="BT53" s="16">
        <v>13</v>
      </c>
      <c r="BU53" s="16">
        <v>31</v>
      </c>
      <c r="BV53" s="16">
        <v>27</v>
      </c>
      <c r="BW53" s="16">
        <v>19</v>
      </c>
      <c r="BX53" s="16">
        <v>31</v>
      </c>
      <c r="BY53" s="16">
        <v>30</v>
      </c>
      <c r="BZ53" s="16">
        <v>29</v>
      </c>
      <c r="CA53" s="16">
        <v>33</v>
      </c>
      <c r="CB53" s="16">
        <v>29</v>
      </c>
      <c r="CC53" s="16">
        <v>36</v>
      </c>
      <c r="CD53" s="16">
        <v>39</v>
      </c>
      <c r="CE53" s="16">
        <v>28</v>
      </c>
      <c r="CF53" s="16">
        <v>32</v>
      </c>
      <c r="CG53" s="16">
        <v>14</v>
      </c>
      <c r="CH53" s="16">
        <v>12</v>
      </c>
      <c r="CI53" s="16">
        <v>28</v>
      </c>
      <c r="CJ53" s="16">
        <v>18</v>
      </c>
      <c r="CK53" s="16">
        <v>17</v>
      </c>
      <c r="CL53" s="16">
        <v>16</v>
      </c>
      <c r="CM53" s="16">
        <v>22</v>
      </c>
      <c r="CN53" s="16">
        <v>18</v>
      </c>
      <c r="CO53" s="16">
        <v>15</v>
      </c>
      <c r="CP53" s="16">
        <v>22</v>
      </c>
      <c r="CQ53" s="16">
        <v>26</v>
      </c>
      <c r="CR53" s="16">
        <v>12</v>
      </c>
      <c r="CS53" s="16">
        <v>12</v>
      </c>
      <c r="CT53" s="16">
        <v>12</v>
      </c>
      <c r="CU53" s="16">
        <v>17</v>
      </c>
      <c r="CV53" s="16">
        <v>12</v>
      </c>
      <c r="CW53" s="16">
        <v>10</v>
      </c>
      <c r="CX53" s="16">
        <v>14</v>
      </c>
      <c r="CY53" s="16">
        <v>6</v>
      </c>
      <c r="CZ53" s="16">
        <v>4</v>
      </c>
      <c r="DA53" s="16">
        <v>1</v>
      </c>
      <c r="DB53" s="22" t="s">
        <v>268</v>
      </c>
      <c r="DC53" s="16">
        <v>1</v>
      </c>
      <c r="DD53" s="22" t="s">
        <v>268</v>
      </c>
      <c r="DE53" s="16">
        <v>1</v>
      </c>
      <c r="DF53" s="16">
        <v>1</v>
      </c>
      <c r="DG53" s="22" t="s">
        <v>268</v>
      </c>
      <c r="DH53" s="22" t="s">
        <v>268</v>
      </c>
      <c r="DI53" s="16">
        <v>38</v>
      </c>
      <c r="DJ53" s="16">
        <v>434</v>
      </c>
      <c r="DK53" s="16">
        <v>598</v>
      </c>
      <c r="DL53" s="16">
        <v>297</v>
      </c>
      <c r="DM53" s="16">
        <v>103</v>
      </c>
      <c r="DN53" s="16">
        <v>569</v>
      </c>
      <c r="DO53" s="17">
        <v>62.779440000000001</v>
      </c>
      <c r="DP53" s="17">
        <v>67.068969999999993</v>
      </c>
    </row>
    <row r="54" spans="1:120">
      <c r="A54" s="21" t="s">
        <v>395</v>
      </c>
      <c r="B54" s="21" t="s">
        <v>215</v>
      </c>
      <c r="C54" s="21" t="s">
        <v>243</v>
      </c>
      <c r="D54" s="21" t="s">
        <v>237</v>
      </c>
      <c r="E54" s="21" t="s">
        <v>247</v>
      </c>
      <c r="F54" s="21" t="s">
        <v>235</v>
      </c>
      <c r="G54" s="21" t="s">
        <v>237</v>
      </c>
      <c r="H54" s="21" t="s">
        <v>241</v>
      </c>
      <c r="I54" s="21" t="s">
        <v>248</v>
      </c>
      <c r="J54" s="16">
        <v>3308</v>
      </c>
      <c r="K54" s="16">
        <v>18</v>
      </c>
      <c r="L54" s="16">
        <v>38</v>
      </c>
      <c r="M54" s="16">
        <v>36</v>
      </c>
      <c r="N54" s="16">
        <v>32</v>
      </c>
      <c r="O54" s="16">
        <v>50</v>
      </c>
      <c r="P54" s="16">
        <v>33</v>
      </c>
      <c r="Q54" s="16">
        <v>39</v>
      </c>
      <c r="R54" s="16">
        <v>30</v>
      </c>
      <c r="S54" s="16">
        <v>29</v>
      </c>
      <c r="T54" s="16">
        <v>40</v>
      </c>
      <c r="U54" s="16">
        <v>47</v>
      </c>
      <c r="V54" s="16">
        <v>38</v>
      </c>
      <c r="W54" s="16">
        <v>34</v>
      </c>
      <c r="X54" s="16">
        <v>26</v>
      </c>
      <c r="Y54" s="16">
        <v>43</v>
      </c>
      <c r="Z54" s="16">
        <v>28</v>
      </c>
      <c r="AA54" s="16">
        <v>31</v>
      </c>
      <c r="AB54" s="16">
        <v>41</v>
      </c>
      <c r="AC54" s="16">
        <v>32</v>
      </c>
      <c r="AD54" s="16">
        <v>30</v>
      </c>
      <c r="AE54" s="16">
        <v>16</v>
      </c>
      <c r="AF54" s="16">
        <v>23</v>
      </c>
      <c r="AG54" s="16">
        <v>12</v>
      </c>
      <c r="AH54" s="16">
        <v>18</v>
      </c>
      <c r="AI54" s="16">
        <v>25</v>
      </c>
      <c r="AJ54" s="16">
        <v>23</v>
      </c>
      <c r="AK54" s="16">
        <v>20</v>
      </c>
      <c r="AL54" s="16">
        <v>27</v>
      </c>
      <c r="AM54" s="16">
        <v>24</v>
      </c>
      <c r="AN54" s="16">
        <v>19</v>
      </c>
      <c r="AO54" s="16">
        <v>30</v>
      </c>
      <c r="AP54" s="16">
        <v>30</v>
      </c>
      <c r="AQ54" s="16">
        <v>38</v>
      </c>
      <c r="AR54" s="16">
        <v>40</v>
      </c>
      <c r="AS54" s="16">
        <v>36</v>
      </c>
      <c r="AT54" s="16">
        <v>25</v>
      </c>
      <c r="AU54" s="16">
        <v>42</v>
      </c>
      <c r="AV54" s="16">
        <v>41</v>
      </c>
      <c r="AW54" s="16">
        <v>44</v>
      </c>
      <c r="AX54" s="16">
        <v>48</v>
      </c>
      <c r="AY54" s="16">
        <v>47</v>
      </c>
      <c r="AZ54" s="16">
        <v>29</v>
      </c>
      <c r="BA54" s="16">
        <v>40</v>
      </c>
      <c r="BB54" s="16">
        <v>40</v>
      </c>
      <c r="BC54" s="16">
        <v>31</v>
      </c>
      <c r="BD54" s="16">
        <v>49</v>
      </c>
      <c r="BE54" s="16">
        <v>45</v>
      </c>
      <c r="BF54" s="16">
        <v>50</v>
      </c>
      <c r="BG54" s="16">
        <v>50</v>
      </c>
      <c r="BH54" s="16">
        <v>33</v>
      </c>
      <c r="BI54" s="16">
        <v>54</v>
      </c>
      <c r="BJ54" s="16">
        <v>47</v>
      </c>
      <c r="BK54" s="16">
        <v>33</v>
      </c>
      <c r="BL54" s="16">
        <v>50</v>
      </c>
      <c r="BM54" s="16">
        <v>40</v>
      </c>
      <c r="BN54" s="16">
        <v>37</v>
      </c>
      <c r="BO54" s="16">
        <v>55</v>
      </c>
      <c r="BP54" s="16">
        <v>34</v>
      </c>
      <c r="BQ54" s="16">
        <v>41</v>
      </c>
      <c r="BR54" s="16">
        <v>51</v>
      </c>
      <c r="BS54" s="16">
        <v>43</v>
      </c>
      <c r="BT54" s="16">
        <v>57</v>
      </c>
      <c r="BU54" s="16">
        <v>57</v>
      </c>
      <c r="BV54" s="16">
        <v>41</v>
      </c>
      <c r="BW54" s="16">
        <v>45</v>
      </c>
      <c r="BX54" s="16">
        <v>48</v>
      </c>
      <c r="BY54" s="16">
        <v>46</v>
      </c>
      <c r="BZ54" s="16">
        <v>50</v>
      </c>
      <c r="CA54" s="16">
        <v>58</v>
      </c>
      <c r="CB54" s="16">
        <v>48</v>
      </c>
      <c r="CC54" s="16">
        <v>55</v>
      </c>
      <c r="CD54" s="16">
        <v>61</v>
      </c>
      <c r="CE54" s="16">
        <v>62</v>
      </c>
      <c r="CF54" s="16">
        <v>50</v>
      </c>
      <c r="CG54" s="16">
        <v>23</v>
      </c>
      <c r="CH54" s="16">
        <v>38</v>
      </c>
      <c r="CI54" s="16">
        <v>44</v>
      </c>
      <c r="CJ54" s="16">
        <v>28</v>
      </c>
      <c r="CK54" s="16">
        <v>45</v>
      </c>
      <c r="CL54" s="16">
        <v>32</v>
      </c>
      <c r="CM54" s="16">
        <v>29</v>
      </c>
      <c r="CN54" s="16">
        <v>23</v>
      </c>
      <c r="CO54" s="16">
        <v>15</v>
      </c>
      <c r="CP54" s="16">
        <v>24</v>
      </c>
      <c r="CQ54" s="16">
        <v>24</v>
      </c>
      <c r="CR54" s="16">
        <v>19</v>
      </c>
      <c r="CS54" s="16">
        <v>19</v>
      </c>
      <c r="CT54" s="16">
        <v>23</v>
      </c>
      <c r="CU54" s="16">
        <v>9</v>
      </c>
      <c r="CV54" s="16">
        <v>15</v>
      </c>
      <c r="CW54" s="16">
        <v>6</v>
      </c>
      <c r="CX54" s="16">
        <v>11</v>
      </c>
      <c r="CY54" s="16">
        <v>3</v>
      </c>
      <c r="CZ54" s="16">
        <v>10</v>
      </c>
      <c r="DA54" s="16">
        <v>4</v>
      </c>
      <c r="DB54" s="16">
        <v>2</v>
      </c>
      <c r="DC54" s="16">
        <v>1</v>
      </c>
      <c r="DD54" s="16">
        <v>1</v>
      </c>
      <c r="DE54" s="22" t="s">
        <v>268</v>
      </c>
      <c r="DF54" s="22" t="s">
        <v>268</v>
      </c>
      <c r="DG54" s="16">
        <v>1</v>
      </c>
      <c r="DH54" s="16">
        <v>6</v>
      </c>
      <c r="DI54" s="16">
        <v>533</v>
      </c>
      <c r="DJ54" s="16">
        <v>1842</v>
      </c>
      <c r="DK54" s="16">
        <v>927</v>
      </c>
      <c r="DL54" s="16">
        <v>426</v>
      </c>
      <c r="DM54" s="16">
        <v>124</v>
      </c>
      <c r="DN54" s="16">
        <v>1930</v>
      </c>
      <c r="DO54" s="17">
        <v>46.507869999999997</v>
      </c>
      <c r="DP54" s="17">
        <v>48.88</v>
      </c>
    </row>
    <row r="55" spans="1:120">
      <c r="A55" s="21" t="s">
        <v>395</v>
      </c>
      <c r="B55" s="21" t="s">
        <v>215</v>
      </c>
      <c r="C55" s="21" t="s">
        <v>243</v>
      </c>
      <c r="D55" s="21" t="s">
        <v>237</v>
      </c>
      <c r="E55" s="21" t="s">
        <v>249</v>
      </c>
      <c r="F55" s="21" t="s">
        <v>235</v>
      </c>
      <c r="G55" s="21" t="s">
        <v>237</v>
      </c>
      <c r="H55" s="21" t="s">
        <v>241</v>
      </c>
      <c r="I55" s="21" t="s">
        <v>250</v>
      </c>
      <c r="J55" s="16">
        <v>6221</v>
      </c>
      <c r="K55" s="16">
        <v>43</v>
      </c>
      <c r="L55" s="16">
        <v>54</v>
      </c>
      <c r="M55" s="16">
        <v>57</v>
      </c>
      <c r="N55" s="16">
        <v>54</v>
      </c>
      <c r="O55" s="16">
        <v>67</v>
      </c>
      <c r="P55" s="16">
        <v>55</v>
      </c>
      <c r="Q55" s="16">
        <v>63</v>
      </c>
      <c r="R55" s="16">
        <v>75</v>
      </c>
      <c r="S55" s="16">
        <v>66</v>
      </c>
      <c r="T55" s="16">
        <v>81</v>
      </c>
      <c r="U55" s="16">
        <v>56</v>
      </c>
      <c r="V55" s="16">
        <v>68</v>
      </c>
      <c r="W55" s="16">
        <v>71</v>
      </c>
      <c r="X55" s="16">
        <v>62</v>
      </c>
      <c r="Y55" s="16">
        <v>74</v>
      </c>
      <c r="Z55" s="16">
        <v>56</v>
      </c>
      <c r="AA55" s="16">
        <v>52</v>
      </c>
      <c r="AB55" s="16">
        <v>72</v>
      </c>
      <c r="AC55" s="16">
        <v>51</v>
      </c>
      <c r="AD55" s="16">
        <v>38</v>
      </c>
      <c r="AE55" s="16">
        <v>37</v>
      </c>
      <c r="AF55" s="16">
        <v>24</v>
      </c>
      <c r="AG55" s="16">
        <v>30</v>
      </c>
      <c r="AH55" s="16">
        <v>36</v>
      </c>
      <c r="AI55" s="16">
        <v>46</v>
      </c>
      <c r="AJ55" s="16">
        <v>33</v>
      </c>
      <c r="AK55" s="16">
        <v>40</v>
      </c>
      <c r="AL55" s="16">
        <v>42</v>
      </c>
      <c r="AM55" s="16">
        <v>35</v>
      </c>
      <c r="AN55" s="16">
        <v>50</v>
      </c>
      <c r="AO55" s="16">
        <v>52</v>
      </c>
      <c r="AP55" s="16">
        <v>46</v>
      </c>
      <c r="AQ55" s="16">
        <v>46</v>
      </c>
      <c r="AR55" s="16">
        <v>43</v>
      </c>
      <c r="AS55" s="16">
        <v>57</v>
      </c>
      <c r="AT55" s="16">
        <v>53</v>
      </c>
      <c r="AU55" s="16">
        <v>68</v>
      </c>
      <c r="AV55" s="16">
        <v>77</v>
      </c>
      <c r="AW55" s="16">
        <v>66</v>
      </c>
      <c r="AX55" s="16">
        <v>67</v>
      </c>
      <c r="AY55" s="16">
        <v>78</v>
      </c>
      <c r="AZ55" s="16">
        <v>83</v>
      </c>
      <c r="BA55" s="16">
        <v>76</v>
      </c>
      <c r="BB55" s="16">
        <v>68</v>
      </c>
      <c r="BC55" s="16">
        <v>72</v>
      </c>
      <c r="BD55" s="16">
        <v>76</v>
      </c>
      <c r="BE55" s="16">
        <v>77</v>
      </c>
      <c r="BF55" s="16">
        <v>78</v>
      </c>
      <c r="BG55" s="16">
        <v>73</v>
      </c>
      <c r="BH55" s="16">
        <v>68</v>
      </c>
      <c r="BI55" s="16">
        <v>81</v>
      </c>
      <c r="BJ55" s="16">
        <v>71</v>
      </c>
      <c r="BK55" s="16">
        <v>75</v>
      </c>
      <c r="BL55" s="16">
        <v>93</v>
      </c>
      <c r="BM55" s="16">
        <v>74</v>
      </c>
      <c r="BN55" s="16">
        <v>80</v>
      </c>
      <c r="BO55" s="16">
        <v>88</v>
      </c>
      <c r="BP55" s="16">
        <v>89</v>
      </c>
      <c r="BQ55" s="16">
        <v>83</v>
      </c>
      <c r="BR55" s="16">
        <v>96</v>
      </c>
      <c r="BS55" s="16">
        <v>89</v>
      </c>
      <c r="BT55" s="16">
        <v>104</v>
      </c>
      <c r="BU55" s="16">
        <v>92</v>
      </c>
      <c r="BV55" s="16">
        <v>96</v>
      </c>
      <c r="BW55" s="16">
        <v>97</v>
      </c>
      <c r="BX55" s="16">
        <v>106</v>
      </c>
      <c r="BY55" s="16">
        <v>96</v>
      </c>
      <c r="BZ55" s="16">
        <v>90</v>
      </c>
      <c r="CA55" s="16">
        <v>132</v>
      </c>
      <c r="CB55" s="16">
        <v>90</v>
      </c>
      <c r="CC55" s="16">
        <v>124</v>
      </c>
      <c r="CD55" s="16">
        <v>112</v>
      </c>
      <c r="CE55" s="16">
        <v>123</v>
      </c>
      <c r="CF55" s="16">
        <v>97</v>
      </c>
      <c r="CG55" s="16">
        <v>57</v>
      </c>
      <c r="CH55" s="16">
        <v>71</v>
      </c>
      <c r="CI55" s="16">
        <v>82</v>
      </c>
      <c r="CJ55" s="16">
        <v>71</v>
      </c>
      <c r="CK55" s="16">
        <v>69</v>
      </c>
      <c r="CL55" s="16">
        <v>69</v>
      </c>
      <c r="CM55" s="16">
        <v>60</v>
      </c>
      <c r="CN55" s="16">
        <v>53</v>
      </c>
      <c r="CO55" s="16">
        <v>63</v>
      </c>
      <c r="CP55" s="16">
        <v>59</v>
      </c>
      <c r="CQ55" s="16">
        <v>60</v>
      </c>
      <c r="CR55" s="16">
        <v>55</v>
      </c>
      <c r="CS55" s="16">
        <v>52</v>
      </c>
      <c r="CT55" s="16">
        <v>39</v>
      </c>
      <c r="CU55" s="16">
        <v>45</v>
      </c>
      <c r="CV55" s="16">
        <v>35</v>
      </c>
      <c r="CW55" s="16">
        <v>23</v>
      </c>
      <c r="CX55" s="16">
        <v>17</v>
      </c>
      <c r="CY55" s="16">
        <v>12</v>
      </c>
      <c r="CZ55" s="16">
        <v>9</v>
      </c>
      <c r="DA55" s="16">
        <v>8</v>
      </c>
      <c r="DB55" s="16">
        <v>2</v>
      </c>
      <c r="DC55" s="16">
        <v>4</v>
      </c>
      <c r="DD55" s="22" t="s">
        <v>268</v>
      </c>
      <c r="DE55" s="16">
        <v>2</v>
      </c>
      <c r="DF55" s="22" t="s">
        <v>268</v>
      </c>
      <c r="DG55" s="16">
        <v>2</v>
      </c>
      <c r="DH55" s="16">
        <v>12</v>
      </c>
      <c r="DI55" s="16">
        <v>946</v>
      </c>
      <c r="DJ55" s="16">
        <v>3274</v>
      </c>
      <c r="DK55" s="16">
        <v>1989</v>
      </c>
      <c r="DL55" s="16">
        <v>962</v>
      </c>
      <c r="DM55" s="16">
        <v>305</v>
      </c>
      <c r="DN55" s="16">
        <v>3519</v>
      </c>
      <c r="DO55" s="17">
        <v>48.719679999999997</v>
      </c>
      <c r="DP55" s="17">
        <v>52.54</v>
      </c>
    </row>
    <row r="56" spans="1:120">
      <c r="A56" s="21" t="s">
        <v>395</v>
      </c>
      <c r="B56" s="21" t="s">
        <v>215</v>
      </c>
      <c r="C56" s="21" t="s">
        <v>243</v>
      </c>
      <c r="D56" s="21" t="s">
        <v>237</v>
      </c>
      <c r="E56" s="21" t="s">
        <v>251</v>
      </c>
      <c r="F56" s="21" t="s">
        <v>235</v>
      </c>
      <c r="G56" s="21" t="s">
        <v>237</v>
      </c>
      <c r="H56" s="21" t="s">
        <v>241</v>
      </c>
      <c r="I56" s="21" t="s">
        <v>252</v>
      </c>
      <c r="J56" s="16">
        <v>885</v>
      </c>
      <c r="K56" s="16">
        <v>2</v>
      </c>
      <c r="L56" s="16">
        <v>2</v>
      </c>
      <c r="M56" s="16">
        <v>3</v>
      </c>
      <c r="N56" s="16">
        <v>4</v>
      </c>
      <c r="O56" s="16">
        <v>3</v>
      </c>
      <c r="P56" s="16">
        <v>7</v>
      </c>
      <c r="Q56" s="16">
        <v>8</v>
      </c>
      <c r="R56" s="16">
        <v>4</v>
      </c>
      <c r="S56" s="16">
        <v>3</v>
      </c>
      <c r="T56" s="16">
        <v>7</v>
      </c>
      <c r="U56" s="16">
        <v>5</v>
      </c>
      <c r="V56" s="16">
        <v>6</v>
      </c>
      <c r="W56" s="16">
        <v>7</v>
      </c>
      <c r="X56" s="16">
        <v>10</v>
      </c>
      <c r="Y56" s="16">
        <v>4</v>
      </c>
      <c r="Z56" s="16">
        <v>7</v>
      </c>
      <c r="AA56" s="16">
        <v>6</v>
      </c>
      <c r="AB56" s="16">
        <v>5</v>
      </c>
      <c r="AC56" s="16">
        <v>8</v>
      </c>
      <c r="AD56" s="16">
        <v>6</v>
      </c>
      <c r="AE56" s="16">
        <v>4</v>
      </c>
      <c r="AF56" s="16">
        <v>5</v>
      </c>
      <c r="AG56" s="16">
        <v>8</v>
      </c>
      <c r="AH56" s="16">
        <v>1</v>
      </c>
      <c r="AI56" s="16">
        <v>4</v>
      </c>
      <c r="AJ56" s="16">
        <v>4</v>
      </c>
      <c r="AK56" s="16">
        <v>3</v>
      </c>
      <c r="AL56" s="16">
        <v>2</v>
      </c>
      <c r="AM56" s="16">
        <v>5</v>
      </c>
      <c r="AN56" s="16">
        <v>4</v>
      </c>
      <c r="AO56" s="16">
        <v>3</v>
      </c>
      <c r="AP56" s="16">
        <v>5</v>
      </c>
      <c r="AQ56" s="16">
        <v>3</v>
      </c>
      <c r="AR56" s="16">
        <v>3</v>
      </c>
      <c r="AS56" s="16">
        <v>5</v>
      </c>
      <c r="AT56" s="16">
        <v>7</v>
      </c>
      <c r="AU56" s="22" t="s">
        <v>268</v>
      </c>
      <c r="AV56" s="16">
        <v>4</v>
      </c>
      <c r="AW56" s="16">
        <v>8</v>
      </c>
      <c r="AX56" s="16">
        <v>3</v>
      </c>
      <c r="AY56" s="16">
        <v>11</v>
      </c>
      <c r="AZ56" s="16">
        <v>9</v>
      </c>
      <c r="BA56" s="16">
        <v>7</v>
      </c>
      <c r="BB56" s="16">
        <v>5</v>
      </c>
      <c r="BC56" s="16">
        <v>7</v>
      </c>
      <c r="BD56" s="16">
        <v>11</v>
      </c>
      <c r="BE56" s="16">
        <v>7</v>
      </c>
      <c r="BF56" s="16">
        <v>5</v>
      </c>
      <c r="BG56" s="16">
        <v>7</v>
      </c>
      <c r="BH56" s="16">
        <v>6</v>
      </c>
      <c r="BI56" s="16">
        <v>9</v>
      </c>
      <c r="BJ56" s="16">
        <v>6</v>
      </c>
      <c r="BK56" s="16">
        <v>13</v>
      </c>
      <c r="BL56" s="16">
        <v>13</v>
      </c>
      <c r="BM56" s="16">
        <v>10</v>
      </c>
      <c r="BN56" s="16">
        <v>18</v>
      </c>
      <c r="BO56" s="16">
        <v>18</v>
      </c>
      <c r="BP56" s="16">
        <v>15</v>
      </c>
      <c r="BQ56" s="16">
        <v>19</v>
      </c>
      <c r="BR56" s="16">
        <v>15</v>
      </c>
      <c r="BS56" s="16">
        <v>20</v>
      </c>
      <c r="BT56" s="16">
        <v>16</v>
      </c>
      <c r="BU56" s="16">
        <v>18</v>
      </c>
      <c r="BV56" s="16">
        <v>19</v>
      </c>
      <c r="BW56" s="16">
        <v>23</v>
      </c>
      <c r="BX56" s="16">
        <v>27</v>
      </c>
      <c r="BY56" s="16">
        <v>23</v>
      </c>
      <c r="BZ56" s="16">
        <v>21</v>
      </c>
      <c r="CA56" s="16">
        <v>20</v>
      </c>
      <c r="CB56" s="16">
        <v>18</v>
      </c>
      <c r="CC56" s="16">
        <v>24</v>
      </c>
      <c r="CD56" s="16">
        <v>25</v>
      </c>
      <c r="CE56" s="16">
        <v>11</v>
      </c>
      <c r="CF56" s="16">
        <v>15</v>
      </c>
      <c r="CG56" s="16">
        <v>13</v>
      </c>
      <c r="CH56" s="16">
        <v>16</v>
      </c>
      <c r="CI56" s="16">
        <v>12</v>
      </c>
      <c r="CJ56" s="16">
        <v>6</v>
      </c>
      <c r="CK56" s="16">
        <v>14</v>
      </c>
      <c r="CL56" s="16">
        <v>17</v>
      </c>
      <c r="CM56" s="16">
        <v>15</v>
      </c>
      <c r="CN56" s="16">
        <v>12</v>
      </c>
      <c r="CO56" s="16">
        <v>20</v>
      </c>
      <c r="CP56" s="16">
        <v>12</v>
      </c>
      <c r="CQ56" s="16">
        <v>12</v>
      </c>
      <c r="CR56" s="16">
        <v>11</v>
      </c>
      <c r="CS56" s="16">
        <v>9</v>
      </c>
      <c r="CT56" s="16">
        <v>11</v>
      </c>
      <c r="CU56" s="16">
        <v>4</v>
      </c>
      <c r="CV56" s="16">
        <v>7</v>
      </c>
      <c r="CW56" s="16">
        <v>3</v>
      </c>
      <c r="CX56" s="16">
        <v>3</v>
      </c>
      <c r="CY56" s="16">
        <v>3</v>
      </c>
      <c r="CZ56" s="16">
        <v>2</v>
      </c>
      <c r="DA56" s="16">
        <v>2</v>
      </c>
      <c r="DB56" s="16">
        <v>1</v>
      </c>
      <c r="DC56" s="22" t="s">
        <v>268</v>
      </c>
      <c r="DD56" s="16">
        <v>1</v>
      </c>
      <c r="DE56" s="22" t="s">
        <v>268</v>
      </c>
      <c r="DF56" s="22" t="s">
        <v>268</v>
      </c>
      <c r="DG56" s="22" t="s">
        <v>268</v>
      </c>
      <c r="DH56" s="22" t="s">
        <v>268</v>
      </c>
      <c r="DI56" s="16">
        <v>75</v>
      </c>
      <c r="DJ56" s="16">
        <v>420</v>
      </c>
      <c r="DK56" s="16">
        <v>390</v>
      </c>
      <c r="DL56" s="16">
        <v>193</v>
      </c>
      <c r="DM56" s="16">
        <v>57</v>
      </c>
      <c r="DN56" s="16">
        <v>497</v>
      </c>
      <c r="DO56" s="17">
        <v>56.72486</v>
      </c>
      <c r="DP56" s="17">
        <v>62.416670000000003</v>
      </c>
    </row>
    <row r="57" spans="1:120">
      <c r="A57" s="21" t="s">
        <v>395</v>
      </c>
      <c r="B57" s="21" t="s">
        <v>215</v>
      </c>
      <c r="C57" s="21" t="s">
        <v>243</v>
      </c>
      <c r="D57" s="21" t="s">
        <v>237</v>
      </c>
      <c r="E57" s="21" t="s">
        <v>253</v>
      </c>
      <c r="F57" s="21" t="s">
        <v>235</v>
      </c>
      <c r="G57" s="21" t="s">
        <v>237</v>
      </c>
      <c r="H57" s="21" t="s">
        <v>241</v>
      </c>
      <c r="I57" s="21" t="s">
        <v>254</v>
      </c>
      <c r="J57" s="16">
        <v>759</v>
      </c>
      <c r="K57" s="16">
        <v>2</v>
      </c>
      <c r="L57" s="16">
        <v>2</v>
      </c>
      <c r="M57" s="16">
        <v>4</v>
      </c>
      <c r="N57" s="16">
        <v>1</v>
      </c>
      <c r="O57" s="16">
        <v>2</v>
      </c>
      <c r="P57" s="22" t="s">
        <v>268</v>
      </c>
      <c r="Q57" s="16">
        <v>2</v>
      </c>
      <c r="R57" s="16">
        <v>2</v>
      </c>
      <c r="S57" s="16">
        <v>5</v>
      </c>
      <c r="T57" s="16">
        <v>3</v>
      </c>
      <c r="U57" s="22" t="s">
        <v>268</v>
      </c>
      <c r="V57" s="16">
        <v>5</v>
      </c>
      <c r="W57" s="16">
        <v>4</v>
      </c>
      <c r="X57" s="16">
        <v>6</v>
      </c>
      <c r="Y57" s="16">
        <v>6</v>
      </c>
      <c r="Z57" s="16">
        <v>6</v>
      </c>
      <c r="AA57" s="16">
        <v>3</v>
      </c>
      <c r="AB57" s="16">
        <v>9</v>
      </c>
      <c r="AC57" s="16">
        <v>3</v>
      </c>
      <c r="AD57" s="16">
        <v>5</v>
      </c>
      <c r="AE57" s="16">
        <v>2</v>
      </c>
      <c r="AF57" s="16">
        <v>3</v>
      </c>
      <c r="AG57" s="16">
        <v>2</v>
      </c>
      <c r="AH57" s="16">
        <v>3</v>
      </c>
      <c r="AI57" s="16">
        <v>3</v>
      </c>
      <c r="AJ57" s="22" t="s">
        <v>268</v>
      </c>
      <c r="AK57" s="16">
        <v>2</v>
      </c>
      <c r="AL57" s="16">
        <v>1</v>
      </c>
      <c r="AM57" s="16">
        <v>2</v>
      </c>
      <c r="AN57" s="16">
        <v>2</v>
      </c>
      <c r="AO57" s="16">
        <v>6</v>
      </c>
      <c r="AP57" s="16">
        <v>3</v>
      </c>
      <c r="AQ57" s="16">
        <v>4</v>
      </c>
      <c r="AR57" s="16">
        <v>2</v>
      </c>
      <c r="AS57" s="16">
        <v>1</v>
      </c>
      <c r="AT57" s="16">
        <v>5</v>
      </c>
      <c r="AU57" s="16">
        <v>3</v>
      </c>
      <c r="AV57" s="16">
        <v>6</v>
      </c>
      <c r="AW57" s="16">
        <v>9</v>
      </c>
      <c r="AX57" s="16">
        <v>4</v>
      </c>
      <c r="AY57" s="16">
        <v>4</v>
      </c>
      <c r="AZ57" s="16">
        <v>5</v>
      </c>
      <c r="BA57" s="16">
        <v>5</v>
      </c>
      <c r="BB57" s="16">
        <v>8</v>
      </c>
      <c r="BC57" s="16">
        <v>9</v>
      </c>
      <c r="BD57" s="16">
        <v>9</v>
      </c>
      <c r="BE57" s="16">
        <v>5</v>
      </c>
      <c r="BF57" s="16">
        <v>8</v>
      </c>
      <c r="BG57" s="16">
        <v>10</v>
      </c>
      <c r="BH57" s="16">
        <v>3</v>
      </c>
      <c r="BI57" s="16">
        <v>9</v>
      </c>
      <c r="BJ57" s="16">
        <v>10</v>
      </c>
      <c r="BK57" s="16">
        <v>14</v>
      </c>
      <c r="BL57" s="16">
        <v>9</v>
      </c>
      <c r="BM57" s="16">
        <v>11</v>
      </c>
      <c r="BN57" s="16">
        <v>10</v>
      </c>
      <c r="BO57" s="16">
        <v>6</v>
      </c>
      <c r="BP57" s="16">
        <v>16</v>
      </c>
      <c r="BQ57" s="16">
        <v>14</v>
      </c>
      <c r="BR57" s="16">
        <v>10</v>
      </c>
      <c r="BS57" s="16">
        <v>13</v>
      </c>
      <c r="BT57" s="16">
        <v>8</v>
      </c>
      <c r="BU57" s="16">
        <v>14</v>
      </c>
      <c r="BV57" s="16">
        <v>18</v>
      </c>
      <c r="BW57" s="16">
        <v>14</v>
      </c>
      <c r="BX57" s="16">
        <v>15</v>
      </c>
      <c r="BY57" s="16">
        <v>22</v>
      </c>
      <c r="BZ57" s="16">
        <v>19</v>
      </c>
      <c r="CA57" s="16">
        <v>17</v>
      </c>
      <c r="CB57" s="16">
        <v>11</v>
      </c>
      <c r="CC57" s="16">
        <v>26</v>
      </c>
      <c r="CD57" s="16">
        <v>22</v>
      </c>
      <c r="CE57" s="16">
        <v>16</v>
      </c>
      <c r="CF57" s="16">
        <v>24</v>
      </c>
      <c r="CG57" s="16">
        <v>13</v>
      </c>
      <c r="CH57" s="16">
        <v>7</v>
      </c>
      <c r="CI57" s="16">
        <v>16</v>
      </c>
      <c r="CJ57" s="16">
        <v>9</v>
      </c>
      <c r="CK57" s="16">
        <v>15</v>
      </c>
      <c r="CL57" s="16">
        <v>16</v>
      </c>
      <c r="CM57" s="16">
        <v>18</v>
      </c>
      <c r="CN57" s="16">
        <v>17</v>
      </c>
      <c r="CO57" s="16">
        <v>19</v>
      </c>
      <c r="CP57" s="16">
        <v>15</v>
      </c>
      <c r="CQ57" s="16">
        <v>12</v>
      </c>
      <c r="CR57" s="16">
        <v>8</v>
      </c>
      <c r="CS57" s="16">
        <v>5</v>
      </c>
      <c r="CT57" s="16">
        <v>8</v>
      </c>
      <c r="CU57" s="16">
        <v>6</v>
      </c>
      <c r="CV57" s="16">
        <v>8</v>
      </c>
      <c r="CW57" s="16">
        <v>5</v>
      </c>
      <c r="CX57" s="16">
        <v>6</v>
      </c>
      <c r="CY57" s="16">
        <v>2</v>
      </c>
      <c r="CZ57" s="16">
        <v>3</v>
      </c>
      <c r="DA57" s="16">
        <v>3</v>
      </c>
      <c r="DB57" s="22" t="s">
        <v>268</v>
      </c>
      <c r="DC57" s="22" t="s">
        <v>268</v>
      </c>
      <c r="DD57" s="16">
        <v>1</v>
      </c>
      <c r="DE57" s="22" t="s">
        <v>268</v>
      </c>
      <c r="DF57" s="22" t="s">
        <v>268</v>
      </c>
      <c r="DG57" s="22" t="s">
        <v>268</v>
      </c>
      <c r="DH57" s="22" t="s">
        <v>268</v>
      </c>
      <c r="DI57" s="16">
        <v>44</v>
      </c>
      <c r="DJ57" s="16">
        <v>331</v>
      </c>
      <c r="DK57" s="16">
        <v>384</v>
      </c>
      <c r="DL57" s="16">
        <v>199</v>
      </c>
      <c r="DM57" s="16">
        <v>55</v>
      </c>
      <c r="DN57" s="16">
        <v>389</v>
      </c>
      <c r="DO57" s="17">
        <v>59.953229999999998</v>
      </c>
      <c r="DP57" s="17">
        <v>65.3</v>
      </c>
    </row>
    <row r="58" spans="1:120">
      <c r="A58" s="21" t="s">
        <v>395</v>
      </c>
      <c r="B58" s="21" t="s">
        <v>216</v>
      </c>
      <c r="C58" s="21" t="s">
        <v>232</v>
      </c>
      <c r="D58" s="21" t="s">
        <v>233</v>
      </c>
      <c r="E58" s="21" t="s">
        <v>234</v>
      </c>
      <c r="F58" s="21" t="s">
        <v>235</v>
      </c>
      <c r="G58" s="21" t="s">
        <v>233</v>
      </c>
      <c r="H58" s="21" t="s">
        <v>234</v>
      </c>
      <c r="I58" s="21" t="s">
        <v>236</v>
      </c>
      <c r="J58" s="16">
        <v>62465616</v>
      </c>
      <c r="K58" s="16">
        <v>397871</v>
      </c>
      <c r="L58" s="16">
        <v>414017</v>
      </c>
      <c r="M58" s="16">
        <v>435436</v>
      </c>
      <c r="N58" s="16">
        <v>447403</v>
      </c>
      <c r="O58" s="16">
        <v>465233</v>
      </c>
      <c r="P58" s="16">
        <v>478571</v>
      </c>
      <c r="Q58" s="16">
        <v>476561</v>
      </c>
      <c r="R58" s="16">
        <v>490253</v>
      </c>
      <c r="S58" s="16">
        <v>492130</v>
      </c>
      <c r="T58" s="16">
        <v>503635</v>
      </c>
      <c r="U58" s="16">
        <v>508384</v>
      </c>
      <c r="V58" s="16">
        <v>511193</v>
      </c>
      <c r="W58" s="16">
        <v>521194</v>
      </c>
      <c r="X58" s="16">
        <v>518177</v>
      </c>
      <c r="Y58" s="16">
        <v>515263</v>
      </c>
      <c r="Z58" s="16">
        <v>514877</v>
      </c>
      <c r="AA58" s="16">
        <v>535419</v>
      </c>
      <c r="AB58" s="16">
        <v>539373</v>
      </c>
      <c r="AC58" s="16">
        <v>553170</v>
      </c>
      <c r="AD58" s="16">
        <v>551251</v>
      </c>
      <c r="AE58" s="16">
        <v>549240</v>
      </c>
      <c r="AF58" s="16">
        <v>548915</v>
      </c>
      <c r="AG58" s="16">
        <v>554778</v>
      </c>
      <c r="AH58" s="16">
        <v>552351</v>
      </c>
      <c r="AI58" s="16">
        <v>548599</v>
      </c>
      <c r="AJ58" s="16">
        <v>558404</v>
      </c>
      <c r="AK58" s="16">
        <v>560425</v>
      </c>
      <c r="AL58" s="16">
        <v>550503</v>
      </c>
      <c r="AM58" s="16">
        <v>561271</v>
      </c>
      <c r="AN58" s="16">
        <v>561255</v>
      </c>
      <c r="AO58" s="16">
        <v>573461</v>
      </c>
      <c r="AP58" s="16">
        <v>587548</v>
      </c>
      <c r="AQ58" s="16">
        <v>609448</v>
      </c>
      <c r="AR58" s="16">
        <v>629231</v>
      </c>
      <c r="AS58" s="16">
        <v>641405</v>
      </c>
      <c r="AT58" s="16">
        <v>669655</v>
      </c>
      <c r="AU58" s="16">
        <v>694071</v>
      </c>
      <c r="AV58" s="16">
        <v>704138</v>
      </c>
      <c r="AW58" s="16">
        <v>704655</v>
      </c>
      <c r="AX58" s="16">
        <v>713333</v>
      </c>
      <c r="AY58" s="16">
        <v>746741</v>
      </c>
      <c r="AZ58" s="16">
        <v>765165</v>
      </c>
      <c r="BA58" s="16">
        <v>797921</v>
      </c>
      <c r="BB58" s="16">
        <v>819657</v>
      </c>
      <c r="BC58" s="16">
        <v>859579</v>
      </c>
      <c r="BD58" s="16">
        <v>897265</v>
      </c>
      <c r="BE58" s="16">
        <v>948471</v>
      </c>
      <c r="BF58" s="16">
        <v>968395</v>
      </c>
      <c r="BG58" s="16">
        <v>948552</v>
      </c>
      <c r="BH58" s="16">
        <v>921292</v>
      </c>
      <c r="BI58" s="16">
        <v>893145</v>
      </c>
      <c r="BJ58" s="16">
        <v>880712</v>
      </c>
      <c r="BK58" s="16">
        <v>860423</v>
      </c>
      <c r="BL58" s="16">
        <v>861585</v>
      </c>
      <c r="BM58" s="16">
        <v>671926</v>
      </c>
      <c r="BN58" s="16">
        <v>830748</v>
      </c>
      <c r="BO58" s="16">
        <v>778657</v>
      </c>
      <c r="BP58" s="16">
        <v>759654</v>
      </c>
      <c r="BQ58" s="16">
        <v>737517</v>
      </c>
      <c r="BR58" s="16">
        <v>724574</v>
      </c>
      <c r="BS58" s="16">
        <v>731783</v>
      </c>
      <c r="BT58" s="16">
        <v>746355</v>
      </c>
      <c r="BU58" s="16">
        <v>727290</v>
      </c>
      <c r="BV58" s="16">
        <v>707336</v>
      </c>
      <c r="BW58" s="16">
        <v>743655</v>
      </c>
      <c r="BX58" s="16">
        <v>766558</v>
      </c>
      <c r="BY58" s="16">
        <v>768418</v>
      </c>
      <c r="BZ58" s="16">
        <v>818504</v>
      </c>
      <c r="CA58" s="16">
        <v>863784</v>
      </c>
      <c r="CB58" s="16">
        <v>913580</v>
      </c>
      <c r="CC58" s="16">
        <v>981865</v>
      </c>
      <c r="CD58" s="16">
        <v>1072979</v>
      </c>
      <c r="CE58" s="16">
        <v>1059763</v>
      </c>
      <c r="CF58" s="16">
        <v>999723</v>
      </c>
      <c r="CG58" s="16">
        <v>623162</v>
      </c>
      <c r="CH58" s="16">
        <v>669281</v>
      </c>
      <c r="CI58" s="16">
        <v>814274</v>
      </c>
      <c r="CJ58" s="16">
        <v>779955</v>
      </c>
      <c r="CK58" s="16">
        <v>794284</v>
      </c>
      <c r="CL58" s="16">
        <v>761514</v>
      </c>
      <c r="CM58" s="16">
        <v>683530</v>
      </c>
      <c r="CN58" s="16">
        <v>583466</v>
      </c>
      <c r="CO58" s="16">
        <v>611824</v>
      </c>
      <c r="CP58" s="16">
        <v>612679</v>
      </c>
      <c r="CQ58" s="16">
        <v>595900</v>
      </c>
      <c r="CR58" s="16">
        <v>550667</v>
      </c>
      <c r="CS58" s="16">
        <v>500391</v>
      </c>
      <c r="CT58" s="16">
        <v>477253</v>
      </c>
      <c r="CU58" s="16">
        <v>436737</v>
      </c>
      <c r="CV58" s="16">
        <v>393350</v>
      </c>
      <c r="CW58" s="16">
        <v>342804</v>
      </c>
      <c r="CX58" s="16">
        <v>302784</v>
      </c>
      <c r="CY58" s="16">
        <v>261586</v>
      </c>
      <c r="CZ58" s="16">
        <v>206339</v>
      </c>
      <c r="DA58" s="16">
        <v>170733</v>
      </c>
      <c r="DB58" s="16">
        <v>133098</v>
      </c>
      <c r="DC58" s="16">
        <v>98794</v>
      </c>
      <c r="DD58" s="16">
        <v>74524</v>
      </c>
      <c r="DE58" s="16">
        <v>54911</v>
      </c>
      <c r="DF58" s="16">
        <v>38348</v>
      </c>
      <c r="DG58" s="16">
        <v>69608</v>
      </c>
      <c r="DH58" s="16">
        <v>308151</v>
      </c>
      <c r="DI58" s="16">
        <v>7175321</v>
      </c>
      <c r="DJ58" s="16">
        <v>35095174</v>
      </c>
      <c r="DK58" s="16">
        <v>19886970</v>
      </c>
      <c r="DL58" s="16">
        <v>11018634</v>
      </c>
      <c r="DM58" s="16">
        <v>4111927</v>
      </c>
      <c r="DN58" s="16">
        <v>36531928</v>
      </c>
      <c r="DO58" s="17">
        <v>49.455030000000001</v>
      </c>
      <c r="DP58" s="17">
        <v>50.519060000000003</v>
      </c>
    </row>
    <row r="59" spans="1:120">
      <c r="A59" s="21" t="s">
        <v>395</v>
      </c>
      <c r="B59" s="21" t="s">
        <v>216</v>
      </c>
      <c r="C59" s="21" t="s">
        <v>232</v>
      </c>
      <c r="D59" s="21" t="s">
        <v>237</v>
      </c>
      <c r="E59" s="21" t="s">
        <v>238</v>
      </c>
      <c r="F59" s="21" t="s">
        <v>235</v>
      </c>
      <c r="G59" s="21" t="s">
        <v>237</v>
      </c>
      <c r="H59" s="21" t="s">
        <v>238</v>
      </c>
      <c r="I59" s="21" t="s">
        <v>239</v>
      </c>
      <c r="J59" s="16">
        <v>898305</v>
      </c>
      <c r="K59" s="16">
        <v>6203</v>
      </c>
      <c r="L59" s="16">
        <v>6370</v>
      </c>
      <c r="M59" s="16">
        <v>6891</v>
      </c>
      <c r="N59" s="16">
        <v>7012</v>
      </c>
      <c r="O59" s="16">
        <v>7225</v>
      </c>
      <c r="P59" s="16">
        <v>7536</v>
      </c>
      <c r="Q59" s="16">
        <v>7520</v>
      </c>
      <c r="R59" s="16">
        <v>7597</v>
      </c>
      <c r="S59" s="16">
        <v>7645</v>
      </c>
      <c r="T59" s="16">
        <v>7717</v>
      </c>
      <c r="U59" s="16">
        <v>7916</v>
      </c>
      <c r="V59" s="16">
        <v>7942</v>
      </c>
      <c r="W59" s="16">
        <v>8038</v>
      </c>
      <c r="X59" s="16">
        <v>7832</v>
      </c>
      <c r="Y59" s="16">
        <v>7709</v>
      </c>
      <c r="Z59" s="16">
        <v>7682</v>
      </c>
      <c r="AA59" s="16">
        <v>7839</v>
      </c>
      <c r="AB59" s="16">
        <v>8042</v>
      </c>
      <c r="AC59" s="16">
        <v>7712</v>
      </c>
      <c r="AD59" s="16">
        <v>7010</v>
      </c>
      <c r="AE59" s="16">
        <v>6842</v>
      </c>
      <c r="AF59" s="16">
        <v>6739</v>
      </c>
      <c r="AG59" s="16">
        <v>6505</v>
      </c>
      <c r="AH59" s="16">
        <v>6502</v>
      </c>
      <c r="AI59" s="16">
        <v>6440</v>
      </c>
      <c r="AJ59" s="16">
        <v>6554</v>
      </c>
      <c r="AK59" s="16">
        <v>6733</v>
      </c>
      <c r="AL59" s="16">
        <v>7015</v>
      </c>
      <c r="AM59" s="16">
        <v>7149</v>
      </c>
      <c r="AN59" s="16">
        <v>7162</v>
      </c>
      <c r="AO59" s="16">
        <v>7420</v>
      </c>
      <c r="AP59" s="16">
        <v>7868</v>
      </c>
      <c r="AQ59" s="16">
        <v>8293</v>
      </c>
      <c r="AR59" s="16">
        <v>8591</v>
      </c>
      <c r="AS59" s="16">
        <v>8900</v>
      </c>
      <c r="AT59" s="16">
        <v>9342</v>
      </c>
      <c r="AU59" s="16">
        <v>9806</v>
      </c>
      <c r="AV59" s="16">
        <v>9533</v>
      </c>
      <c r="AW59" s="16">
        <v>9821</v>
      </c>
      <c r="AX59" s="16">
        <v>9910</v>
      </c>
      <c r="AY59" s="16">
        <v>10202</v>
      </c>
      <c r="AZ59" s="16">
        <v>10395</v>
      </c>
      <c r="BA59" s="16">
        <v>10598</v>
      </c>
      <c r="BB59" s="16">
        <v>10732</v>
      </c>
      <c r="BC59" s="16">
        <v>11159</v>
      </c>
      <c r="BD59" s="16">
        <v>11349</v>
      </c>
      <c r="BE59" s="16">
        <v>11567</v>
      </c>
      <c r="BF59" s="16">
        <v>11716</v>
      </c>
      <c r="BG59" s="16">
        <v>11226</v>
      </c>
      <c r="BH59" s="16">
        <v>10762</v>
      </c>
      <c r="BI59" s="16">
        <v>10403</v>
      </c>
      <c r="BJ59" s="16">
        <v>10792</v>
      </c>
      <c r="BK59" s="16">
        <v>10813</v>
      </c>
      <c r="BL59" s="16">
        <v>11625</v>
      </c>
      <c r="BM59" s="16">
        <v>9208</v>
      </c>
      <c r="BN59" s="16">
        <v>11238</v>
      </c>
      <c r="BO59" s="16">
        <v>10947</v>
      </c>
      <c r="BP59" s="16">
        <v>10972</v>
      </c>
      <c r="BQ59" s="16">
        <v>11058</v>
      </c>
      <c r="BR59" s="16">
        <v>11270</v>
      </c>
      <c r="BS59" s="16">
        <v>11384</v>
      </c>
      <c r="BT59" s="16">
        <v>12165</v>
      </c>
      <c r="BU59" s="16">
        <v>11982</v>
      </c>
      <c r="BV59" s="16">
        <v>11807</v>
      </c>
      <c r="BW59" s="16">
        <v>12636</v>
      </c>
      <c r="BX59" s="16">
        <v>12799</v>
      </c>
      <c r="BY59" s="16">
        <v>12911</v>
      </c>
      <c r="BZ59" s="16">
        <v>13340</v>
      </c>
      <c r="CA59" s="16">
        <v>13758</v>
      </c>
      <c r="CB59" s="16">
        <v>14119</v>
      </c>
      <c r="CC59" s="16">
        <v>14585</v>
      </c>
      <c r="CD59" s="16">
        <v>15590</v>
      </c>
      <c r="CE59" s="16">
        <v>14732</v>
      </c>
      <c r="CF59" s="16">
        <v>13676</v>
      </c>
      <c r="CG59" s="16">
        <v>8740</v>
      </c>
      <c r="CH59" s="16">
        <v>9183</v>
      </c>
      <c r="CI59" s="16">
        <v>10862</v>
      </c>
      <c r="CJ59" s="16">
        <v>10592</v>
      </c>
      <c r="CK59" s="16">
        <v>10734</v>
      </c>
      <c r="CL59" s="16">
        <v>11119</v>
      </c>
      <c r="CM59" s="16">
        <v>10067</v>
      </c>
      <c r="CN59" s="16">
        <v>9203</v>
      </c>
      <c r="CO59" s="16">
        <v>9793</v>
      </c>
      <c r="CP59" s="16">
        <v>10120</v>
      </c>
      <c r="CQ59" s="16">
        <v>9532</v>
      </c>
      <c r="CR59" s="16">
        <v>9313</v>
      </c>
      <c r="CS59" s="16">
        <v>8616</v>
      </c>
      <c r="CT59" s="16">
        <v>8494</v>
      </c>
      <c r="CU59" s="16">
        <v>7716</v>
      </c>
      <c r="CV59" s="16">
        <v>7080</v>
      </c>
      <c r="CW59" s="16">
        <v>6325</v>
      </c>
      <c r="CX59" s="16">
        <v>5682</v>
      </c>
      <c r="CY59" s="16">
        <v>4910</v>
      </c>
      <c r="CZ59" s="16">
        <v>4076</v>
      </c>
      <c r="DA59" s="16">
        <v>3391</v>
      </c>
      <c r="DB59" s="16">
        <v>2726</v>
      </c>
      <c r="DC59" s="16">
        <v>2079</v>
      </c>
      <c r="DD59" s="16">
        <v>1590</v>
      </c>
      <c r="DE59" s="16">
        <v>1186</v>
      </c>
      <c r="DF59" s="16">
        <v>807</v>
      </c>
      <c r="DG59" s="16">
        <v>1504</v>
      </c>
      <c r="DH59" s="16">
        <v>2786</v>
      </c>
      <c r="DI59" s="16">
        <v>111153</v>
      </c>
      <c r="DJ59" s="16">
        <v>473416</v>
      </c>
      <c r="DK59" s="16">
        <v>310950</v>
      </c>
      <c r="DL59" s="16">
        <v>176700</v>
      </c>
      <c r="DM59" s="16">
        <v>75495</v>
      </c>
      <c r="DN59" s="16">
        <v>502058</v>
      </c>
      <c r="DO59" s="17">
        <v>50.628630000000001</v>
      </c>
      <c r="DP59" s="17">
        <v>52.95214</v>
      </c>
    </row>
    <row r="60" spans="1:120">
      <c r="A60" s="21" t="s">
        <v>395</v>
      </c>
      <c r="B60" s="21" t="s">
        <v>216</v>
      </c>
      <c r="C60" s="21" t="s">
        <v>240</v>
      </c>
      <c r="D60" s="21" t="s">
        <v>237</v>
      </c>
      <c r="E60" s="21" t="s">
        <v>241</v>
      </c>
      <c r="F60" s="21"/>
      <c r="G60" s="21" t="s">
        <v>237</v>
      </c>
      <c r="H60" s="21" t="s">
        <v>241</v>
      </c>
      <c r="I60" s="21" t="s">
        <v>242</v>
      </c>
      <c r="J60" s="16">
        <v>63598</v>
      </c>
      <c r="K60" s="16">
        <v>361</v>
      </c>
      <c r="L60" s="16">
        <v>404</v>
      </c>
      <c r="M60" s="16">
        <v>433</v>
      </c>
      <c r="N60" s="16">
        <v>439</v>
      </c>
      <c r="O60" s="16">
        <v>474</v>
      </c>
      <c r="P60" s="16">
        <v>510</v>
      </c>
      <c r="Q60" s="16">
        <v>501</v>
      </c>
      <c r="R60" s="16">
        <v>497</v>
      </c>
      <c r="S60" s="16">
        <v>521</v>
      </c>
      <c r="T60" s="16">
        <v>508</v>
      </c>
      <c r="U60" s="16">
        <v>465</v>
      </c>
      <c r="V60" s="16">
        <v>516</v>
      </c>
      <c r="W60" s="16">
        <v>531</v>
      </c>
      <c r="X60" s="16">
        <v>512</v>
      </c>
      <c r="Y60" s="16">
        <v>508</v>
      </c>
      <c r="Z60" s="16">
        <v>554</v>
      </c>
      <c r="AA60" s="16">
        <v>628</v>
      </c>
      <c r="AB60" s="16">
        <v>603</v>
      </c>
      <c r="AC60" s="16">
        <v>531</v>
      </c>
      <c r="AD60" s="16">
        <v>439</v>
      </c>
      <c r="AE60" s="16">
        <v>412</v>
      </c>
      <c r="AF60" s="16">
        <v>379</v>
      </c>
      <c r="AG60" s="16">
        <v>363</v>
      </c>
      <c r="AH60" s="16">
        <v>376</v>
      </c>
      <c r="AI60" s="16">
        <v>404</v>
      </c>
      <c r="AJ60" s="16">
        <v>402</v>
      </c>
      <c r="AK60" s="16">
        <v>390</v>
      </c>
      <c r="AL60" s="16">
        <v>445</v>
      </c>
      <c r="AM60" s="16">
        <v>432</v>
      </c>
      <c r="AN60" s="16">
        <v>407</v>
      </c>
      <c r="AO60" s="16">
        <v>436</v>
      </c>
      <c r="AP60" s="16">
        <v>556</v>
      </c>
      <c r="AQ60" s="16">
        <v>522</v>
      </c>
      <c r="AR60" s="16">
        <v>561</v>
      </c>
      <c r="AS60" s="16">
        <v>564</v>
      </c>
      <c r="AT60" s="16">
        <v>593</v>
      </c>
      <c r="AU60" s="16">
        <v>597</v>
      </c>
      <c r="AV60" s="16">
        <v>627</v>
      </c>
      <c r="AW60" s="16">
        <v>638</v>
      </c>
      <c r="AX60" s="16">
        <v>672</v>
      </c>
      <c r="AY60" s="16">
        <v>619</v>
      </c>
      <c r="AZ60" s="16">
        <v>688</v>
      </c>
      <c r="BA60" s="16">
        <v>650</v>
      </c>
      <c r="BB60" s="16">
        <v>721</v>
      </c>
      <c r="BC60" s="16">
        <v>747</v>
      </c>
      <c r="BD60" s="16">
        <v>770</v>
      </c>
      <c r="BE60" s="16">
        <v>724</v>
      </c>
      <c r="BF60" s="16">
        <v>781</v>
      </c>
      <c r="BG60" s="16">
        <v>762</v>
      </c>
      <c r="BH60" s="16">
        <v>782</v>
      </c>
      <c r="BI60" s="16">
        <v>705</v>
      </c>
      <c r="BJ60" s="16">
        <v>769</v>
      </c>
      <c r="BK60" s="16">
        <v>782</v>
      </c>
      <c r="BL60" s="16">
        <v>821</v>
      </c>
      <c r="BM60" s="16">
        <v>643</v>
      </c>
      <c r="BN60" s="16">
        <v>818</v>
      </c>
      <c r="BO60" s="16">
        <v>805</v>
      </c>
      <c r="BP60" s="16">
        <v>750</v>
      </c>
      <c r="BQ60" s="16">
        <v>813</v>
      </c>
      <c r="BR60" s="16">
        <v>810</v>
      </c>
      <c r="BS60" s="16">
        <v>833</v>
      </c>
      <c r="BT60" s="16">
        <v>923</v>
      </c>
      <c r="BU60" s="16">
        <v>824</v>
      </c>
      <c r="BV60" s="16">
        <v>878</v>
      </c>
      <c r="BW60" s="16">
        <v>935</v>
      </c>
      <c r="BX60" s="16">
        <v>953</v>
      </c>
      <c r="BY60" s="16">
        <v>984</v>
      </c>
      <c r="BZ60" s="16">
        <v>1015</v>
      </c>
      <c r="CA60" s="16">
        <v>1046</v>
      </c>
      <c r="CB60" s="16">
        <v>1037</v>
      </c>
      <c r="CC60" s="16">
        <v>1122</v>
      </c>
      <c r="CD60" s="16">
        <v>1213</v>
      </c>
      <c r="CE60" s="16">
        <v>1103</v>
      </c>
      <c r="CF60" s="16">
        <v>1056</v>
      </c>
      <c r="CG60" s="16">
        <v>667</v>
      </c>
      <c r="CH60" s="16">
        <v>738</v>
      </c>
      <c r="CI60" s="16">
        <v>888</v>
      </c>
      <c r="CJ60" s="16">
        <v>869</v>
      </c>
      <c r="CK60" s="16">
        <v>910</v>
      </c>
      <c r="CL60" s="16">
        <v>943</v>
      </c>
      <c r="CM60" s="16">
        <v>804</v>
      </c>
      <c r="CN60" s="16">
        <v>760</v>
      </c>
      <c r="CO60" s="16">
        <v>786</v>
      </c>
      <c r="CP60" s="16">
        <v>810</v>
      </c>
      <c r="CQ60" s="16">
        <v>837</v>
      </c>
      <c r="CR60" s="16">
        <v>763</v>
      </c>
      <c r="CS60" s="16">
        <v>670</v>
      </c>
      <c r="CT60" s="16">
        <v>716</v>
      </c>
      <c r="CU60" s="16">
        <v>663</v>
      </c>
      <c r="CV60" s="16">
        <v>571</v>
      </c>
      <c r="CW60" s="16">
        <v>527</v>
      </c>
      <c r="CX60" s="16">
        <v>387</v>
      </c>
      <c r="CY60" s="16">
        <v>400</v>
      </c>
      <c r="CZ60" s="16">
        <v>296</v>
      </c>
      <c r="DA60" s="16">
        <v>261</v>
      </c>
      <c r="DB60" s="16">
        <v>183</v>
      </c>
      <c r="DC60" s="16">
        <v>150</v>
      </c>
      <c r="DD60" s="16">
        <v>111</v>
      </c>
      <c r="DE60" s="16">
        <v>77</v>
      </c>
      <c r="DF60" s="16">
        <v>61</v>
      </c>
      <c r="DG60" s="16">
        <v>82</v>
      </c>
      <c r="DH60" s="16">
        <v>75</v>
      </c>
      <c r="DI60" s="16">
        <v>7180</v>
      </c>
      <c r="DJ60" s="16">
        <v>31884</v>
      </c>
      <c r="DK60" s="16">
        <v>24459</v>
      </c>
      <c r="DL60" s="16">
        <v>14263</v>
      </c>
      <c r="DM60" s="16">
        <v>5918</v>
      </c>
      <c r="DN60" s="16">
        <v>34164</v>
      </c>
      <c r="DO60" s="17">
        <v>52.715829999999997</v>
      </c>
      <c r="DP60" s="17">
        <v>56.333539999999999</v>
      </c>
    </row>
    <row r="61" spans="1:120">
      <c r="A61" s="21" t="s">
        <v>395</v>
      </c>
      <c r="B61" s="21" t="s">
        <v>216</v>
      </c>
      <c r="C61" s="21" t="s">
        <v>243</v>
      </c>
      <c r="D61" s="21" t="s">
        <v>237</v>
      </c>
      <c r="E61" s="21" t="s">
        <v>241</v>
      </c>
      <c r="F61" s="21" t="s">
        <v>235</v>
      </c>
      <c r="G61" s="21" t="s">
        <v>237</v>
      </c>
      <c r="H61" s="21" t="s">
        <v>241</v>
      </c>
      <c r="I61" s="21" t="s">
        <v>244</v>
      </c>
      <c r="J61" s="16">
        <v>49951</v>
      </c>
      <c r="K61" s="16">
        <v>303</v>
      </c>
      <c r="L61" s="16">
        <v>324</v>
      </c>
      <c r="M61" s="16">
        <v>363</v>
      </c>
      <c r="N61" s="16">
        <v>344</v>
      </c>
      <c r="O61" s="16">
        <v>393</v>
      </c>
      <c r="P61" s="16">
        <v>402</v>
      </c>
      <c r="Q61" s="16">
        <v>401</v>
      </c>
      <c r="R61" s="16">
        <v>383</v>
      </c>
      <c r="S61" s="16">
        <v>408</v>
      </c>
      <c r="T61" s="16">
        <v>398</v>
      </c>
      <c r="U61" s="16">
        <v>370</v>
      </c>
      <c r="V61" s="16">
        <v>414</v>
      </c>
      <c r="W61" s="16">
        <v>419</v>
      </c>
      <c r="X61" s="16">
        <v>396</v>
      </c>
      <c r="Y61" s="16">
        <v>412</v>
      </c>
      <c r="Z61" s="16">
        <v>445</v>
      </c>
      <c r="AA61" s="16">
        <v>520</v>
      </c>
      <c r="AB61" s="16">
        <v>500</v>
      </c>
      <c r="AC61" s="16">
        <v>436</v>
      </c>
      <c r="AD61" s="16">
        <v>378</v>
      </c>
      <c r="AE61" s="16">
        <v>340</v>
      </c>
      <c r="AF61" s="16">
        <v>306</v>
      </c>
      <c r="AG61" s="16">
        <v>295</v>
      </c>
      <c r="AH61" s="16">
        <v>315</v>
      </c>
      <c r="AI61" s="16">
        <v>327</v>
      </c>
      <c r="AJ61" s="16">
        <v>322</v>
      </c>
      <c r="AK61" s="16">
        <v>348</v>
      </c>
      <c r="AL61" s="16">
        <v>375</v>
      </c>
      <c r="AM61" s="16">
        <v>351</v>
      </c>
      <c r="AN61" s="16">
        <v>335</v>
      </c>
      <c r="AO61" s="16">
        <v>358</v>
      </c>
      <c r="AP61" s="16">
        <v>458</v>
      </c>
      <c r="AQ61" s="16">
        <v>408</v>
      </c>
      <c r="AR61" s="16">
        <v>443</v>
      </c>
      <c r="AS61" s="16">
        <v>449</v>
      </c>
      <c r="AT61" s="16">
        <v>483</v>
      </c>
      <c r="AU61" s="16">
        <v>474</v>
      </c>
      <c r="AV61" s="16">
        <v>493</v>
      </c>
      <c r="AW61" s="16">
        <v>524</v>
      </c>
      <c r="AX61" s="16">
        <v>539</v>
      </c>
      <c r="AY61" s="16">
        <v>496</v>
      </c>
      <c r="AZ61" s="16">
        <v>537</v>
      </c>
      <c r="BA61" s="16">
        <v>526</v>
      </c>
      <c r="BB61" s="16">
        <v>579</v>
      </c>
      <c r="BC61" s="16">
        <v>619</v>
      </c>
      <c r="BD61" s="16">
        <v>636</v>
      </c>
      <c r="BE61" s="16">
        <v>581</v>
      </c>
      <c r="BF61" s="16">
        <v>631</v>
      </c>
      <c r="BG61" s="16">
        <v>592</v>
      </c>
      <c r="BH61" s="16">
        <v>632</v>
      </c>
      <c r="BI61" s="16">
        <v>573</v>
      </c>
      <c r="BJ61" s="16">
        <v>611</v>
      </c>
      <c r="BK61" s="16">
        <v>627</v>
      </c>
      <c r="BL61" s="16">
        <v>675</v>
      </c>
      <c r="BM61" s="16">
        <v>508</v>
      </c>
      <c r="BN61" s="16">
        <v>648</v>
      </c>
      <c r="BO61" s="16">
        <v>630</v>
      </c>
      <c r="BP61" s="16">
        <v>575</v>
      </c>
      <c r="BQ61" s="16">
        <v>632</v>
      </c>
      <c r="BR61" s="16">
        <v>637</v>
      </c>
      <c r="BS61" s="16">
        <v>653</v>
      </c>
      <c r="BT61" s="16">
        <v>713</v>
      </c>
      <c r="BU61" s="16">
        <v>626</v>
      </c>
      <c r="BV61" s="16">
        <v>670</v>
      </c>
      <c r="BW61" s="16">
        <v>713</v>
      </c>
      <c r="BX61" s="16">
        <v>731</v>
      </c>
      <c r="BY61" s="16">
        <v>777</v>
      </c>
      <c r="BZ61" s="16">
        <v>807</v>
      </c>
      <c r="CA61" s="16">
        <v>791</v>
      </c>
      <c r="CB61" s="16">
        <v>805</v>
      </c>
      <c r="CC61" s="16">
        <v>873</v>
      </c>
      <c r="CD61" s="16">
        <v>937</v>
      </c>
      <c r="CE61" s="16">
        <v>847</v>
      </c>
      <c r="CF61" s="16">
        <v>830</v>
      </c>
      <c r="CG61" s="16">
        <v>530</v>
      </c>
      <c r="CH61" s="16">
        <v>548</v>
      </c>
      <c r="CI61" s="16">
        <v>654</v>
      </c>
      <c r="CJ61" s="16">
        <v>664</v>
      </c>
      <c r="CK61" s="16">
        <v>694</v>
      </c>
      <c r="CL61" s="16">
        <v>701</v>
      </c>
      <c r="CM61" s="16">
        <v>599</v>
      </c>
      <c r="CN61" s="16">
        <v>544</v>
      </c>
      <c r="CO61" s="16">
        <v>578</v>
      </c>
      <c r="CP61" s="16">
        <v>604</v>
      </c>
      <c r="CQ61" s="16">
        <v>625</v>
      </c>
      <c r="CR61" s="16">
        <v>586</v>
      </c>
      <c r="CS61" s="16">
        <v>484</v>
      </c>
      <c r="CT61" s="16">
        <v>550</v>
      </c>
      <c r="CU61" s="16">
        <v>511</v>
      </c>
      <c r="CV61" s="16">
        <v>424</v>
      </c>
      <c r="CW61" s="16">
        <v>405</v>
      </c>
      <c r="CX61" s="16">
        <v>292</v>
      </c>
      <c r="CY61" s="16">
        <v>307</v>
      </c>
      <c r="CZ61" s="16">
        <v>216</v>
      </c>
      <c r="DA61" s="16">
        <v>196</v>
      </c>
      <c r="DB61" s="16">
        <v>129</v>
      </c>
      <c r="DC61" s="16">
        <v>119</v>
      </c>
      <c r="DD61" s="16">
        <v>80</v>
      </c>
      <c r="DE61" s="16">
        <v>58</v>
      </c>
      <c r="DF61" s="16">
        <v>45</v>
      </c>
      <c r="DG61" s="16">
        <v>64</v>
      </c>
      <c r="DH61" s="16">
        <v>74</v>
      </c>
      <c r="DI61" s="16">
        <v>5730</v>
      </c>
      <c r="DJ61" s="16">
        <v>25542</v>
      </c>
      <c r="DK61" s="16">
        <v>18605</v>
      </c>
      <c r="DL61" s="16">
        <v>10677</v>
      </c>
      <c r="DM61" s="16">
        <v>4466</v>
      </c>
      <c r="DN61" s="16">
        <v>27174</v>
      </c>
      <c r="DO61" s="17">
        <v>52.030340000000002</v>
      </c>
      <c r="DP61" s="17">
        <v>55.252310000000001</v>
      </c>
    </row>
    <row r="62" spans="1:120">
      <c r="A62" s="21" t="s">
        <v>395</v>
      </c>
      <c r="B62" s="21" t="s">
        <v>216</v>
      </c>
      <c r="C62" s="21" t="s">
        <v>243</v>
      </c>
      <c r="D62" s="21" t="s">
        <v>237</v>
      </c>
      <c r="E62" s="21" t="s">
        <v>245</v>
      </c>
      <c r="F62" s="21" t="s">
        <v>235</v>
      </c>
      <c r="G62" s="21" t="s">
        <v>237</v>
      </c>
      <c r="H62" s="21" t="s">
        <v>241</v>
      </c>
      <c r="I62" s="21" t="s">
        <v>246</v>
      </c>
      <c r="J62" s="16">
        <v>1235</v>
      </c>
      <c r="K62" s="22" t="s">
        <v>268</v>
      </c>
      <c r="L62" s="16">
        <v>4</v>
      </c>
      <c r="M62" s="16">
        <v>1</v>
      </c>
      <c r="N62" s="16">
        <v>3</v>
      </c>
      <c r="O62" s="16">
        <v>5</v>
      </c>
      <c r="P62" s="16">
        <v>2</v>
      </c>
      <c r="Q62" s="16">
        <v>5</v>
      </c>
      <c r="R62" s="16">
        <v>3</v>
      </c>
      <c r="S62" s="16">
        <v>4</v>
      </c>
      <c r="T62" s="16">
        <v>3</v>
      </c>
      <c r="U62" s="16">
        <v>4</v>
      </c>
      <c r="V62" s="16">
        <v>2</v>
      </c>
      <c r="W62" s="16">
        <v>2</v>
      </c>
      <c r="X62" s="16">
        <v>3</v>
      </c>
      <c r="Y62" s="16">
        <v>1</v>
      </c>
      <c r="Z62" s="16">
        <v>6</v>
      </c>
      <c r="AA62" s="16">
        <v>3</v>
      </c>
      <c r="AB62" s="16">
        <v>7</v>
      </c>
      <c r="AC62" s="16">
        <v>4</v>
      </c>
      <c r="AD62" s="16">
        <v>3</v>
      </c>
      <c r="AE62" s="16">
        <v>3</v>
      </c>
      <c r="AF62" s="16">
        <v>5</v>
      </c>
      <c r="AG62" s="16">
        <v>4</v>
      </c>
      <c r="AH62" s="16">
        <v>2</v>
      </c>
      <c r="AI62" s="16">
        <v>6</v>
      </c>
      <c r="AJ62" s="16">
        <v>6</v>
      </c>
      <c r="AK62" s="16">
        <v>1</v>
      </c>
      <c r="AL62" s="16">
        <v>3</v>
      </c>
      <c r="AM62" s="16">
        <v>4</v>
      </c>
      <c r="AN62" s="16">
        <v>2</v>
      </c>
      <c r="AO62" s="16">
        <v>5</v>
      </c>
      <c r="AP62" s="16">
        <v>4</v>
      </c>
      <c r="AQ62" s="16">
        <v>4</v>
      </c>
      <c r="AR62" s="16">
        <v>3</v>
      </c>
      <c r="AS62" s="16">
        <v>7</v>
      </c>
      <c r="AT62" s="16">
        <v>6</v>
      </c>
      <c r="AU62" s="16">
        <v>4</v>
      </c>
      <c r="AV62" s="16">
        <v>5</v>
      </c>
      <c r="AW62" s="16">
        <v>4</v>
      </c>
      <c r="AX62" s="16">
        <v>5</v>
      </c>
      <c r="AY62" s="16">
        <v>5</v>
      </c>
      <c r="AZ62" s="16">
        <v>7</v>
      </c>
      <c r="BA62" s="16">
        <v>4</v>
      </c>
      <c r="BB62" s="16">
        <v>3</v>
      </c>
      <c r="BC62" s="16">
        <v>12</v>
      </c>
      <c r="BD62" s="16">
        <v>3</v>
      </c>
      <c r="BE62" s="16">
        <v>4</v>
      </c>
      <c r="BF62" s="16">
        <v>5</v>
      </c>
      <c r="BG62" s="16">
        <v>10</v>
      </c>
      <c r="BH62" s="16">
        <v>13</v>
      </c>
      <c r="BI62" s="16">
        <v>9</v>
      </c>
      <c r="BJ62" s="16">
        <v>6</v>
      </c>
      <c r="BK62" s="16">
        <v>8</v>
      </c>
      <c r="BL62" s="16">
        <v>16</v>
      </c>
      <c r="BM62" s="16">
        <v>13</v>
      </c>
      <c r="BN62" s="16">
        <v>18</v>
      </c>
      <c r="BO62" s="16">
        <v>6</v>
      </c>
      <c r="BP62" s="16">
        <v>17</v>
      </c>
      <c r="BQ62" s="16">
        <v>18</v>
      </c>
      <c r="BR62" s="16">
        <v>14</v>
      </c>
      <c r="BS62" s="16">
        <v>19</v>
      </c>
      <c r="BT62" s="16">
        <v>22</v>
      </c>
      <c r="BU62" s="16">
        <v>22</v>
      </c>
      <c r="BV62" s="16">
        <v>18</v>
      </c>
      <c r="BW62" s="16">
        <v>25</v>
      </c>
      <c r="BX62" s="16">
        <v>17</v>
      </c>
      <c r="BY62" s="16">
        <v>27</v>
      </c>
      <c r="BZ62" s="16">
        <v>21</v>
      </c>
      <c r="CA62" s="16">
        <v>28</v>
      </c>
      <c r="CB62" s="16">
        <v>35</v>
      </c>
      <c r="CC62" s="16">
        <v>34</v>
      </c>
      <c r="CD62" s="16">
        <v>31</v>
      </c>
      <c r="CE62" s="16">
        <v>32</v>
      </c>
      <c r="CF62" s="16">
        <v>29</v>
      </c>
      <c r="CG62" s="16">
        <v>14</v>
      </c>
      <c r="CH62" s="16">
        <v>21</v>
      </c>
      <c r="CI62" s="16">
        <v>30</v>
      </c>
      <c r="CJ62" s="16">
        <v>30</v>
      </c>
      <c r="CK62" s="16">
        <v>32</v>
      </c>
      <c r="CL62" s="16">
        <v>20</v>
      </c>
      <c r="CM62" s="16">
        <v>30</v>
      </c>
      <c r="CN62" s="16">
        <v>42</v>
      </c>
      <c r="CO62" s="16">
        <v>23</v>
      </c>
      <c r="CP62" s="16">
        <v>33</v>
      </c>
      <c r="CQ62" s="16">
        <v>34</v>
      </c>
      <c r="CR62" s="16">
        <v>23</v>
      </c>
      <c r="CS62" s="16">
        <v>38</v>
      </c>
      <c r="CT62" s="16">
        <v>21</v>
      </c>
      <c r="CU62" s="16">
        <v>26</v>
      </c>
      <c r="CV62" s="16">
        <v>21</v>
      </c>
      <c r="CW62" s="16">
        <v>22</v>
      </c>
      <c r="CX62" s="16">
        <v>14</v>
      </c>
      <c r="CY62" s="16">
        <v>14</v>
      </c>
      <c r="CZ62" s="16">
        <v>10</v>
      </c>
      <c r="DA62" s="16">
        <v>8</v>
      </c>
      <c r="DB62" s="16">
        <v>8</v>
      </c>
      <c r="DC62" s="16">
        <v>9</v>
      </c>
      <c r="DD62" s="16">
        <v>11</v>
      </c>
      <c r="DE62" s="22" t="s">
        <v>268</v>
      </c>
      <c r="DF62" s="16">
        <v>1</v>
      </c>
      <c r="DG62" s="16">
        <v>1</v>
      </c>
      <c r="DH62" s="22" t="s">
        <v>268</v>
      </c>
      <c r="DI62" s="16">
        <v>42</v>
      </c>
      <c r="DJ62" s="16">
        <v>403</v>
      </c>
      <c r="DK62" s="16">
        <v>790</v>
      </c>
      <c r="DL62" s="16">
        <v>522</v>
      </c>
      <c r="DM62" s="16">
        <v>227</v>
      </c>
      <c r="DN62" s="16">
        <v>508</v>
      </c>
      <c r="DO62" s="17">
        <v>66.994739999999993</v>
      </c>
      <c r="DP62" s="17">
        <v>71.338710000000006</v>
      </c>
    </row>
    <row r="63" spans="1:120">
      <c r="A63" s="21" t="s">
        <v>395</v>
      </c>
      <c r="B63" s="21" t="s">
        <v>216</v>
      </c>
      <c r="C63" s="21" t="s">
        <v>243</v>
      </c>
      <c r="D63" s="21" t="s">
        <v>237</v>
      </c>
      <c r="E63" s="21" t="s">
        <v>247</v>
      </c>
      <c r="F63" s="21" t="s">
        <v>235</v>
      </c>
      <c r="G63" s="21" t="s">
        <v>237</v>
      </c>
      <c r="H63" s="21" t="s">
        <v>241</v>
      </c>
      <c r="I63" s="21" t="s">
        <v>248</v>
      </c>
      <c r="J63" s="16">
        <v>3715</v>
      </c>
      <c r="K63" s="16">
        <v>25</v>
      </c>
      <c r="L63" s="16">
        <v>27</v>
      </c>
      <c r="M63" s="16">
        <v>25</v>
      </c>
      <c r="N63" s="16">
        <v>32</v>
      </c>
      <c r="O63" s="16">
        <v>32</v>
      </c>
      <c r="P63" s="16">
        <v>42</v>
      </c>
      <c r="Q63" s="16">
        <v>34</v>
      </c>
      <c r="R63" s="16">
        <v>36</v>
      </c>
      <c r="S63" s="16">
        <v>38</v>
      </c>
      <c r="T63" s="16">
        <v>35</v>
      </c>
      <c r="U63" s="16">
        <v>39</v>
      </c>
      <c r="V63" s="16">
        <v>31</v>
      </c>
      <c r="W63" s="16">
        <v>37</v>
      </c>
      <c r="X63" s="16">
        <v>39</v>
      </c>
      <c r="Y63" s="16">
        <v>36</v>
      </c>
      <c r="Z63" s="16">
        <v>43</v>
      </c>
      <c r="AA63" s="16">
        <v>41</v>
      </c>
      <c r="AB63" s="16">
        <v>35</v>
      </c>
      <c r="AC63" s="16">
        <v>34</v>
      </c>
      <c r="AD63" s="16">
        <v>19</v>
      </c>
      <c r="AE63" s="16">
        <v>22</v>
      </c>
      <c r="AF63" s="16">
        <v>22</v>
      </c>
      <c r="AG63" s="16">
        <v>17</v>
      </c>
      <c r="AH63" s="16">
        <v>21</v>
      </c>
      <c r="AI63" s="16">
        <v>19</v>
      </c>
      <c r="AJ63" s="16">
        <v>23</v>
      </c>
      <c r="AK63" s="16">
        <v>17</v>
      </c>
      <c r="AL63" s="16">
        <v>24</v>
      </c>
      <c r="AM63" s="16">
        <v>34</v>
      </c>
      <c r="AN63" s="16">
        <v>23</v>
      </c>
      <c r="AO63" s="16">
        <v>29</v>
      </c>
      <c r="AP63" s="16">
        <v>36</v>
      </c>
      <c r="AQ63" s="16">
        <v>46</v>
      </c>
      <c r="AR63" s="16">
        <v>42</v>
      </c>
      <c r="AS63" s="16">
        <v>36</v>
      </c>
      <c r="AT63" s="16">
        <v>40</v>
      </c>
      <c r="AU63" s="16">
        <v>43</v>
      </c>
      <c r="AV63" s="16">
        <v>56</v>
      </c>
      <c r="AW63" s="16">
        <v>37</v>
      </c>
      <c r="AX63" s="16">
        <v>36</v>
      </c>
      <c r="AY63" s="16">
        <v>38</v>
      </c>
      <c r="AZ63" s="16">
        <v>44</v>
      </c>
      <c r="BA63" s="16">
        <v>38</v>
      </c>
      <c r="BB63" s="16">
        <v>43</v>
      </c>
      <c r="BC63" s="16">
        <v>36</v>
      </c>
      <c r="BD63" s="16">
        <v>52</v>
      </c>
      <c r="BE63" s="16">
        <v>39</v>
      </c>
      <c r="BF63" s="16">
        <v>56</v>
      </c>
      <c r="BG63" s="16">
        <v>55</v>
      </c>
      <c r="BH63" s="16">
        <v>36</v>
      </c>
      <c r="BI63" s="16">
        <v>40</v>
      </c>
      <c r="BJ63" s="16">
        <v>55</v>
      </c>
      <c r="BK63" s="16">
        <v>41</v>
      </c>
      <c r="BL63" s="16">
        <v>45</v>
      </c>
      <c r="BM63" s="16">
        <v>26</v>
      </c>
      <c r="BN63" s="16">
        <v>47</v>
      </c>
      <c r="BO63" s="16">
        <v>46</v>
      </c>
      <c r="BP63" s="16">
        <v>51</v>
      </c>
      <c r="BQ63" s="16">
        <v>42</v>
      </c>
      <c r="BR63" s="16">
        <v>41</v>
      </c>
      <c r="BS63" s="16">
        <v>49</v>
      </c>
      <c r="BT63" s="16">
        <v>53</v>
      </c>
      <c r="BU63" s="16">
        <v>50</v>
      </c>
      <c r="BV63" s="16">
        <v>53</v>
      </c>
      <c r="BW63" s="16">
        <v>49</v>
      </c>
      <c r="BX63" s="16">
        <v>52</v>
      </c>
      <c r="BY63" s="16">
        <v>56</v>
      </c>
      <c r="BZ63" s="16">
        <v>52</v>
      </c>
      <c r="CA63" s="16">
        <v>55</v>
      </c>
      <c r="CB63" s="16">
        <v>50</v>
      </c>
      <c r="CC63" s="16">
        <v>63</v>
      </c>
      <c r="CD63" s="16">
        <v>59</v>
      </c>
      <c r="CE63" s="16">
        <v>57</v>
      </c>
      <c r="CF63" s="16">
        <v>42</v>
      </c>
      <c r="CG63" s="16">
        <v>26</v>
      </c>
      <c r="CH63" s="16">
        <v>46</v>
      </c>
      <c r="CI63" s="16">
        <v>50</v>
      </c>
      <c r="CJ63" s="16">
        <v>46</v>
      </c>
      <c r="CK63" s="16">
        <v>45</v>
      </c>
      <c r="CL63" s="16">
        <v>52</v>
      </c>
      <c r="CM63" s="16">
        <v>43</v>
      </c>
      <c r="CN63" s="16">
        <v>40</v>
      </c>
      <c r="CO63" s="16">
        <v>43</v>
      </c>
      <c r="CP63" s="16">
        <v>43</v>
      </c>
      <c r="CQ63" s="16">
        <v>41</v>
      </c>
      <c r="CR63" s="16">
        <v>41</v>
      </c>
      <c r="CS63" s="16">
        <v>32</v>
      </c>
      <c r="CT63" s="16">
        <v>30</v>
      </c>
      <c r="CU63" s="16">
        <v>33</v>
      </c>
      <c r="CV63" s="16">
        <v>38</v>
      </c>
      <c r="CW63" s="16">
        <v>17</v>
      </c>
      <c r="CX63" s="16">
        <v>15</v>
      </c>
      <c r="CY63" s="16">
        <v>29</v>
      </c>
      <c r="CZ63" s="16">
        <v>24</v>
      </c>
      <c r="DA63" s="16">
        <v>16</v>
      </c>
      <c r="DB63" s="16">
        <v>15</v>
      </c>
      <c r="DC63" s="16">
        <v>8</v>
      </c>
      <c r="DD63" s="16">
        <v>7</v>
      </c>
      <c r="DE63" s="16">
        <v>8</v>
      </c>
      <c r="DF63" s="16">
        <v>5</v>
      </c>
      <c r="DG63" s="16">
        <v>7</v>
      </c>
      <c r="DH63" s="16">
        <v>1</v>
      </c>
      <c r="DI63" s="16">
        <v>508</v>
      </c>
      <c r="DJ63" s="16">
        <v>1920</v>
      </c>
      <c r="DK63" s="16">
        <v>1286</v>
      </c>
      <c r="DL63" s="16">
        <v>774</v>
      </c>
      <c r="DM63" s="16">
        <v>325</v>
      </c>
      <c r="DN63" s="16">
        <v>2013</v>
      </c>
      <c r="DO63" s="17">
        <v>50.398490000000002</v>
      </c>
      <c r="DP63" s="17">
        <v>52.536589999999997</v>
      </c>
    </row>
    <row r="64" spans="1:120">
      <c r="A64" s="21" t="s">
        <v>395</v>
      </c>
      <c r="B64" s="21" t="s">
        <v>216</v>
      </c>
      <c r="C64" s="21" t="s">
        <v>243</v>
      </c>
      <c r="D64" s="21" t="s">
        <v>237</v>
      </c>
      <c r="E64" s="21" t="s">
        <v>249</v>
      </c>
      <c r="F64" s="21" t="s">
        <v>235</v>
      </c>
      <c r="G64" s="21" t="s">
        <v>237</v>
      </c>
      <c r="H64" s="21" t="s">
        <v>241</v>
      </c>
      <c r="I64" s="21" t="s">
        <v>250</v>
      </c>
      <c r="J64" s="16">
        <v>6941</v>
      </c>
      <c r="K64" s="16">
        <v>28</v>
      </c>
      <c r="L64" s="16">
        <v>43</v>
      </c>
      <c r="M64" s="16">
        <v>38</v>
      </c>
      <c r="N64" s="16">
        <v>51</v>
      </c>
      <c r="O64" s="16">
        <v>39</v>
      </c>
      <c r="P64" s="16">
        <v>58</v>
      </c>
      <c r="Q64" s="16">
        <v>54</v>
      </c>
      <c r="R64" s="16">
        <v>68</v>
      </c>
      <c r="S64" s="16">
        <v>62</v>
      </c>
      <c r="T64" s="16">
        <v>64</v>
      </c>
      <c r="U64" s="16">
        <v>43</v>
      </c>
      <c r="V64" s="16">
        <v>58</v>
      </c>
      <c r="W64" s="16">
        <v>60</v>
      </c>
      <c r="X64" s="16">
        <v>65</v>
      </c>
      <c r="Y64" s="16">
        <v>51</v>
      </c>
      <c r="Z64" s="16">
        <v>54</v>
      </c>
      <c r="AA64" s="16">
        <v>53</v>
      </c>
      <c r="AB64" s="16">
        <v>46</v>
      </c>
      <c r="AC64" s="16">
        <v>47</v>
      </c>
      <c r="AD64" s="16">
        <v>33</v>
      </c>
      <c r="AE64" s="16">
        <v>37</v>
      </c>
      <c r="AF64" s="16">
        <v>41</v>
      </c>
      <c r="AG64" s="16">
        <v>39</v>
      </c>
      <c r="AH64" s="16">
        <v>31</v>
      </c>
      <c r="AI64" s="16">
        <v>43</v>
      </c>
      <c r="AJ64" s="16">
        <v>41</v>
      </c>
      <c r="AK64" s="16">
        <v>21</v>
      </c>
      <c r="AL64" s="16">
        <v>37</v>
      </c>
      <c r="AM64" s="16">
        <v>38</v>
      </c>
      <c r="AN64" s="16">
        <v>41</v>
      </c>
      <c r="AO64" s="16">
        <v>43</v>
      </c>
      <c r="AP64" s="16">
        <v>49</v>
      </c>
      <c r="AQ64" s="16">
        <v>59</v>
      </c>
      <c r="AR64" s="16">
        <v>58</v>
      </c>
      <c r="AS64" s="16">
        <v>59</v>
      </c>
      <c r="AT64" s="16">
        <v>51</v>
      </c>
      <c r="AU64" s="16">
        <v>64</v>
      </c>
      <c r="AV64" s="16">
        <v>65</v>
      </c>
      <c r="AW64" s="16">
        <v>66</v>
      </c>
      <c r="AX64" s="16">
        <v>81</v>
      </c>
      <c r="AY64" s="16">
        <v>70</v>
      </c>
      <c r="AZ64" s="16">
        <v>86</v>
      </c>
      <c r="BA64" s="16">
        <v>72</v>
      </c>
      <c r="BB64" s="16">
        <v>86</v>
      </c>
      <c r="BC64" s="16">
        <v>73</v>
      </c>
      <c r="BD64" s="16">
        <v>66</v>
      </c>
      <c r="BE64" s="16">
        <v>83</v>
      </c>
      <c r="BF64" s="16">
        <v>77</v>
      </c>
      <c r="BG64" s="16">
        <v>87</v>
      </c>
      <c r="BH64" s="16">
        <v>83</v>
      </c>
      <c r="BI64" s="16">
        <v>69</v>
      </c>
      <c r="BJ64" s="16">
        <v>87</v>
      </c>
      <c r="BK64" s="16">
        <v>90</v>
      </c>
      <c r="BL64" s="16">
        <v>66</v>
      </c>
      <c r="BM64" s="16">
        <v>78</v>
      </c>
      <c r="BN64" s="16">
        <v>84</v>
      </c>
      <c r="BO64" s="16">
        <v>92</v>
      </c>
      <c r="BP64" s="16">
        <v>87</v>
      </c>
      <c r="BQ64" s="16">
        <v>97</v>
      </c>
      <c r="BR64" s="16">
        <v>94</v>
      </c>
      <c r="BS64" s="16">
        <v>94</v>
      </c>
      <c r="BT64" s="16">
        <v>108</v>
      </c>
      <c r="BU64" s="16">
        <v>95</v>
      </c>
      <c r="BV64" s="16">
        <v>104</v>
      </c>
      <c r="BW64" s="16">
        <v>118</v>
      </c>
      <c r="BX64" s="16">
        <v>119</v>
      </c>
      <c r="BY64" s="16">
        <v>95</v>
      </c>
      <c r="BZ64" s="16">
        <v>104</v>
      </c>
      <c r="CA64" s="16">
        <v>133</v>
      </c>
      <c r="CB64" s="16">
        <v>115</v>
      </c>
      <c r="CC64" s="16">
        <v>119</v>
      </c>
      <c r="CD64" s="16">
        <v>141</v>
      </c>
      <c r="CE64" s="16">
        <v>133</v>
      </c>
      <c r="CF64" s="16">
        <v>118</v>
      </c>
      <c r="CG64" s="16">
        <v>74</v>
      </c>
      <c r="CH64" s="16">
        <v>92</v>
      </c>
      <c r="CI64" s="16">
        <v>110</v>
      </c>
      <c r="CJ64" s="16">
        <v>98</v>
      </c>
      <c r="CK64" s="16">
        <v>97</v>
      </c>
      <c r="CL64" s="16">
        <v>119</v>
      </c>
      <c r="CM64" s="16">
        <v>84</v>
      </c>
      <c r="CN64" s="16">
        <v>102</v>
      </c>
      <c r="CO64" s="16">
        <v>105</v>
      </c>
      <c r="CP64" s="16">
        <v>86</v>
      </c>
      <c r="CQ64" s="16">
        <v>110</v>
      </c>
      <c r="CR64" s="16">
        <v>77</v>
      </c>
      <c r="CS64" s="16">
        <v>88</v>
      </c>
      <c r="CT64" s="16">
        <v>88</v>
      </c>
      <c r="CU64" s="16">
        <v>69</v>
      </c>
      <c r="CV64" s="16">
        <v>70</v>
      </c>
      <c r="CW64" s="16">
        <v>55</v>
      </c>
      <c r="CX64" s="16">
        <v>46</v>
      </c>
      <c r="CY64" s="16">
        <v>40</v>
      </c>
      <c r="CZ64" s="16">
        <v>32</v>
      </c>
      <c r="DA64" s="16">
        <v>30</v>
      </c>
      <c r="DB64" s="16">
        <v>26</v>
      </c>
      <c r="DC64" s="16">
        <v>10</v>
      </c>
      <c r="DD64" s="16">
        <v>12</v>
      </c>
      <c r="DE64" s="16">
        <v>6</v>
      </c>
      <c r="DF64" s="16">
        <v>7</v>
      </c>
      <c r="DG64" s="16">
        <v>6</v>
      </c>
      <c r="DH64" s="22" t="s">
        <v>268</v>
      </c>
      <c r="DI64" s="16">
        <v>782</v>
      </c>
      <c r="DJ64" s="16">
        <v>3343</v>
      </c>
      <c r="DK64" s="16">
        <v>2816</v>
      </c>
      <c r="DL64" s="16">
        <v>1665</v>
      </c>
      <c r="DM64" s="16">
        <v>662</v>
      </c>
      <c r="DN64" s="16">
        <v>3676</v>
      </c>
      <c r="DO64" s="17">
        <v>54.071100000000001</v>
      </c>
      <c r="DP64" s="17">
        <v>58.572159999999997</v>
      </c>
    </row>
    <row r="65" spans="1:120">
      <c r="A65" s="21" t="s">
        <v>395</v>
      </c>
      <c r="B65" s="21" t="s">
        <v>216</v>
      </c>
      <c r="C65" s="21" t="s">
        <v>243</v>
      </c>
      <c r="D65" s="21" t="s">
        <v>237</v>
      </c>
      <c r="E65" s="21" t="s">
        <v>251</v>
      </c>
      <c r="F65" s="21" t="s">
        <v>235</v>
      </c>
      <c r="G65" s="21" t="s">
        <v>237</v>
      </c>
      <c r="H65" s="21" t="s">
        <v>241</v>
      </c>
      <c r="I65" s="21" t="s">
        <v>252</v>
      </c>
      <c r="J65" s="16">
        <v>971</v>
      </c>
      <c r="K65" s="16">
        <v>5</v>
      </c>
      <c r="L65" s="16">
        <v>4</v>
      </c>
      <c r="M65" s="16">
        <v>5</v>
      </c>
      <c r="N65" s="16">
        <v>5</v>
      </c>
      <c r="O65" s="16">
        <v>3</v>
      </c>
      <c r="P65" s="16">
        <v>3</v>
      </c>
      <c r="Q65" s="16">
        <v>3</v>
      </c>
      <c r="R65" s="16">
        <v>3</v>
      </c>
      <c r="S65" s="16">
        <v>6</v>
      </c>
      <c r="T65" s="16">
        <v>3</v>
      </c>
      <c r="U65" s="16">
        <v>4</v>
      </c>
      <c r="V65" s="16">
        <v>7</v>
      </c>
      <c r="W65" s="16">
        <v>7</v>
      </c>
      <c r="X65" s="16">
        <v>5</v>
      </c>
      <c r="Y65" s="16">
        <v>6</v>
      </c>
      <c r="Z65" s="16">
        <v>2</v>
      </c>
      <c r="AA65" s="16">
        <v>6</v>
      </c>
      <c r="AB65" s="16">
        <v>8</v>
      </c>
      <c r="AC65" s="16">
        <v>7</v>
      </c>
      <c r="AD65" s="16">
        <v>4</v>
      </c>
      <c r="AE65" s="16">
        <v>9</v>
      </c>
      <c r="AF65" s="16">
        <v>4</v>
      </c>
      <c r="AG65" s="16">
        <v>5</v>
      </c>
      <c r="AH65" s="16">
        <v>4</v>
      </c>
      <c r="AI65" s="16">
        <v>9</v>
      </c>
      <c r="AJ65" s="16">
        <v>9</v>
      </c>
      <c r="AK65" s="16">
        <v>3</v>
      </c>
      <c r="AL65" s="16">
        <v>2</v>
      </c>
      <c r="AM65" s="16">
        <v>1</v>
      </c>
      <c r="AN65" s="16">
        <v>3</v>
      </c>
      <c r="AO65" s="16">
        <v>1</v>
      </c>
      <c r="AP65" s="16">
        <v>6</v>
      </c>
      <c r="AQ65" s="16">
        <v>1</v>
      </c>
      <c r="AR65" s="16">
        <v>8</v>
      </c>
      <c r="AS65" s="16">
        <v>5</v>
      </c>
      <c r="AT65" s="16">
        <v>9</v>
      </c>
      <c r="AU65" s="16">
        <v>6</v>
      </c>
      <c r="AV65" s="16">
        <v>6</v>
      </c>
      <c r="AW65" s="16">
        <v>4</v>
      </c>
      <c r="AX65" s="16">
        <v>8</v>
      </c>
      <c r="AY65" s="16">
        <v>6</v>
      </c>
      <c r="AZ65" s="16">
        <v>5</v>
      </c>
      <c r="BA65" s="16">
        <v>7</v>
      </c>
      <c r="BB65" s="16">
        <v>5</v>
      </c>
      <c r="BC65" s="16">
        <v>4</v>
      </c>
      <c r="BD65" s="16">
        <v>9</v>
      </c>
      <c r="BE65" s="16">
        <v>12</v>
      </c>
      <c r="BF65" s="16">
        <v>9</v>
      </c>
      <c r="BG65" s="16">
        <v>12</v>
      </c>
      <c r="BH65" s="16">
        <v>10</v>
      </c>
      <c r="BI65" s="16">
        <v>8</v>
      </c>
      <c r="BJ65" s="16">
        <v>5</v>
      </c>
      <c r="BK65" s="16">
        <v>10</v>
      </c>
      <c r="BL65" s="16">
        <v>11</v>
      </c>
      <c r="BM65" s="16">
        <v>12</v>
      </c>
      <c r="BN65" s="16">
        <v>10</v>
      </c>
      <c r="BO65" s="16">
        <v>20</v>
      </c>
      <c r="BP65" s="16">
        <v>13</v>
      </c>
      <c r="BQ65" s="16">
        <v>14</v>
      </c>
      <c r="BR65" s="16">
        <v>16</v>
      </c>
      <c r="BS65" s="16">
        <v>10</v>
      </c>
      <c r="BT65" s="16">
        <v>14</v>
      </c>
      <c r="BU65" s="16">
        <v>17</v>
      </c>
      <c r="BV65" s="16">
        <v>15</v>
      </c>
      <c r="BW65" s="16">
        <v>23</v>
      </c>
      <c r="BX65" s="16">
        <v>19</v>
      </c>
      <c r="BY65" s="16">
        <v>17</v>
      </c>
      <c r="BZ65" s="16">
        <v>14</v>
      </c>
      <c r="CA65" s="16">
        <v>16</v>
      </c>
      <c r="CB65" s="16">
        <v>20</v>
      </c>
      <c r="CC65" s="16">
        <v>21</v>
      </c>
      <c r="CD65" s="16">
        <v>14</v>
      </c>
      <c r="CE65" s="16">
        <v>16</v>
      </c>
      <c r="CF65" s="16">
        <v>20</v>
      </c>
      <c r="CG65" s="16">
        <v>10</v>
      </c>
      <c r="CH65" s="16">
        <v>15</v>
      </c>
      <c r="CI65" s="16">
        <v>16</v>
      </c>
      <c r="CJ65" s="16">
        <v>12</v>
      </c>
      <c r="CK65" s="16">
        <v>23</v>
      </c>
      <c r="CL65" s="16">
        <v>31</v>
      </c>
      <c r="CM65" s="16">
        <v>27</v>
      </c>
      <c r="CN65" s="16">
        <v>16</v>
      </c>
      <c r="CO65" s="16">
        <v>17</v>
      </c>
      <c r="CP65" s="16">
        <v>17</v>
      </c>
      <c r="CQ65" s="16">
        <v>11</v>
      </c>
      <c r="CR65" s="16">
        <v>17</v>
      </c>
      <c r="CS65" s="16">
        <v>21</v>
      </c>
      <c r="CT65" s="16">
        <v>20</v>
      </c>
      <c r="CU65" s="16">
        <v>8</v>
      </c>
      <c r="CV65" s="16">
        <v>10</v>
      </c>
      <c r="CW65" s="16">
        <v>16</v>
      </c>
      <c r="CX65" s="16">
        <v>14</v>
      </c>
      <c r="CY65" s="16">
        <v>5</v>
      </c>
      <c r="CZ65" s="16">
        <v>7</v>
      </c>
      <c r="DA65" s="16">
        <v>6</v>
      </c>
      <c r="DB65" s="16">
        <v>3</v>
      </c>
      <c r="DC65" s="16">
        <v>3</v>
      </c>
      <c r="DD65" s="16">
        <v>1</v>
      </c>
      <c r="DE65" s="16">
        <v>5</v>
      </c>
      <c r="DF65" s="16">
        <v>3</v>
      </c>
      <c r="DG65" s="16">
        <v>4</v>
      </c>
      <c r="DH65" s="22" t="s">
        <v>268</v>
      </c>
      <c r="DI65" s="16">
        <v>69</v>
      </c>
      <c r="DJ65" s="16">
        <v>407</v>
      </c>
      <c r="DK65" s="16">
        <v>495</v>
      </c>
      <c r="DL65" s="16">
        <v>328</v>
      </c>
      <c r="DM65" s="16">
        <v>143</v>
      </c>
      <c r="DN65" s="16">
        <v>466</v>
      </c>
      <c r="DO65" s="17">
        <v>60.46087</v>
      </c>
      <c r="DP65" s="17">
        <v>65.5</v>
      </c>
    </row>
    <row r="66" spans="1:120">
      <c r="A66" s="21" t="s">
        <v>395</v>
      </c>
      <c r="B66" s="21" t="s">
        <v>216</v>
      </c>
      <c r="C66" s="21" t="s">
        <v>243</v>
      </c>
      <c r="D66" s="21" t="s">
        <v>237</v>
      </c>
      <c r="E66" s="21" t="s">
        <v>253</v>
      </c>
      <c r="F66" s="21" t="s">
        <v>235</v>
      </c>
      <c r="G66" s="21" t="s">
        <v>237</v>
      </c>
      <c r="H66" s="21" t="s">
        <v>241</v>
      </c>
      <c r="I66" s="21" t="s">
        <v>254</v>
      </c>
      <c r="J66" s="16">
        <v>785</v>
      </c>
      <c r="K66" s="22" t="s">
        <v>268</v>
      </c>
      <c r="L66" s="16">
        <v>2</v>
      </c>
      <c r="M66" s="16">
        <v>1</v>
      </c>
      <c r="N66" s="16">
        <v>4</v>
      </c>
      <c r="O66" s="16">
        <v>2</v>
      </c>
      <c r="P66" s="16">
        <v>3</v>
      </c>
      <c r="Q66" s="16">
        <v>4</v>
      </c>
      <c r="R66" s="16">
        <v>4</v>
      </c>
      <c r="S66" s="16">
        <v>3</v>
      </c>
      <c r="T66" s="16">
        <v>5</v>
      </c>
      <c r="U66" s="16">
        <v>5</v>
      </c>
      <c r="V66" s="16">
        <v>4</v>
      </c>
      <c r="W66" s="16">
        <v>6</v>
      </c>
      <c r="X66" s="16">
        <v>4</v>
      </c>
      <c r="Y66" s="16">
        <v>2</v>
      </c>
      <c r="Z66" s="16">
        <v>4</v>
      </c>
      <c r="AA66" s="16">
        <v>5</v>
      </c>
      <c r="AB66" s="16">
        <v>7</v>
      </c>
      <c r="AC66" s="16">
        <v>3</v>
      </c>
      <c r="AD66" s="16">
        <v>2</v>
      </c>
      <c r="AE66" s="16">
        <v>1</v>
      </c>
      <c r="AF66" s="16">
        <v>1</v>
      </c>
      <c r="AG66" s="16">
        <v>3</v>
      </c>
      <c r="AH66" s="16">
        <v>3</v>
      </c>
      <c r="AI66" s="22" t="s">
        <v>268</v>
      </c>
      <c r="AJ66" s="16">
        <v>1</v>
      </c>
      <c r="AK66" s="22" t="s">
        <v>268</v>
      </c>
      <c r="AL66" s="16">
        <v>4</v>
      </c>
      <c r="AM66" s="16">
        <v>4</v>
      </c>
      <c r="AN66" s="16">
        <v>3</v>
      </c>
      <c r="AO66" s="22" t="s">
        <v>268</v>
      </c>
      <c r="AP66" s="16">
        <v>3</v>
      </c>
      <c r="AQ66" s="16">
        <v>4</v>
      </c>
      <c r="AR66" s="16">
        <v>7</v>
      </c>
      <c r="AS66" s="16">
        <v>8</v>
      </c>
      <c r="AT66" s="16">
        <v>4</v>
      </c>
      <c r="AU66" s="16">
        <v>6</v>
      </c>
      <c r="AV66" s="16">
        <v>2</v>
      </c>
      <c r="AW66" s="16">
        <v>3</v>
      </c>
      <c r="AX66" s="16">
        <v>3</v>
      </c>
      <c r="AY66" s="16">
        <v>4</v>
      </c>
      <c r="AZ66" s="16">
        <v>9</v>
      </c>
      <c r="BA66" s="16">
        <v>3</v>
      </c>
      <c r="BB66" s="16">
        <v>5</v>
      </c>
      <c r="BC66" s="16">
        <v>3</v>
      </c>
      <c r="BD66" s="16">
        <v>4</v>
      </c>
      <c r="BE66" s="16">
        <v>5</v>
      </c>
      <c r="BF66" s="16">
        <v>3</v>
      </c>
      <c r="BG66" s="16">
        <v>6</v>
      </c>
      <c r="BH66" s="16">
        <v>8</v>
      </c>
      <c r="BI66" s="16">
        <v>6</v>
      </c>
      <c r="BJ66" s="16">
        <v>5</v>
      </c>
      <c r="BK66" s="16">
        <v>6</v>
      </c>
      <c r="BL66" s="16">
        <v>8</v>
      </c>
      <c r="BM66" s="16">
        <v>6</v>
      </c>
      <c r="BN66" s="16">
        <v>11</v>
      </c>
      <c r="BO66" s="16">
        <v>11</v>
      </c>
      <c r="BP66" s="16">
        <v>7</v>
      </c>
      <c r="BQ66" s="16">
        <v>10</v>
      </c>
      <c r="BR66" s="16">
        <v>8</v>
      </c>
      <c r="BS66" s="16">
        <v>8</v>
      </c>
      <c r="BT66" s="16">
        <v>13</v>
      </c>
      <c r="BU66" s="16">
        <v>14</v>
      </c>
      <c r="BV66" s="16">
        <v>18</v>
      </c>
      <c r="BW66" s="16">
        <v>7</v>
      </c>
      <c r="BX66" s="16">
        <v>15</v>
      </c>
      <c r="BY66" s="16">
        <v>12</v>
      </c>
      <c r="BZ66" s="16">
        <v>17</v>
      </c>
      <c r="CA66" s="16">
        <v>23</v>
      </c>
      <c r="CB66" s="16">
        <v>12</v>
      </c>
      <c r="CC66" s="16">
        <v>12</v>
      </c>
      <c r="CD66" s="16">
        <v>31</v>
      </c>
      <c r="CE66" s="16">
        <v>18</v>
      </c>
      <c r="CF66" s="16">
        <v>17</v>
      </c>
      <c r="CG66" s="16">
        <v>13</v>
      </c>
      <c r="CH66" s="16">
        <v>16</v>
      </c>
      <c r="CI66" s="16">
        <v>28</v>
      </c>
      <c r="CJ66" s="16">
        <v>19</v>
      </c>
      <c r="CK66" s="16">
        <v>19</v>
      </c>
      <c r="CL66" s="16">
        <v>20</v>
      </c>
      <c r="CM66" s="16">
        <v>21</v>
      </c>
      <c r="CN66" s="16">
        <v>16</v>
      </c>
      <c r="CO66" s="16">
        <v>20</v>
      </c>
      <c r="CP66" s="16">
        <v>27</v>
      </c>
      <c r="CQ66" s="16">
        <v>16</v>
      </c>
      <c r="CR66" s="16">
        <v>19</v>
      </c>
      <c r="CS66" s="16">
        <v>7</v>
      </c>
      <c r="CT66" s="16">
        <v>7</v>
      </c>
      <c r="CU66" s="16">
        <v>16</v>
      </c>
      <c r="CV66" s="16">
        <v>8</v>
      </c>
      <c r="CW66" s="16">
        <v>12</v>
      </c>
      <c r="CX66" s="16">
        <v>6</v>
      </c>
      <c r="CY66" s="16">
        <v>5</v>
      </c>
      <c r="CZ66" s="16">
        <v>7</v>
      </c>
      <c r="DA66" s="16">
        <v>5</v>
      </c>
      <c r="DB66" s="16">
        <v>2</v>
      </c>
      <c r="DC66" s="16">
        <v>1</v>
      </c>
      <c r="DD66" s="22" t="s">
        <v>268</v>
      </c>
      <c r="DE66" s="22" t="s">
        <v>268</v>
      </c>
      <c r="DF66" s="22" t="s">
        <v>268</v>
      </c>
      <c r="DG66" s="22" t="s">
        <v>268</v>
      </c>
      <c r="DH66" s="22" t="s">
        <v>268</v>
      </c>
      <c r="DI66" s="16">
        <v>49</v>
      </c>
      <c r="DJ66" s="16">
        <v>269</v>
      </c>
      <c r="DK66" s="16">
        <v>467</v>
      </c>
      <c r="DL66" s="16">
        <v>297</v>
      </c>
      <c r="DM66" s="16">
        <v>95</v>
      </c>
      <c r="DN66" s="16">
        <v>327</v>
      </c>
      <c r="DO66" s="17">
        <v>63.205730000000003</v>
      </c>
      <c r="DP66" s="17">
        <v>69.625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9CAC68-DB72-407F-97F8-1FFB8412D03D}">
  <sheetPr>
    <pageSetUpPr fitToPage="1"/>
  </sheetPr>
  <dimension ref="A1:J151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16.125" style="20" bestFit="1" customWidth="1"/>
    <col min="5" max="5" width="20" style="20" bestFit="1" customWidth="1"/>
    <col min="6" max="16384" width="12.625" style="20"/>
  </cols>
  <sheetData>
    <row r="1" spans="1:10" s="11" customFormat="1">
      <c r="A1" s="11" t="s">
        <v>192</v>
      </c>
    </row>
    <row r="2" spans="1:10" s="11" customFormat="1">
      <c r="A2" s="11" t="s">
        <v>655</v>
      </c>
    </row>
    <row r="3" spans="1:10" s="11" customFormat="1"/>
    <row r="4" spans="1:10" s="11" customFormat="1" hidden="1"/>
    <row r="5" spans="1:10" s="11" customFormat="1"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</row>
    <row r="6" spans="1:10" s="11" customFormat="1" ht="24">
      <c r="F6" s="12" t="s">
        <v>634</v>
      </c>
      <c r="G6" s="12" t="s">
        <v>634</v>
      </c>
      <c r="H6" s="12" t="s">
        <v>634</v>
      </c>
      <c r="I6" s="12" t="s">
        <v>634</v>
      </c>
      <c r="J6" s="12" t="s">
        <v>634</v>
      </c>
    </row>
    <row r="7" spans="1:10" s="11" customFormat="1">
      <c r="F7" s="12">
        <v>1</v>
      </c>
      <c r="G7" s="12">
        <v>1</v>
      </c>
      <c r="H7" s="12">
        <v>1</v>
      </c>
      <c r="I7" s="12">
        <v>1</v>
      </c>
      <c r="J7" s="12">
        <v>1</v>
      </c>
    </row>
    <row r="8" spans="1:10" s="11" customFormat="1" ht="48">
      <c r="F8" s="12" t="s">
        <v>214</v>
      </c>
      <c r="G8" s="12" t="s">
        <v>635</v>
      </c>
      <c r="H8" s="12" t="s">
        <v>636</v>
      </c>
      <c r="I8" s="12" t="s">
        <v>637</v>
      </c>
      <c r="J8" s="12" t="s">
        <v>638</v>
      </c>
    </row>
    <row r="9" spans="1:10" s="11" customFormat="1"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</row>
    <row r="10" spans="1:10" s="11" customFormat="1">
      <c r="A10" s="14" t="s">
        <v>224</v>
      </c>
      <c r="B10" s="14" t="s">
        <v>259</v>
      </c>
      <c r="C10" s="14" t="s">
        <v>230</v>
      </c>
      <c r="D10" s="14" t="s">
        <v>639</v>
      </c>
      <c r="E10" s="14" t="s">
        <v>640</v>
      </c>
      <c r="F10" s="14" t="s">
        <v>231</v>
      </c>
      <c r="G10" s="14"/>
      <c r="H10" s="14"/>
      <c r="I10" s="14"/>
      <c r="J10" s="14"/>
    </row>
    <row r="11" spans="1:10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214</v>
      </c>
      <c r="F11" s="16">
        <v>86381040</v>
      </c>
      <c r="G11" s="16">
        <v>72959178</v>
      </c>
      <c r="H11" s="16">
        <v>11237621</v>
      </c>
      <c r="I11" s="16">
        <v>2184241</v>
      </c>
      <c r="J11" s="16">
        <v>10070073</v>
      </c>
    </row>
    <row r="12" spans="1:10">
      <c r="A12" s="21" t="s">
        <v>232</v>
      </c>
      <c r="B12" s="21" t="s">
        <v>233</v>
      </c>
      <c r="C12" s="21" t="s">
        <v>262</v>
      </c>
      <c r="D12" s="21" t="s">
        <v>641</v>
      </c>
      <c r="E12" s="21" t="s">
        <v>214</v>
      </c>
      <c r="F12" s="16">
        <v>25540947</v>
      </c>
      <c r="G12" s="16">
        <v>22317680</v>
      </c>
      <c r="H12" s="16">
        <v>2810594</v>
      </c>
      <c r="I12" s="16">
        <v>412673</v>
      </c>
      <c r="J12" s="16">
        <v>168061</v>
      </c>
    </row>
    <row r="13" spans="1:10">
      <c r="A13" s="21" t="s">
        <v>232</v>
      </c>
      <c r="B13" s="21" t="s">
        <v>233</v>
      </c>
      <c r="C13" s="21" t="s">
        <v>262</v>
      </c>
      <c r="D13" s="21" t="s">
        <v>642</v>
      </c>
      <c r="E13" s="21" t="s">
        <v>214</v>
      </c>
      <c r="F13" s="16">
        <v>60840093</v>
      </c>
      <c r="G13" s="16">
        <v>50641498</v>
      </c>
      <c r="H13" s="16">
        <v>8427027</v>
      </c>
      <c r="I13" s="16">
        <v>1771568</v>
      </c>
      <c r="J13" s="16">
        <v>9902012</v>
      </c>
    </row>
    <row r="14" spans="1:10">
      <c r="A14" s="21" t="s">
        <v>232</v>
      </c>
      <c r="B14" s="21" t="s">
        <v>233</v>
      </c>
      <c r="C14" s="21" t="s">
        <v>262</v>
      </c>
      <c r="D14" s="21" t="s">
        <v>642</v>
      </c>
      <c r="E14" s="21" t="s">
        <v>643</v>
      </c>
      <c r="F14" s="16">
        <v>3029860</v>
      </c>
      <c r="G14" s="16">
        <v>2696167</v>
      </c>
      <c r="H14" s="16">
        <v>319996</v>
      </c>
      <c r="I14" s="16">
        <v>13697</v>
      </c>
      <c r="J14" s="16">
        <v>322859</v>
      </c>
    </row>
    <row r="15" spans="1:10">
      <c r="A15" s="21" t="s">
        <v>232</v>
      </c>
      <c r="B15" s="21" t="s">
        <v>233</v>
      </c>
      <c r="C15" s="21" t="s">
        <v>262</v>
      </c>
      <c r="D15" s="21" t="s">
        <v>642</v>
      </c>
      <c r="E15" s="21" t="s">
        <v>644</v>
      </c>
      <c r="F15" s="16">
        <v>5726891</v>
      </c>
      <c r="G15" s="16">
        <v>5076031</v>
      </c>
      <c r="H15" s="16">
        <v>624808</v>
      </c>
      <c r="I15" s="16">
        <v>26052</v>
      </c>
      <c r="J15" s="16">
        <v>629942</v>
      </c>
    </row>
    <row r="16" spans="1:10">
      <c r="A16" s="21" t="s">
        <v>232</v>
      </c>
      <c r="B16" s="21" t="s">
        <v>233</v>
      </c>
      <c r="C16" s="21" t="s">
        <v>262</v>
      </c>
      <c r="D16" s="21" t="s">
        <v>642</v>
      </c>
      <c r="E16" s="21" t="s">
        <v>645</v>
      </c>
      <c r="F16" s="16">
        <v>6661873</v>
      </c>
      <c r="G16" s="16">
        <v>5834599</v>
      </c>
      <c r="H16" s="16">
        <v>797840</v>
      </c>
      <c r="I16" s="16">
        <v>29434</v>
      </c>
      <c r="J16" s="16">
        <v>803942</v>
      </c>
    </row>
    <row r="17" spans="1:10">
      <c r="A17" s="21" t="s">
        <v>232</v>
      </c>
      <c r="B17" s="21" t="s">
        <v>233</v>
      </c>
      <c r="C17" s="21" t="s">
        <v>262</v>
      </c>
      <c r="D17" s="21" t="s">
        <v>642</v>
      </c>
      <c r="E17" s="21" t="s">
        <v>646</v>
      </c>
      <c r="F17" s="16">
        <v>5816103</v>
      </c>
      <c r="G17" s="16">
        <v>5005097</v>
      </c>
      <c r="H17" s="16">
        <v>786830</v>
      </c>
      <c r="I17" s="16">
        <v>24176</v>
      </c>
      <c r="J17" s="16">
        <v>791997</v>
      </c>
    </row>
    <row r="18" spans="1:10">
      <c r="A18" s="21" t="s">
        <v>232</v>
      </c>
      <c r="B18" s="21" t="s">
        <v>233</v>
      </c>
      <c r="C18" s="21" t="s">
        <v>262</v>
      </c>
      <c r="D18" s="21" t="s">
        <v>642</v>
      </c>
      <c r="E18" s="21" t="s">
        <v>647</v>
      </c>
      <c r="F18" s="16">
        <v>5507170</v>
      </c>
      <c r="G18" s="16">
        <v>4662148</v>
      </c>
      <c r="H18" s="16">
        <v>820702</v>
      </c>
      <c r="I18" s="16">
        <v>24320</v>
      </c>
      <c r="J18" s="16">
        <v>826728</v>
      </c>
    </row>
    <row r="19" spans="1:10">
      <c r="A19" s="21" t="s">
        <v>232</v>
      </c>
      <c r="B19" s="21" t="s">
        <v>233</v>
      </c>
      <c r="C19" s="21" t="s">
        <v>262</v>
      </c>
      <c r="D19" s="21" t="s">
        <v>642</v>
      </c>
      <c r="E19" s="21" t="s">
        <v>648</v>
      </c>
      <c r="F19" s="16">
        <v>5167829</v>
      </c>
      <c r="G19" s="16">
        <v>4293132</v>
      </c>
      <c r="H19" s="16">
        <v>849448</v>
      </c>
      <c r="I19" s="16">
        <v>25249</v>
      </c>
      <c r="J19" s="16">
        <v>856947</v>
      </c>
    </row>
    <row r="20" spans="1:10">
      <c r="A20" s="21" t="s">
        <v>232</v>
      </c>
      <c r="B20" s="21" t="s">
        <v>233</v>
      </c>
      <c r="C20" s="21" t="s">
        <v>262</v>
      </c>
      <c r="D20" s="21" t="s">
        <v>642</v>
      </c>
      <c r="E20" s="21" t="s">
        <v>649</v>
      </c>
      <c r="F20" s="16">
        <v>4752556</v>
      </c>
      <c r="G20" s="16">
        <v>3876722</v>
      </c>
      <c r="H20" s="16">
        <v>846611</v>
      </c>
      <c r="I20" s="16">
        <v>29223</v>
      </c>
      <c r="J20" s="16">
        <v>857913</v>
      </c>
    </row>
    <row r="21" spans="1:10">
      <c r="A21" s="21" t="s">
        <v>232</v>
      </c>
      <c r="B21" s="21" t="s">
        <v>233</v>
      </c>
      <c r="C21" s="21" t="s">
        <v>262</v>
      </c>
      <c r="D21" s="21" t="s">
        <v>642</v>
      </c>
      <c r="E21" s="21" t="s">
        <v>650</v>
      </c>
      <c r="F21" s="16">
        <v>24177811</v>
      </c>
      <c r="G21" s="16">
        <v>19197602</v>
      </c>
      <c r="H21" s="16">
        <v>3380792</v>
      </c>
      <c r="I21" s="16">
        <v>1599417</v>
      </c>
      <c r="J21" s="16">
        <v>4811684</v>
      </c>
    </row>
    <row r="22" spans="1:10">
      <c r="A22" s="21" t="s">
        <v>232</v>
      </c>
      <c r="B22" s="21" t="s">
        <v>233</v>
      </c>
      <c r="C22" s="21" t="s">
        <v>262</v>
      </c>
      <c r="D22" s="21" t="s">
        <v>651</v>
      </c>
      <c r="E22" s="21" t="s">
        <v>214</v>
      </c>
      <c r="F22" s="16">
        <v>25602609</v>
      </c>
      <c r="G22" s="16">
        <v>21070503</v>
      </c>
      <c r="H22" s="16">
        <v>3274888</v>
      </c>
      <c r="I22" s="16">
        <v>1257218</v>
      </c>
      <c r="J22" s="16">
        <v>4368852</v>
      </c>
    </row>
    <row r="23" spans="1:10">
      <c r="A23" s="21" t="s">
        <v>232</v>
      </c>
      <c r="B23" s="21" t="s">
        <v>233</v>
      </c>
      <c r="C23" s="21" t="s">
        <v>262</v>
      </c>
      <c r="D23" s="21" t="s">
        <v>651</v>
      </c>
      <c r="E23" s="21" t="s">
        <v>643</v>
      </c>
      <c r="F23" s="16">
        <v>1128740</v>
      </c>
      <c r="G23" s="16">
        <v>1015278</v>
      </c>
      <c r="H23" s="16">
        <v>108175</v>
      </c>
      <c r="I23" s="16">
        <v>5287</v>
      </c>
      <c r="J23" s="16">
        <v>109000</v>
      </c>
    </row>
    <row r="24" spans="1:10">
      <c r="A24" s="21" t="s">
        <v>232</v>
      </c>
      <c r="B24" s="21" t="s">
        <v>233</v>
      </c>
      <c r="C24" s="21" t="s">
        <v>262</v>
      </c>
      <c r="D24" s="21" t="s">
        <v>651</v>
      </c>
      <c r="E24" s="21" t="s">
        <v>644</v>
      </c>
      <c r="F24" s="16">
        <v>1950315</v>
      </c>
      <c r="G24" s="16">
        <v>1751382</v>
      </c>
      <c r="H24" s="16">
        <v>189094</v>
      </c>
      <c r="I24" s="16">
        <v>9839</v>
      </c>
      <c r="J24" s="16">
        <v>190442</v>
      </c>
    </row>
    <row r="25" spans="1:10">
      <c r="A25" s="21" t="s">
        <v>232</v>
      </c>
      <c r="B25" s="21" t="s">
        <v>233</v>
      </c>
      <c r="C25" s="21" t="s">
        <v>262</v>
      </c>
      <c r="D25" s="21" t="s">
        <v>651</v>
      </c>
      <c r="E25" s="21" t="s">
        <v>645</v>
      </c>
      <c r="F25" s="16">
        <v>1615764</v>
      </c>
      <c r="G25" s="16">
        <v>1435083</v>
      </c>
      <c r="H25" s="16">
        <v>171353</v>
      </c>
      <c r="I25" s="16">
        <v>9328</v>
      </c>
      <c r="J25" s="16">
        <v>172246</v>
      </c>
    </row>
    <row r="26" spans="1:10">
      <c r="A26" s="21" t="s">
        <v>232</v>
      </c>
      <c r="B26" s="21" t="s">
        <v>233</v>
      </c>
      <c r="C26" s="21" t="s">
        <v>262</v>
      </c>
      <c r="D26" s="21" t="s">
        <v>651</v>
      </c>
      <c r="E26" s="21" t="s">
        <v>646</v>
      </c>
      <c r="F26" s="16">
        <v>1143805</v>
      </c>
      <c r="G26" s="16">
        <v>995895</v>
      </c>
      <c r="H26" s="16">
        <v>140975</v>
      </c>
      <c r="I26" s="16">
        <v>6935</v>
      </c>
      <c r="J26" s="16">
        <v>141563</v>
      </c>
    </row>
    <row r="27" spans="1:10">
      <c r="A27" s="21" t="s">
        <v>232</v>
      </c>
      <c r="B27" s="21" t="s">
        <v>233</v>
      </c>
      <c r="C27" s="21" t="s">
        <v>262</v>
      </c>
      <c r="D27" s="21" t="s">
        <v>651</v>
      </c>
      <c r="E27" s="21" t="s">
        <v>647</v>
      </c>
      <c r="F27" s="16">
        <v>1081356</v>
      </c>
      <c r="G27" s="16">
        <v>928833</v>
      </c>
      <c r="H27" s="16">
        <v>146493</v>
      </c>
      <c r="I27" s="16">
        <v>6030</v>
      </c>
      <c r="J27" s="16">
        <v>146926</v>
      </c>
    </row>
    <row r="28" spans="1:10">
      <c r="A28" s="21" t="s">
        <v>232</v>
      </c>
      <c r="B28" s="21" t="s">
        <v>233</v>
      </c>
      <c r="C28" s="21" t="s">
        <v>262</v>
      </c>
      <c r="D28" s="21" t="s">
        <v>651</v>
      </c>
      <c r="E28" s="21" t="s">
        <v>648</v>
      </c>
      <c r="F28" s="16">
        <v>1134706</v>
      </c>
      <c r="G28" s="16">
        <v>949155</v>
      </c>
      <c r="H28" s="16">
        <v>178848</v>
      </c>
      <c r="I28" s="16">
        <v>6703</v>
      </c>
      <c r="J28" s="16">
        <v>179331</v>
      </c>
    </row>
    <row r="29" spans="1:10">
      <c r="A29" s="21" t="s">
        <v>232</v>
      </c>
      <c r="B29" s="21" t="s">
        <v>233</v>
      </c>
      <c r="C29" s="21" t="s">
        <v>262</v>
      </c>
      <c r="D29" s="21" t="s">
        <v>651</v>
      </c>
      <c r="E29" s="21" t="s">
        <v>649</v>
      </c>
      <c r="F29" s="16">
        <v>1470940</v>
      </c>
      <c r="G29" s="16">
        <v>1191429</v>
      </c>
      <c r="H29" s="16">
        <v>271489</v>
      </c>
      <c r="I29" s="16">
        <v>8022</v>
      </c>
      <c r="J29" s="16">
        <v>272236</v>
      </c>
    </row>
    <row r="30" spans="1:10">
      <c r="A30" s="21" t="s">
        <v>232</v>
      </c>
      <c r="B30" s="21" t="s">
        <v>233</v>
      </c>
      <c r="C30" s="21" t="s">
        <v>262</v>
      </c>
      <c r="D30" s="21" t="s">
        <v>651</v>
      </c>
      <c r="E30" s="21" t="s">
        <v>650</v>
      </c>
      <c r="F30" s="16">
        <v>16076983</v>
      </c>
      <c r="G30" s="16">
        <v>12803448</v>
      </c>
      <c r="H30" s="16">
        <v>2068461</v>
      </c>
      <c r="I30" s="16">
        <v>1205074</v>
      </c>
      <c r="J30" s="16">
        <v>3157108</v>
      </c>
    </row>
    <row r="31" spans="1:10">
      <c r="A31" s="21" t="s">
        <v>232</v>
      </c>
      <c r="B31" s="21" t="s">
        <v>233</v>
      </c>
      <c r="C31" s="21" t="s">
        <v>262</v>
      </c>
      <c r="D31" s="21" t="s">
        <v>652</v>
      </c>
      <c r="E31" s="21" t="s">
        <v>214</v>
      </c>
      <c r="F31" s="16">
        <v>25209343</v>
      </c>
      <c r="G31" s="16">
        <v>21328604</v>
      </c>
      <c r="H31" s="16">
        <v>3471134</v>
      </c>
      <c r="I31" s="16">
        <v>409605</v>
      </c>
      <c r="J31" s="16">
        <v>3786862</v>
      </c>
    </row>
    <row r="32" spans="1:10">
      <c r="A32" s="21" t="s">
        <v>232</v>
      </c>
      <c r="B32" s="21" t="s">
        <v>233</v>
      </c>
      <c r="C32" s="21" t="s">
        <v>262</v>
      </c>
      <c r="D32" s="21" t="s">
        <v>652</v>
      </c>
      <c r="E32" s="21" t="s">
        <v>643</v>
      </c>
      <c r="F32" s="16">
        <v>1199168</v>
      </c>
      <c r="G32" s="16">
        <v>1076012</v>
      </c>
      <c r="H32" s="16">
        <v>118517</v>
      </c>
      <c r="I32" s="16">
        <v>4639</v>
      </c>
      <c r="J32" s="16">
        <v>119553</v>
      </c>
    </row>
    <row r="33" spans="1:10">
      <c r="A33" s="21" t="s">
        <v>232</v>
      </c>
      <c r="B33" s="21" t="s">
        <v>233</v>
      </c>
      <c r="C33" s="21" t="s">
        <v>262</v>
      </c>
      <c r="D33" s="21" t="s">
        <v>652</v>
      </c>
      <c r="E33" s="21" t="s">
        <v>644</v>
      </c>
      <c r="F33" s="16">
        <v>2390218</v>
      </c>
      <c r="G33" s="16">
        <v>2135232</v>
      </c>
      <c r="H33" s="16">
        <v>246065</v>
      </c>
      <c r="I33" s="16">
        <v>8921</v>
      </c>
      <c r="J33" s="16">
        <v>247950</v>
      </c>
    </row>
    <row r="34" spans="1:10">
      <c r="A34" s="21" t="s">
        <v>232</v>
      </c>
      <c r="B34" s="21" t="s">
        <v>233</v>
      </c>
      <c r="C34" s="21" t="s">
        <v>262</v>
      </c>
      <c r="D34" s="21" t="s">
        <v>652</v>
      </c>
      <c r="E34" s="21" t="s">
        <v>645</v>
      </c>
      <c r="F34" s="16">
        <v>3146605</v>
      </c>
      <c r="G34" s="16">
        <v>2791072</v>
      </c>
      <c r="H34" s="16">
        <v>344535</v>
      </c>
      <c r="I34" s="16">
        <v>10998</v>
      </c>
      <c r="J34" s="16">
        <v>346951</v>
      </c>
    </row>
    <row r="35" spans="1:10">
      <c r="A35" s="21" t="s">
        <v>232</v>
      </c>
      <c r="B35" s="21" t="s">
        <v>233</v>
      </c>
      <c r="C35" s="21" t="s">
        <v>262</v>
      </c>
      <c r="D35" s="21" t="s">
        <v>652</v>
      </c>
      <c r="E35" s="21" t="s">
        <v>646</v>
      </c>
      <c r="F35" s="16">
        <v>2930786</v>
      </c>
      <c r="G35" s="16">
        <v>2561476</v>
      </c>
      <c r="H35" s="16">
        <v>360068</v>
      </c>
      <c r="I35" s="16">
        <v>9242</v>
      </c>
      <c r="J35" s="16">
        <v>361849</v>
      </c>
    </row>
    <row r="36" spans="1:10">
      <c r="A36" s="21" t="s">
        <v>232</v>
      </c>
      <c r="B36" s="21" t="s">
        <v>233</v>
      </c>
      <c r="C36" s="21" t="s">
        <v>262</v>
      </c>
      <c r="D36" s="21" t="s">
        <v>652</v>
      </c>
      <c r="E36" s="21" t="s">
        <v>647</v>
      </c>
      <c r="F36" s="16">
        <v>2911859</v>
      </c>
      <c r="G36" s="16">
        <v>2498820</v>
      </c>
      <c r="H36" s="16">
        <v>403474</v>
      </c>
      <c r="I36" s="16">
        <v>9565</v>
      </c>
      <c r="J36" s="16">
        <v>405393</v>
      </c>
    </row>
    <row r="37" spans="1:10">
      <c r="A37" s="21" t="s">
        <v>232</v>
      </c>
      <c r="B37" s="21" t="s">
        <v>233</v>
      </c>
      <c r="C37" s="21" t="s">
        <v>262</v>
      </c>
      <c r="D37" s="21" t="s">
        <v>652</v>
      </c>
      <c r="E37" s="21" t="s">
        <v>648</v>
      </c>
      <c r="F37" s="16">
        <v>2927411</v>
      </c>
      <c r="G37" s="16">
        <v>2459836</v>
      </c>
      <c r="H37" s="16">
        <v>457030</v>
      </c>
      <c r="I37" s="16">
        <v>10545</v>
      </c>
      <c r="J37" s="16">
        <v>459659</v>
      </c>
    </row>
    <row r="38" spans="1:10">
      <c r="A38" s="21" t="s">
        <v>232</v>
      </c>
      <c r="B38" s="21" t="s">
        <v>233</v>
      </c>
      <c r="C38" s="21" t="s">
        <v>262</v>
      </c>
      <c r="D38" s="21" t="s">
        <v>652</v>
      </c>
      <c r="E38" s="21" t="s">
        <v>649</v>
      </c>
      <c r="F38" s="16">
        <v>2600543</v>
      </c>
      <c r="G38" s="16">
        <v>2151852</v>
      </c>
      <c r="H38" s="16">
        <v>435545</v>
      </c>
      <c r="I38" s="16">
        <v>13146</v>
      </c>
      <c r="J38" s="16">
        <v>440809</v>
      </c>
    </row>
    <row r="39" spans="1:10">
      <c r="A39" s="21" t="s">
        <v>232</v>
      </c>
      <c r="B39" s="21" t="s">
        <v>233</v>
      </c>
      <c r="C39" s="21" t="s">
        <v>262</v>
      </c>
      <c r="D39" s="21" t="s">
        <v>652</v>
      </c>
      <c r="E39" s="21" t="s">
        <v>650</v>
      </c>
      <c r="F39" s="16">
        <v>7102753</v>
      </c>
      <c r="G39" s="16">
        <v>5654304</v>
      </c>
      <c r="H39" s="16">
        <v>1105900</v>
      </c>
      <c r="I39" s="16">
        <v>342549</v>
      </c>
      <c r="J39" s="16">
        <v>1404698</v>
      </c>
    </row>
    <row r="40" spans="1:10">
      <c r="A40" s="21" t="s">
        <v>232</v>
      </c>
      <c r="B40" s="21" t="s">
        <v>233</v>
      </c>
      <c r="C40" s="21" t="s">
        <v>262</v>
      </c>
      <c r="D40" s="21" t="s">
        <v>653</v>
      </c>
      <c r="E40" s="21" t="s">
        <v>214</v>
      </c>
      <c r="F40" s="16">
        <v>8326444</v>
      </c>
      <c r="G40" s="16">
        <v>6844870</v>
      </c>
      <c r="H40" s="16">
        <v>1397845</v>
      </c>
      <c r="I40" s="16">
        <v>83729</v>
      </c>
      <c r="J40" s="16">
        <v>1451458</v>
      </c>
    </row>
    <row r="41" spans="1:10">
      <c r="A41" s="21" t="s">
        <v>232</v>
      </c>
      <c r="B41" s="21" t="s">
        <v>233</v>
      </c>
      <c r="C41" s="21" t="s">
        <v>262</v>
      </c>
      <c r="D41" s="21" t="s">
        <v>653</v>
      </c>
      <c r="E41" s="21" t="s">
        <v>643</v>
      </c>
      <c r="F41" s="16">
        <v>523559</v>
      </c>
      <c r="G41" s="16">
        <v>453325</v>
      </c>
      <c r="H41" s="16">
        <v>67787</v>
      </c>
      <c r="I41" s="16">
        <v>2447</v>
      </c>
      <c r="J41" s="16">
        <v>68457</v>
      </c>
    </row>
    <row r="42" spans="1:10">
      <c r="A42" s="21" t="s">
        <v>232</v>
      </c>
      <c r="B42" s="21" t="s">
        <v>233</v>
      </c>
      <c r="C42" s="21" t="s">
        <v>262</v>
      </c>
      <c r="D42" s="21" t="s">
        <v>653</v>
      </c>
      <c r="E42" s="21" t="s">
        <v>644</v>
      </c>
      <c r="F42" s="16">
        <v>1057838</v>
      </c>
      <c r="G42" s="16">
        <v>912425</v>
      </c>
      <c r="H42" s="16">
        <v>140644</v>
      </c>
      <c r="I42" s="16">
        <v>4769</v>
      </c>
      <c r="J42" s="16">
        <v>141832</v>
      </c>
    </row>
    <row r="43" spans="1:10">
      <c r="A43" s="21" t="s">
        <v>232</v>
      </c>
      <c r="B43" s="21" t="s">
        <v>233</v>
      </c>
      <c r="C43" s="21" t="s">
        <v>262</v>
      </c>
      <c r="D43" s="21" t="s">
        <v>653</v>
      </c>
      <c r="E43" s="21" t="s">
        <v>645</v>
      </c>
      <c r="F43" s="16">
        <v>1500113</v>
      </c>
      <c r="G43" s="16">
        <v>1275560</v>
      </c>
      <c r="H43" s="16">
        <v>218361</v>
      </c>
      <c r="I43" s="16">
        <v>6192</v>
      </c>
      <c r="J43" s="16">
        <v>220095</v>
      </c>
    </row>
    <row r="44" spans="1:10">
      <c r="A44" s="21" t="s">
        <v>232</v>
      </c>
      <c r="B44" s="21" t="s">
        <v>233</v>
      </c>
      <c r="C44" s="21" t="s">
        <v>262</v>
      </c>
      <c r="D44" s="21" t="s">
        <v>653</v>
      </c>
      <c r="E44" s="21" t="s">
        <v>646</v>
      </c>
      <c r="F44" s="16">
        <v>1418220</v>
      </c>
      <c r="G44" s="16">
        <v>1184015</v>
      </c>
      <c r="H44" s="16">
        <v>228952</v>
      </c>
      <c r="I44" s="16">
        <v>5253</v>
      </c>
      <c r="J44" s="16">
        <v>230578</v>
      </c>
    </row>
    <row r="45" spans="1:10">
      <c r="A45" s="21" t="s">
        <v>232</v>
      </c>
      <c r="B45" s="21" t="s">
        <v>233</v>
      </c>
      <c r="C45" s="21" t="s">
        <v>262</v>
      </c>
      <c r="D45" s="21" t="s">
        <v>653</v>
      </c>
      <c r="E45" s="21" t="s">
        <v>647</v>
      </c>
      <c r="F45" s="16">
        <v>1289224</v>
      </c>
      <c r="G45" s="16">
        <v>1053490</v>
      </c>
      <c r="H45" s="16">
        <v>229753</v>
      </c>
      <c r="I45" s="16">
        <v>5981</v>
      </c>
      <c r="J45" s="16">
        <v>232019</v>
      </c>
    </row>
    <row r="46" spans="1:10">
      <c r="A46" s="21" t="s">
        <v>232</v>
      </c>
      <c r="B46" s="21" t="s">
        <v>233</v>
      </c>
      <c r="C46" s="21" t="s">
        <v>262</v>
      </c>
      <c r="D46" s="21" t="s">
        <v>653</v>
      </c>
      <c r="E46" s="21" t="s">
        <v>648</v>
      </c>
      <c r="F46" s="16">
        <v>985809</v>
      </c>
      <c r="G46" s="16">
        <v>789525</v>
      </c>
      <c r="H46" s="16">
        <v>190335</v>
      </c>
      <c r="I46" s="16">
        <v>5949</v>
      </c>
      <c r="J46" s="16">
        <v>193268</v>
      </c>
    </row>
    <row r="47" spans="1:10">
      <c r="A47" s="21" t="s">
        <v>232</v>
      </c>
      <c r="B47" s="21" t="s">
        <v>233</v>
      </c>
      <c r="C47" s="21" t="s">
        <v>262</v>
      </c>
      <c r="D47" s="21" t="s">
        <v>653</v>
      </c>
      <c r="E47" s="21" t="s">
        <v>649</v>
      </c>
      <c r="F47" s="16">
        <v>620839</v>
      </c>
      <c r="G47" s="16">
        <v>487050</v>
      </c>
      <c r="H47" s="16">
        <v>127474</v>
      </c>
      <c r="I47" s="16">
        <v>6315</v>
      </c>
      <c r="J47" s="16">
        <v>131400</v>
      </c>
    </row>
    <row r="48" spans="1:10">
      <c r="A48" s="21" t="s">
        <v>232</v>
      </c>
      <c r="B48" s="21" t="s">
        <v>233</v>
      </c>
      <c r="C48" s="21" t="s">
        <v>262</v>
      </c>
      <c r="D48" s="21" t="s">
        <v>653</v>
      </c>
      <c r="E48" s="21" t="s">
        <v>650</v>
      </c>
      <c r="F48" s="16">
        <v>930842</v>
      </c>
      <c r="G48" s="16">
        <v>689480</v>
      </c>
      <c r="H48" s="16">
        <v>194539</v>
      </c>
      <c r="I48" s="16">
        <v>46823</v>
      </c>
      <c r="J48" s="16">
        <v>233809</v>
      </c>
    </row>
    <row r="49" spans="1:10">
      <c r="A49" s="21" t="s">
        <v>232</v>
      </c>
      <c r="B49" s="21" t="s">
        <v>233</v>
      </c>
      <c r="C49" s="21" t="s">
        <v>262</v>
      </c>
      <c r="D49" s="21" t="s">
        <v>654</v>
      </c>
      <c r="E49" s="21" t="s">
        <v>214</v>
      </c>
      <c r="F49" s="16">
        <v>1701697</v>
      </c>
      <c r="G49" s="16">
        <v>1397521</v>
      </c>
      <c r="H49" s="16">
        <v>283160</v>
      </c>
      <c r="I49" s="16">
        <v>21016</v>
      </c>
      <c r="J49" s="16">
        <v>294840</v>
      </c>
    </row>
    <row r="50" spans="1:10">
      <c r="A50" s="21" t="s">
        <v>232</v>
      </c>
      <c r="B50" s="21" t="s">
        <v>233</v>
      </c>
      <c r="C50" s="21" t="s">
        <v>262</v>
      </c>
      <c r="D50" s="21" t="s">
        <v>654</v>
      </c>
      <c r="E50" s="21" t="s">
        <v>643</v>
      </c>
      <c r="F50" s="16">
        <v>178393</v>
      </c>
      <c r="G50" s="16">
        <v>151552</v>
      </c>
      <c r="H50" s="16">
        <v>25517</v>
      </c>
      <c r="I50" s="16">
        <v>1324</v>
      </c>
      <c r="J50" s="16">
        <v>25849</v>
      </c>
    </row>
    <row r="51" spans="1:10">
      <c r="A51" s="21" t="s">
        <v>232</v>
      </c>
      <c r="B51" s="21" t="s">
        <v>233</v>
      </c>
      <c r="C51" s="21" t="s">
        <v>262</v>
      </c>
      <c r="D51" s="21" t="s">
        <v>654</v>
      </c>
      <c r="E51" s="21" t="s">
        <v>644</v>
      </c>
      <c r="F51" s="16">
        <v>328520</v>
      </c>
      <c r="G51" s="16">
        <v>276992</v>
      </c>
      <c r="H51" s="16">
        <v>49005</v>
      </c>
      <c r="I51" s="16">
        <v>2523</v>
      </c>
      <c r="J51" s="16">
        <v>49718</v>
      </c>
    </row>
    <row r="52" spans="1:10">
      <c r="A52" s="21" t="s">
        <v>232</v>
      </c>
      <c r="B52" s="21" t="s">
        <v>233</v>
      </c>
      <c r="C52" s="21" t="s">
        <v>262</v>
      </c>
      <c r="D52" s="21" t="s">
        <v>654</v>
      </c>
      <c r="E52" s="21" t="s">
        <v>645</v>
      </c>
      <c r="F52" s="16">
        <v>399391</v>
      </c>
      <c r="G52" s="16">
        <v>332884</v>
      </c>
      <c r="H52" s="16">
        <v>63591</v>
      </c>
      <c r="I52" s="16">
        <v>2916</v>
      </c>
      <c r="J52" s="16">
        <v>64650</v>
      </c>
    </row>
    <row r="53" spans="1:10">
      <c r="A53" s="21" t="s">
        <v>232</v>
      </c>
      <c r="B53" s="21" t="s">
        <v>233</v>
      </c>
      <c r="C53" s="21" t="s">
        <v>262</v>
      </c>
      <c r="D53" s="21" t="s">
        <v>654</v>
      </c>
      <c r="E53" s="21" t="s">
        <v>646</v>
      </c>
      <c r="F53" s="16">
        <v>323292</v>
      </c>
      <c r="G53" s="16">
        <v>263711</v>
      </c>
      <c r="H53" s="16">
        <v>56835</v>
      </c>
      <c r="I53" s="16">
        <v>2746</v>
      </c>
      <c r="J53" s="16">
        <v>58007</v>
      </c>
    </row>
    <row r="54" spans="1:10">
      <c r="A54" s="21" t="s">
        <v>232</v>
      </c>
      <c r="B54" s="21" t="s">
        <v>233</v>
      </c>
      <c r="C54" s="21" t="s">
        <v>262</v>
      </c>
      <c r="D54" s="21" t="s">
        <v>654</v>
      </c>
      <c r="E54" s="21" t="s">
        <v>647</v>
      </c>
      <c r="F54" s="16">
        <v>224731</v>
      </c>
      <c r="G54" s="16">
        <v>181005</v>
      </c>
      <c r="H54" s="16">
        <v>40982</v>
      </c>
      <c r="I54" s="16">
        <v>2744</v>
      </c>
      <c r="J54" s="16">
        <v>42390</v>
      </c>
    </row>
    <row r="55" spans="1:10">
      <c r="A55" s="21" t="s">
        <v>232</v>
      </c>
      <c r="B55" s="21" t="s">
        <v>233</v>
      </c>
      <c r="C55" s="21" t="s">
        <v>262</v>
      </c>
      <c r="D55" s="21" t="s">
        <v>654</v>
      </c>
      <c r="E55" s="21" t="s">
        <v>648</v>
      </c>
      <c r="F55" s="16">
        <v>119903</v>
      </c>
      <c r="G55" s="16">
        <v>94616</v>
      </c>
      <c r="H55" s="16">
        <v>23235</v>
      </c>
      <c r="I55" s="16">
        <v>2052</v>
      </c>
      <c r="J55" s="16">
        <v>24689</v>
      </c>
    </row>
    <row r="56" spans="1:10">
      <c r="A56" s="21" t="s">
        <v>232</v>
      </c>
      <c r="B56" s="21" t="s">
        <v>233</v>
      </c>
      <c r="C56" s="21" t="s">
        <v>262</v>
      </c>
      <c r="D56" s="21" t="s">
        <v>654</v>
      </c>
      <c r="E56" s="21" t="s">
        <v>649</v>
      </c>
      <c r="F56" s="16">
        <v>60234</v>
      </c>
      <c r="G56" s="16">
        <v>46391</v>
      </c>
      <c r="H56" s="16">
        <v>12103</v>
      </c>
      <c r="I56" s="16">
        <v>1740</v>
      </c>
      <c r="J56" s="16">
        <v>13468</v>
      </c>
    </row>
    <row r="57" spans="1:10">
      <c r="A57" s="21" t="s">
        <v>232</v>
      </c>
      <c r="B57" s="21" t="s">
        <v>233</v>
      </c>
      <c r="C57" s="21" t="s">
        <v>262</v>
      </c>
      <c r="D57" s="21" t="s">
        <v>654</v>
      </c>
      <c r="E57" s="21" t="s">
        <v>650</v>
      </c>
      <c r="F57" s="16">
        <v>67233</v>
      </c>
      <c r="G57" s="16">
        <v>50370</v>
      </c>
      <c r="H57" s="16">
        <v>11892</v>
      </c>
      <c r="I57" s="16">
        <v>4971</v>
      </c>
      <c r="J57" s="16">
        <v>16069</v>
      </c>
    </row>
    <row r="58" spans="1:10">
      <c r="A58" s="21" t="s">
        <v>232</v>
      </c>
      <c r="B58" s="21" t="s">
        <v>237</v>
      </c>
      <c r="C58" s="21" t="s">
        <v>264</v>
      </c>
      <c r="D58" s="21" t="s">
        <v>214</v>
      </c>
      <c r="E58" s="21" t="s">
        <v>214</v>
      </c>
      <c r="F58" s="16">
        <v>1208825</v>
      </c>
      <c r="G58" s="16">
        <v>947029</v>
      </c>
      <c r="H58" s="16">
        <v>218605</v>
      </c>
      <c r="I58" s="16">
        <v>43191</v>
      </c>
      <c r="J58" s="16">
        <v>195124</v>
      </c>
    </row>
    <row r="59" spans="1:10">
      <c r="A59" s="21" t="s">
        <v>232</v>
      </c>
      <c r="B59" s="21" t="s">
        <v>237</v>
      </c>
      <c r="C59" s="21" t="s">
        <v>264</v>
      </c>
      <c r="D59" s="21" t="s">
        <v>641</v>
      </c>
      <c r="E59" s="21" t="s">
        <v>214</v>
      </c>
      <c r="F59" s="16">
        <v>365208</v>
      </c>
      <c r="G59" s="16">
        <v>298656</v>
      </c>
      <c r="H59" s="16">
        <v>58776</v>
      </c>
      <c r="I59" s="16">
        <v>7776</v>
      </c>
      <c r="J59" s="16">
        <v>4787</v>
      </c>
    </row>
    <row r="60" spans="1:10">
      <c r="A60" s="21" t="s">
        <v>232</v>
      </c>
      <c r="B60" s="21" t="s">
        <v>237</v>
      </c>
      <c r="C60" s="21" t="s">
        <v>264</v>
      </c>
      <c r="D60" s="21" t="s">
        <v>642</v>
      </c>
      <c r="E60" s="21" t="s">
        <v>214</v>
      </c>
      <c r="F60" s="16">
        <v>843617</v>
      </c>
      <c r="G60" s="16">
        <v>648373</v>
      </c>
      <c r="H60" s="16">
        <v>159829</v>
      </c>
      <c r="I60" s="16">
        <v>35415</v>
      </c>
      <c r="J60" s="16">
        <v>190337</v>
      </c>
    </row>
    <row r="61" spans="1:10">
      <c r="A61" s="21" t="s">
        <v>232</v>
      </c>
      <c r="B61" s="21" t="s">
        <v>237</v>
      </c>
      <c r="C61" s="21" t="s">
        <v>264</v>
      </c>
      <c r="D61" s="21" t="s">
        <v>642</v>
      </c>
      <c r="E61" s="21" t="s">
        <v>643</v>
      </c>
      <c r="F61" s="16">
        <v>48060</v>
      </c>
      <c r="G61" s="16">
        <v>39814</v>
      </c>
      <c r="H61" s="16">
        <v>8069</v>
      </c>
      <c r="I61" s="16">
        <v>177</v>
      </c>
      <c r="J61" s="16">
        <v>8147</v>
      </c>
    </row>
    <row r="62" spans="1:10">
      <c r="A62" s="21" t="s">
        <v>232</v>
      </c>
      <c r="B62" s="21" t="s">
        <v>237</v>
      </c>
      <c r="C62" s="21" t="s">
        <v>264</v>
      </c>
      <c r="D62" s="21" t="s">
        <v>642</v>
      </c>
      <c r="E62" s="21" t="s">
        <v>644</v>
      </c>
      <c r="F62" s="16">
        <v>89445</v>
      </c>
      <c r="G62" s="16">
        <v>74529</v>
      </c>
      <c r="H62" s="16">
        <v>14562</v>
      </c>
      <c r="I62" s="16">
        <v>354</v>
      </c>
      <c r="J62" s="16">
        <v>14687</v>
      </c>
    </row>
    <row r="63" spans="1:10">
      <c r="A63" s="21" t="s">
        <v>232</v>
      </c>
      <c r="B63" s="21" t="s">
        <v>237</v>
      </c>
      <c r="C63" s="21" t="s">
        <v>264</v>
      </c>
      <c r="D63" s="21" t="s">
        <v>642</v>
      </c>
      <c r="E63" s="21" t="s">
        <v>645</v>
      </c>
      <c r="F63" s="16">
        <v>97203</v>
      </c>
      <c r="G63" s="16">
        <v>79844</v>
      </c>
      <c r="H63" s="16">
        <v>16875</v>
      </c>
      <c r="I63" s="16">
        <v>484</v>
      </c>
      <c r="J63" s="16">
        <v>17074</v>
      </c>
    </row>
    <row r="64" spans="1:10">
      <c r="A64" s="21" t="s">
        <v>232</v>
      </c>
      <c r="B64" s="21" t="s">
        <v>237</v>
      </c>
      <c r="C64" s="21" t="s">
        <v>264</v>
      </c>
      <c r="D64" s="21" t="s">
        <v>642</v>
      </c>
      <c r="E64" s="21" t="s">
        <v>646</v>
      </c>
      <c r="F64" s="16">
        <v>82414</v>
      </c>
      <c r="G64" s="16">
        <v>66185</v>
      </c>
      <c r="H64" s="16">
        <v>15866</v>
      </c>
      <c r="I64" s="16">
        <v>363</v>
      </c>
      <c r="J64" s="16">
        <v>15952</v>
      </c>
    </row>
    <row r="65" spans="1:10">
      <c r="A65" s="21" t="s">
        <v>232</v>
      </c>
      <c r="B65" s="21" t="s">
        <v>237</v>
      </c>
      <c r="C65" s="21" t="s">
        <v>264</v>
      </c>
      <c r="D65" s="21" t="s">
        <v>642</v>
      </c>
      <c r="E65" s="21" t="s">
        <v>647</v>
      </c>
      <c r="F65" s="16">
        <v>74770</v>
      </c>
      <c r="G65" s="16">
        <v>58468</v>
      </c>
      <c r="H65" s="16">
        <v>15972</v>
      </c>
      <c r="I65" s="16">
        <v>330</v>
      </c>
      <c r="J65" s="16">
        <v>16116</v>
      </c>
    </row>
    <row r="66" spans="1:10">
      <c r="A66" s="21" t="s">
        <v>232</v>
      </c>
      <c r="B66" s="21" t="s">
        <v>237</v>
      </c>
      <c r="C66" s="21" t="s">
        <v>264</v>
      </c>
      <c r="D66" s="21" t="s">
        <v>642</v>
      </c>
      <c r="E66" s="21" t="s">
        <v>648</v>
      </c>
      <c r="F66" s="16">
        <v>67321</v>
      </c>
      <c r="G66" s="16">
        <v>51986</v>
      </c>
      <c r="H66" s="16">
        <v>14929</v>
      </c>
      <c r="I66" s="16">
        <v>406</v>
      </c>
      <c r="J66" s="16">
        <v>15064</v>
      </c>
    </row>
    <row r="67" spans="1:10">
      <c r="A67" s="21" t="s">
        <v>232</v>
      </c>
      <c r="B67" s="21" t="s">
        <v>237</v>
      </c>
      <c r="C67" s="21" t="s">
        <v>264</v>
      </c>
      <c r="D67" s="21" t="s">
        <v>642</v>
      </c>
      <c r="E67" s="21" t="s">
        <v>649</v>
      </c>
      <c r="F67" s="16">
        <v>59088</v>
      </c>
      <c r="G67" s="16">
        <v>44311</v>
      </c>
      <c r="H67" s="16">
        <v>14334</v>
      </c>
      <c r="I67" s="16">
        <v>443</v>
      </c>
      <c r="J67" s="16">
        <v>14540</v>
      </c>
    </row>
    <row r="68" spans="1:10">
      <c r="A68" s="21" t="s">
        <v>232</v>
      </c>
      <c r="B68" s="21" t="s">
        <v>237</v>
      </c>
      <c r="C68" s="21" t="s">
        <v>264</v>
      </c>
      <c r="D68" s="21" t="s">
        <v>642</v>
      </c>
      <c r="E68" s="21" t="s">
        <v>650</v>
      </c>
      <c r="F68" s="16">
        <v>325316</v>
      </c>
      <c r="G68" s="16">
        <v>233236</v>
      </c>
      <c r="H68" s="16">
        <v>59222</v>
      </c>
      <c r="I68" s="16">
        <v>32858</v>
      </c>
      <c r="J68" s="16">
        <v>88757</v>
      </c>
    </row>
    <row r="69" spans="1:10">
      <c r="A69" s="21" t="s">
        <v>232</v>
      </c>
      <c r="B69" s="21" t="s">
        <v>237</v>
      </c>
      <c r="C69" s="21" t="s">
        <v>264</v>
      </c>
      <c r="D69" s="21" t="s">
        <v>651</v>
      </c>
      <c r="E69" s="21" t="s">
        <v>214</v>
      </c>
      <c r="F69" s="16">
        <v>341826</v>
      </c>
      <c r="G69" s="16">
        <v>256683</v>
      </c>
      <c r="H69" s="16">
        <v>59741</v>
      </c>
      <c r="I69" s="16">
        <v>25402</v>
      </c>
      <c r="J69" s="16">
        <v>82270</v>
      </c>
    </row>
    <row r="70" spans="1:10">
      <c r="A70" s="21" t="s">
        <v>232</v>
      </c>
      <c r="B70" s="21" t="s">
        <v>237</v>
      </c>
      <c r="C70" s="21" t="s">
        <v>264</v>
      </c>
      <c r="D70" s="21" t="s">
        <v>651</v>
      </c>
      <c r="E70" s="21" t="s">
        <v>643</v>
      </c>
      <c r="F70" s="16">
        <v>14809</v>
      </c>
      <c r="G70" s="16">
        <v>12510</v>
      </c>
      <c r="H70" s="16">
        <v>2261</v>
      </c>
      <c r="I70" s="16">
        <v>38</v>
      </c>
      <c r="J70" s="16">
        <v>2274</v>
      </c>
    </row>
    <row r="71" spans="1:10">
      <c r="A71" s="21" t="s">
        <v>232</v>
      </c>
      <c r="B71" s="21" t="s">
        <v>237</v>
      </c>
      <c r="C71" s="21" t="s">
        <v>264</v>
      </c>
      <c r="D71" s="21" t="s">
        <v>651</v>
      </c>
      <c r="E71" s="21" t="s">
        <v>644</v>
      </c>
      <c r="F71" s="16">
        <v>23957</v>
      </c>
      <c r="G71" s="16">
        <v>20289</v>
      </c>
      <c r="H71" s="16">
        <v>3547</v>
      </c>
      <c r="I71" s="16">
        <v>121</v>
      </c>
      <c r="J71" s="16">
        <v>3588</v>
      </c>
    </row>
    <row r="72" spans="1:10">
      <c r="A72" s="21" t="s">
        <v>232</v>
      </c>
      <c r="B72" s="21" t="s">
        <v>237</v>
      </c>
      <c r="C72" s="21" t="s">
        <v>264</v>
      </c>
      <c r="D72" s="21" t="s">
        <v>651</v>
      </c>
      <c r="E72" s="21" t="s">
        <v>645</v>
      </c>
      <c r="F72" s="16">
        <v>16944</v>
      </c>
      <c r="G72" s="16">
        <v>14253</v>
      </c>
      <c r="H72" s="16">
        <v>2601</v>
      </c>
      <c r="I72" s="16">
        <v>90</v>
      </c>
      <c r="J72" s="16">
        <v>2617</v>
      </c>
    </row>
    <row r="73" spans="1:10">
      <c r="A73" s="21" t="s">
        <v>232</v>
      </c>
      <c r="B73" s="21" t="s">
        <v>237</v>
      </c>
      <c r="C73" s="21" t="s">
        <v>264</v>
      </c>
      <c r="D73" s="21" t="s">
        <v>651</v>
      </c>
      <c r="E73" s="21" t="s">
        <v>646</v>
      </c>
      <c r="F73" s="16">
        <v>11654</v>
      </c>
      <c r="G73" s="16">
        <v>9462</v>
      </c>
      <c r="H73" s="16">
        <v>2114</v>
      </c>
      <c r="I73" s="16">
        <v>78</v>
      </c>
      <c r="J73" s="16">
        <v>2136</v>
      </c>
    </row>
    <row r="74" spans="1:10">
      <c r="A74" s="21" t="s">
        <v>232</v>
      </c>
      <c r="B74" s="21" t="s">
        <v>237</v>
      </c>
      <c r="C74" s="21" t="s">
        <v>264</v>
      </c>
      <c r="D74" s="21" t="s">
        <v>651</v>
      </c>
      <c r="E74" s="21" t="s">
        <v>647</v>
      </c>
      <c r="F74" s="16">
        <v>11080</v>
      </c>
      <c r="G74" s="16">
        <v>8769</v>
      </c>
      <c r="H74" s="16">
        <v>2253</v>
      </c>
      <c r="I74" s="16">
        <v>58</v>
      </c>
      <c r="J74" s="16">
        <v>2262</v>
      </c>
    </row>
    <row r="75" spans="1:10">
      <c r="A75" s="21" t="s">
        <v>232</v>
      </c>
      <c r="B75" s="21" t="s">
        <v>237</v>
      </c>
      <c r="C75" s="21" t="s">
        <v>264</v>
      </c>
      <c r="D75" s="21" t="s">
        <v>651</v>
      </c>
      <c r="E75" s="21" t="s">
        <v>648</v>
      </c>
      <c r="F75" s="16">
        <v>13313</v>
      </c>
      <c r="G75" s="16">
        <v>10161</v>
      </c>
      <c r="H75" s="16">
        <v>3070</v>
      </c>
      <c r="I75" s="16">
        <v>82</v>
      </c>
      <c r="J75" s="16">
        <v>3078</v>
      </c>
    </row>
    <row r="76" spans="1:10">
      <c r="A76" s="21" t="s">
        <v>232</v>
      </c>
      <c r="B76" s="21" t="s">
        <v>237</v>
      </c>
      <c r="C76" s="21" t="s">
        <v>264</v>
      </c>
      <c r="D76" s="21" t="s">
        <v>651</v>
      </c>
      <c r="E76" s="21" t="s">
        <v>649</v>
      </c>
      <c r="F76" s="16">
        <v>19846</v>
      </c>
      <c r="G76" s="16">
        <v>14739</v>
      </c>
      <c r="H76" s="16">
        <v>4983</v>
      </c>
      <c r="I76" s="16">
        <v>124</v>
      </c>
      <c r="J76" s="16">
        <v>4991</v>
      </c>
    </row>
    <row r="77" spans="1:10">
      <c r="A77" s="21" t="s">
        <v>232</v>
      </c>
      <c r="B77" s="21" t="s">
        <v>237</v>
      </c>
      <c r="C77" s="21" t="s">
        <v>264</v>
      </c>
      <c r="D77" s="21" t="s">
        <v>651</v>
      </c>
      <c r="E77" s="21" t="s">
        <v>650</v>
      </c>
      <c r="F77" s="16">
        <v>230223</v>
      </c>
      <c r="G77" s="16">
        <v>166500</v>
      </c>
      <c r="H77" s="16">
        <v>38912</v>
      </c>
      <c r="I77" s="16">
        <v>24811</v>
      </c>
      <c r="J77" s="16">
        <v>61324</v>
      </c>
    </row>
    <row r="78" spans="1:10">
      <c r="A78" s="21" t="s">
        <v>232</v>
      </c>
      <c r="B78" s="21" t="s">
        <v>237</v>
      </c>
      <c r="C78" s="21" t="s">
        <v>264</v>
      </c>
      <c r="D78" s="21" t="s">
        <v>652</v>
      </c>
      <c r="E78" s="21" t="s">
        <v>214</v>
      </c>
      <c r="F78" s="16">
        <v>314829</v>
      </c>
      <c r="G78" s="16">
        <v>248464</v>
      </c>
      <c r="H78" s="16">
        <v>58390</v>
      </c>
      <c r="I78" s="16">
        <v>7975</v>
      </c>
      <c r="J78" s="16">
        <v>64938</v>
      </c>
    </row>
    <row r="79" spans="1:10">
      <c r="A79" s="21" t="s">
        <v>232</v>
      </c>
      <c r="B79" s="21" t="s">
        <v>237</v>
      </c>
      <c r="C79" s="21" t="s">
        <v>264</v>
      </c>
      <c r="D79" s="21" t="s">
        <v>652</v>
      </c>
      <c r="E79" s="21" t="s">
        <v>643</v>
      </c>
      <c r="F79" s="16">
        <v>17649</v>
      </c>
      <c r="G79" s="16">
        <v>14868</v>
      </c>
      <c r="H79" s="16">
        <v>2719</v>
      </c>
      <c r="I79" s="16">
        <v>62</v>
      </c>
      <c r="J79" s="16">
        <v>2740</v>
      </c>
    </row>
    <row r="80" spans="1:10">
      <c r="A80" s="21" t="s">
        <v>232</v>
      </c>
      <c r="B80" s="21" t="s">
        <v>237</v>
      </c>
      <c r="C80" s="21" t="s">
        <v>264</v>
      </c>
      <c r="D80" s="21" t="s">
        <v>652</v>
      </c>
      <c r="E80" s="21" t="s">
        <v>644</v>
      </c>
      <c r="F80" s="16">
        <v>34600</v>
      </c>
      <c r="G80" s="16">
        <v>29304</v>
      </c>
      <c r="H80" s="16">
        <v>5203</v>
      </c>
      <c r="I80" s="16">
        <v>93</v>
      </c>
      <c r="J80" s="16">
        <v>5255</v>
      </c>
    </row>
    <row r="81" spans="1:10">
      <c r="A81" s="21" t="s">
        <v>232</v>
      </c>
      <c r="B81" s="21" t="s">
        <v>237</v>
      </c>
      <c r="C81" s="21" t="s">
        <v>264</v>
      </c>
      <c r="D81" s="21" t="s">
        <v>652</v>
      </c>
      <c r="E81" s="21" t="s">
        <v>645</v>
      </c>
      <c r="F81" s="16">
        <v>40038</v>
      </c>
      <c r="G81" s="16">
        <v>33724</v>
      </c>
      <c r="H81" s="16">
        <v>6120</v>
      </c>
      <c r="I81" s="16">
        <v>194</v>
      </c>
      <c r="J81" s="16">
        <v>6193</v>
      </c>
    </row>
    <row r="82" spans="1:10">
      <c r="A82" s="21" t="s">
        <v>232</v>
      </c>
      <c r="B82" s="21" t="s">
        <v>237</v>
      </c>
      <c r="C82" s="21" t="s">
        <v>264</v>
      </c>
      <c r="D82" s="21" t="s">
        <v>652</v>
      </c>
      <c r="E82" s="21" t="s">
        <v>646</v>
      </c>
      <c r="F82" s="16">
        <v>36208</v>
      </c>
      <c r="G82" s="16">
        <v>30044</v>
      </c>
      <c r="H82" s="16">
        <v>6036</v>
      </c>
      <c r="I82" s="16">
        <v>128</v>
      </c>
      <c r="J82" s="16">
        <v>6074</v>
      </c>
    </row>
    <row r="83" spans="1:10">
      <c r="A83" s="21" t="s">
        <v>232</v>
      </c>
      <c r="B83" s="21" t="s">
        <v>237</v>
      </c>
      <c r="C83" s="21" t="s">
        <v>264</v>
      </c>
      <c r="D83" s="21" t="s">
        <v>652</v>
      </c>
      <c r="E83" s="21" t="s">
        <v>647</v>
      </c>
      <c r="F83" s="16">
        <v>36448</v>
      </c>
      <c r="G83" s="16">
        <v>29408</v>
      </c>
      <c r="H83" s="16">
        <v>6921</v>
      </c>
      <c r="I83" s="16">
        <v>119</v>
      </c>
      <c r="J83" s="16">
        <v>6959</v>
      </c>
    </row>
    <row r="84" spans="1:10">
      <c r="A84" s="21" t="s">
        <v>232</v>
      </c>
      <c r="B84" s="21" t="s">
        <v>237</v>
      </c>
      <c r="C84" s="21" t="s">
        <v>264</v>
      </c>
      <c r="D84" s="21" t="s">
        <v>652</v>
      </c>
      <c r="E84" s="21" t="s">
        <v>648</v>
      </c>
      <c r="F84" s="16">
        <v>36152</v>
      </c>
      <c r="G84" s="16">
        <v>28612</v>
      </c>
      <c r="H84" s="16">
        <v>7339</v>
      </c>
      <c r="I84" s="16">
        <v>201</v>
      </c>
      <c r="J84" s="16">
        <v>7374</v>
      </c>
    </row>
    <row r="85" spans="1:10">
      <c r="A85" s="21" t="s">
        <v>232</v>
      </c>
      <c r="B85" s="21" t="s">
        <v>237</v>
      </c>
      <c r="C85" s="21" t="s">
        <v>264</v>
      </c>
      <c r="D85" s="21" t="s">
        <v>652</v>
      </c>
      <c r="E85" s="21" t="s">
        <v>649</v>
      </c>
      <c r="F85" s="16">
        <v>30592</v>
      </c>
      <c r="G85" s="16">
        <v>23388</v>
      </c>
      <c r="H85" s="16">
        <v>7032</v>
      </c>
      <c r="I85" s="16">
        <v>172</v>
      </c>
      <c r="J85" s="16">
        <v>7127</v>
      </c>
    </row>
    <row r="86" spans="1:10">
      <c r="A86" s="21" t="s">
        <v>232</v>
      </c>
      <c r="B86" s="21" t="s">
        <v>237</v>
      </c>
      <c r="C86" s="21" t="s">
        <v>264</v>
      </c>
      <c r="D86" s="21" t="s">
        <v>652</v>
      </c>
      <c r="E86" s="21" t="s">
        <v>650</v>
      </c>
      <c r="F86" s="16">
        <v>83142</v>
      </c>
      <c r="G86" s="16">
        <v>59116</v>
      </c>
      <c r="H86" s="16">
        <v>17020</v>
      </c>
      <c r="I86" s="16">
        <v>7006</v>
      </c>
      <c r="J86" s="16">
        <v>23216</v>
      </c>
    </row>
    <row r="87" spans="1:10">
      <c r="A87" s="21" t="s">
        <v>232</v>
      </c>
      <c r="B87" s="21" t="s">
        <v>237</v>
      </c>
      <c r="C87" s="21" t="s">
        <v>264</v>
      </c>
      <c r="D87" s="21" t="s">
        <v>653</v>
      </c>
      <c r="E87" s="21" t="s">
        <v>214</v>
      </c>
      <c r="F87" s="16">
        <v>147371</v>
      </c>
      <c r="G87" s="16">
        <v>113185</v>
      </c>
      <c r="H87" s="16">
        <v>32570</v>
      </c>
      <c r="I87" s="16">
        <v>1616</v>
      </c>
      <c r="J87" s="16">
        <v>33733</v>
      </c>
    </row>
    <row r="88" spans="1:10">
      <c r="A88" s="21" t="s">
        <v>232</v>
      </c>
      <c r="B88" s="21" t="s">
        <v>237</v>
      </c>
      <c r="C88" s="21" t="s">
        <v>264</v>
      </c>
      <c r="D88" s="21" t="s">
        <v>653</v>
      </c>
      <c r="E88" s="21" t="s">
        <v>643</v>
      </c>
      <c r="F88" s="16">
        <v>10551</v>
      </c>
      <c r="G88" s="16">
        <v>8525</v>
      </c>
      <c r="H88" s="16">
        <v>1964</v>
      </c>
      <c r="I88" s="16">
        <v>62</v>
      </c>
      <c r="J88" s="16">
        <v>2001</v>
      </c>
    </row>
    <row r="89" spans="1:10">
      <c r="A89" s="21" t="s">
        <v>232</v>
      </c>
      <c r="B89" s="21" t="s">
        <v>237</v>
      </c>
      <c r="C89" s="21" t="s">
        <v>264</v>
      </c>
      <c r="D89" s="21" t="s">
        <v>653</v>
      </c>
      <c r="E89" s="21" t="s">
        <v>644</v>
      </c>
      <c r="F89" s="16">
        <v>22137</v>
      </c>
      <c r="G89" s="16">
        <v>18055</v>
      </c>
      <c r="H89" s="16">
        <v>4014</v>
      </c>
      <c r="I89" s="16">
        <v>68</v>
      </c>
      <c r="J89" s="16">
        <v>4032</v>
      </c>
    </row>
    <row r="90" spans="1:10">
      <c r="A90" s="21" t="s">
        <v>232</v>
      </c>
      <c r="B90" s="21" t="s">
        <v>237</v>
      </c>
      <c r="C90" s="21" t="s">
        <v>264</v>
      </c>
      <c r="D90" s="21" t="s">
        <v>653</v>
      </c>
      <c r="E90" s="21" t="s">
        <v>645</v>
      </c>
      <c r="F90" s="16">
        <v>30022</v>
      </c>
      <c r="G90" s="16">
        <v>23935</v>
      </c>
      <c r="H90" s="16">
        <v>5957</v>
      </c>
      <c r="I90" s="16">
        <v>130</v>
      </c>
      <c r="J90" s="16">
        <v>6012</v>
      </c>
    </row>
    <row r="91" spans="1:10">
      <c r="A91" s="21" t="s">
        <v>232</v>
      </c>
      <c r="B91" s="21" t="s">
        <v>237</v>
      </c>
      <c r="C91" s="21" t="s">
        <v>264</v>
      </c>
      <c r="D91" s="21" t="s">
        <v>653</v>
      </c>
      <c r="E91" s="21" t="s">
        <v>646</v>
      </c>
      <c r="F91" s="16">
        <v>26762</v>
      </c>
      <c r="G91" s="16">
        <v>20870</v>
      </c>
      <c r="H91" s="16">
        <v>5779</v>
      </c>
      <c r="I91" s="16">
        <v>113</v>
      </c>
      <c r="J91" s="16">
        <v>5798</v>
      </c>
    </row>
    <row r="92" spans="1:10">
      <c r="A92" s="21" t="s">
        <v>232</v>
      </c>
      <c r="B92" s="21" t="s">
        <v>237</v>
      </c>
      <c r="C92" s="21" t="s">
        <v>264</v>
      </c>
      <c r="D92" s="21" t="s">
        <v>653</v>
      </c>
      <c r="E92" s="21" t="s">
        <v>647</v>
      </c>
      <c r="F92" s="16">
        <v>22891</v>
      </c>
      <c r="G92" s="16">
        <v>17155</v>
      </c>
      <c r="H92" s="16">
        <v>5612</v>
      </c>
      <c r="I92" s="16">
        <v>124</v>
      </c>
      <c r="J92" s="16">
        <v>5680</v>
      </c>
    </row>
    <row r="93" spans="1:10">
      <c r="A93" s="21" t="s">
        <v>232</v>
      </c>
      <c r="B93" s="21" t="s">
        <v>237</v>
      </c>
      <c r="C93" s="21" t="s">
        <v>264</v>
      </c>
      <c r="D93" s="21" t="s">
        <v>653</v>
      </c>
      <c r="E93" s="21" t="s">
        <v>648</v>
      </c>
      <c r="F93" s="16">
        <v>15856</v>
      </c>
      <c r="G93" s="16">
        <v>11750</v>
      </c>
      <c r="H93" s="16">
        <v>4022</v>
      </c>
      <c r="I93" s="16">
        <v>84</v>
      </c>
      <c r="J93" s="16">
        <v>4082</v>
      </c>
    </row>
    <row r="94" spans="1:10">
      <c r="A94" s="21" t="s">
        <v>232</v>
      </c>
      <c r="B94" s="21" t="s">
        <v>237</v>
      </c>
      <c r="C94" s="21" t="s">
        <v>264</v>
      </c>
      <c r="D94" s="21" t="s">
        <v>653</v>
      </c>
      <c r="E94" s="21" t="s">
        <v>649</v>
      </c>
      <c r="F94" s="16">
        <v>8021</v>
      </c>
      <c r="G94" s="16">
        <v>5795</v>
      </c>
      <c r="H94" s="16">
        <v>2102</v>
      </c>
      <c r="I94" s="16">
        <v>124</v>
      </c>
      <c r="J94" s="16">
        <v>2182</v>
      </c>
    </row>
    <row r="95" spans="1:10">
      <c r="A95" s="21" t="s">
        <v>232</v>
      </c>
      <c r="B95" s="21" t="s">
        <v>237</v>
      </c>
      <c r="C95" s="21" t="s">
        <v>264</v>
      </c>
      <c r="D95" s="21" t="s">
        <v>653</v>
      </c>
      <c r="E95" s="21" t="s">
        <v>650</v>
      </c>
      <c r="F95" s="16">
        <v>11131</v>
      </c>
      <c r="G95" s="16">
        <v>7100</v>
      </c>
      <c r="H95" s="16">
        <v>3120</v>
      </c>
      <c r="I95" s="16">
        <v>911</v>
      </c>
      <c r="J95" s="16">
        <v>3946</v>
      </c>
    </row>
    <row r="96" spans="1:10">
      <c r="A96" s="21" t="s">
        <v>232</v>
      </c>
      <c r="B96" s="21" t="s">
        <v>237</v>
      </c>
      <c r="C96" s="21" t="s">
        <v>264</v>
      </c>
      <c r="D96" s="21" t="s">
        <v>654</v>
      </c>
      <c r="E96" s="21" t="s">
        <v>214</v>
      </c>
      <c r="F96" s="16">
        <v>39591</v>
      </c>
      <c r="G96" s="16">
        <v>30041</v>
      </c>
      <c r="H96" s="16">
        <v>9128</v>
      </c>
      <c r="I96" s="16">
        <v>422</v>
      </c>
      <c r="J96" s="16">
        <v>9396</v>
      </c>
    </row>
    <row r="97" spans="1:10">
      <c r="A97" s="21" t="s">
        <v>232</v>
      </c>
      <c r="B97" s="21" t="s">
        <v>237</v>
      </c>
      <c r="C97" s="21" t="s">
        <v>264</v>
      </c>
      <c r="D97" s="21" t="s">
        <v>654</v>
      </c>
      <c r="E97" s="21" t="s">
        <v>643</v>
      </c>
      <c r="F97" s="16">
        <v>5051</v>
      </c>
      <c r="G97" s="16">
        <v>3911</v>
      </c>
      <c r="H97" s="16">
        <v>1125</v>
      </c>
      <c r="I97" s="16">
        <v>15</v>
      </c>
      <c r="J97" s="16">
        <v>1132</v>
      </c>
    </row>
    <row r="98" spans="1:10">
      <c r="A98" s="21" t="s">
        <v>232</v>
      </c>
      <c r="B98" s="21" t="s">
        <v>237</v>
      </c>
      <c r="C98" s="21" t="s">
        <v>264</v>
      </c>
      <c r="D98" s="21" t="s">
        <v>654</v>
      </c>
      <c r="E98" s="21" t="s">
        <v>644</v>
      </c>
      <c r="F98" s="16">
        <v>8751</v>
      </c>
      <c r="G98" s="16">
        <v>6881</v>
      </c>
      <c r="H98" s="16">
        <v>1798</v>
      </c>
      <c r="I98" s="16">
        <v>72</v>
      </c>
      <c r="J98" s="16">
        <v>1812</v>
      </c>
    </row>
    <row r="99" spans="1:10">
      <c r="A99" s="21" t="s">
        <v>232</v>
      </c>
      <c r="B99" s="21" t="s">
        <v>237</v>
      </c>
      <c r="C99" s="21" t="s">
        <v>264</v>
      </c>
      <c r="D99" s="21" t="s">
        <v>654</v>
      </c>
      <c r="E99" s="21" t="s">
        <v>645</v>
      </c>
      <c r="F99" s="16">
        <v>10199</v>
      </c>
      <c r="G99" s="16">
        <v>7932</v>
      </c>
      <c r="H99" s="16">
        <v>2197</v>
      </c>
      <c r="I99" s="16">
        <v>70</v>
      </c>
      <c r="J99" s="16">
        <v>2252</v>
      </c>
    </row>
    <row r="100" spans="1:10">
      <c r="A100" s="21" t="s">
        <v>232</v>
      </c>
      <c r="B100" s="21" t="s">
        <v>237</v>
      </c>
      <c r="C100" s="21" t="s">
        <v>264</v>
      </c>
      <c r="D100" s="21" t="s">
        <v>654</v>
      </c>
      <c r="E100" s="21" t="s">
        <v>646</v>
      </c>
      <c r="F100" s="16">
        <v>7790</v>
      </c>
      <c r="G100" s="16">
        <v>5809</v>
      </c>
      <c r="H100" s="16">
        <v>1937</v>
      </c>
      <c r="I100" s="16">
        <v>44</v>
      </c>
      <c r="J100" s="16">
        <v>1944</v>
      </c>
    </row>
    <row r="101" spans="1:10">
      <c r="A101" s="21" t="s">
        <v>232</v>
      </c>
      <c r="B101" s="21" t="s">
        <v>237</v>
      </c>
      <c r="C101" s="21" t="s">
        <v>264</v>
      </c>
      <c r="D101" s="21" t="s">
        <v>654</v>
      </c>
      <c r="E101" s="21" t="s">
        <v>647</v>
      </c>
      <c r="F101" s="16">
        <v>4351</v>
      </c>
      <c r="G101" s="16">
        <v>3136</v>
      </c>
      <c r="H101" s="16">
        <v>1186</v>
      </c>
      <c r="I101" s="16">
        <v>29</v>
      </c>
      <c r="J101" s="16">
        <v>1215</v>
      </c>
    </row>
    <row r="102" spans="1:10">
      <c r="A102" s="21" t="s">
        <v>232</v>
      </c>
      <c r="B102" s="21" t="s">
        <v>237</v>
      </c>
      <c r="C102" s="21" t="s">
        <v>264</v>
      </c>
      <c r="D102" s="21" t="s">
        <v>654</v>
      </c>
      <c r="E102" s="21" t="s">
        <v>648</v>
      </c>
      <c r="F102" s="16">
        <v>2000</v>
      </c>
      <c r="G102" s="16">
        <v>1463</v>
      </c>
      <c r="H102" s="16">
        <v>498</v>
      </c>
      <c r="I102" s="16">
        <v>39</v>
      </c>
      <c r="J102" s="16">
        <v>530</v>
      </c>
    </row>
    <row r="103" spans="1:10">
      <c r="A103" s="21" t="s">
        <v>232</v>
      </c>
      <c r="B103" s="21" t="s">
        <v>237</v>
      </c>
      <c r="C103" s="21" t="s">
        <v>264</v>
      </c>
      <c r="D103" s="21" t="s">
        <v>654</v>
      </c>
      <c r="E103" s="21" t="s">
        <v>649</v>
      </c>
      <c r="F103" s="16">
        <v>629</v>
      </c>
      <c r="G103" s="16">
        <v>389</v>
      </c>
      <c r="H103" s="16">
        <v>217</v>
      </c>
      <c r="I103" s="16">
        <v>23</v>
      </c>
      <c r="J103" s="16">
        <v>240</v>
      </c>
    </row>
    <row r="104" spans="1:10">
      <c r="A104" s="21" t="s">
        <v>232</v>
      </c>
      <c r="B104" s="21" t="s">
        <v>237</v>
      </c>
      <c r="C104" s="21" t="s">
        <v>264</v>
      </c>
      <c r="D104" s="21" t="s">
        <v>654</v>
      </c>
      <c r="E104" s="21" t="s">
        <v>650</v>
      </c>
      <c r="F104" s="16">
        <v>820</v>
      </c>
      <c r="G104" s="16">
        <v>520</v>
      </c>
      <c r="H104" s="16">
        <v>170</v>
      </c>
      <c r="I104" s="16">
        <v>130</v>
      </c>
      <c r="J104" s="16">
        <v>271</v>
      </c>
    </row>
    <row r="105" spans="1:10">
      <c r="A105" s="21" t="s">
        <v>240</v>
      </c>
      <c r="B105" s="21" t="s">
        <v>237</v>
      </c>
      <c r="C105" s="21" t="s">
        <v>265</v>
      </c>
      <c r="D105" s="21" t="s">
        <v>214</v>
      </c>
      <c r="E105" s="21" t="s">
        <v>214</v>
      </c>
      <c r="F105" s="16">
        <v>85192</v>
      </c>
      <c r="G105" s="16">
        <v>60000</v>
      </c>
      <c r="H105" s="16">
        <v>21431</v>
      </c>
      <c r="I105" s="16">
        <v>3761</v>
      </c>
      <c r="J105" s="16">
        <v>19059</v>
      </c>
    </row>
    <row r="106" spans="1:10">
      <c r="A106" s="21" t="s">
        <v>240</v>
      </c>
      <c r="B106" s="21" t="s">
        <v>237</v>
      </c>
      <c r="C106" s="21" t="s">
        <v>265</v>
      </c>
      <c r="D106" s="21" t="s">
        <v>641</v>
      </c>
      <c r="E106" s="21" t="s">
        <v>214</v>
      </c>
      <c r="F106" s="16">
        <v>27194</v>
      </c>
      <c r="G106" s="16">
        <v>20490</v>
      </c>
      <c r="H106" s="16">
        <v>6007</v>
      </c>
      <c r="I106" s="16">
        <v>697</v>
      </c>
      <c r="J106" s="16">
        <v>978</v>
      </c>
    </row>
    <row r="107" spans="1:10">
      <c r="A107" s="21" t="s">
        <v>240</v>
      </c>
      <c r="B107" s="21" t="s">
        <v>237</v>
      </c>
      <c r="C107" s="21" t="s">
        <v>265</v>
      </c>
      <c r="D107" s="21" t="s">
        <v>642</v>
      </c>
      <c r="E107" s="21" t="s">
        <v>214</v>
      </c>
      <c r="F107" s="16">
        <v>57998</v>
      </c>
      <c r="G107" s="16">
        <v>39510</v>
      </c>
      <c r="H107" s="16">
        <v>15424</v>
      </c>
      <c r="I107" s="16">
        <v>3064</v>
      </c>
      <c r="J107" s="16">
        <v>18081</v>
      </c>
    </row>
    <row r="108" spans="1:10">
      <c r="A108" s="21" t="s">
        <v>240</v>
      </c>
      <c r="B108" s="21" t="s">
        <v>237</v>
      </c>
      <c r="C108" s="21" t="s">
        <v>265</v>
      </c>
      <c r="D108" s="21" t="s">
        <v>642</v>
      </c>
      <c r="E108" s="21" t="s">
        <v>643</v>
      </c>
      <c r="F108" s="16">
        <v>2906</v>
      </c>
      <c r="G108" s="16">
        <v>2319</v>
      </c>
      <c r="H108" s="16">
        <v>580</v>
      </c>
      <c r="I108" s="16">
        <v>7</v>
      </c>
      <c r="J108" s="16">
        <v>587</v>
      </c>
    </row>
    <row r="109" spans="1:10">
      <c r="A109" s="21" t="s">
        <v>240</v>
      </c>
      <c r="B109" s="21" t="s">
        <v>237</v>
      </c>
      <c r="C109" s="21" t="s">
        <v>265</v>
      </c>
      <c r="D109" s="21" t="s">
        <v>642</v>
      </c>
      <c r="E109" s="21" t="s">
        <v>644</v>
      </c>
      <c r="F109" s="16">
        <v>5455</v>
      </c>
      <c r="G109" s="16">
        <v>3960</v>
      </c>
      <c r="H109" s="16">
        <v>1456</v>
      </c>
      <c r="I109" s="16">
        <v>39</v>
      </c>
      <c r="J109" s="16">
        <v>1472</v>
      </c>
    </row>
    <row r="110" spans="1:10">
      <c r="A110" s="21" t="s">
        <v>240</v>
      </c>
      <c r="B110" s="21" t="s">
        <v>237</v>
      </c>
      <c r="C110" s="21" t="s">
        <v>265</v>
      </c>
      <c r="D110" s="21" t="s">
        <v>642</v>
      </c>
      <c r="E110" s="21" t="s">
        <v>645</v>
      </c>
      <c r="F110" s="16">
        <v>6305</v>
      </c>
      <c r="G110" s="16">
        <v>4597</v>
      </c>
      <c r="H110" s="16">
        <v>1656</v>
      </c>
      <c r="I110" s="16">
        <v>52</v>
      </c>
      <c r="J110" s="16">
        <v>1692</v>
      </c>
    </row>
    <row r="111" spans="1:10">
      <c r="A111" s="21" t="s">
        <v>240</v>
      </c>
      <c r="B111" s="21" t="s">
        <v>237</v>
      </c>
      <c r="C111" s="21" t="s">
        <v>265</v>
      </c>
      <c r="D111" s="21" t="s">
        <v>642</v>
      </c>
      <c r="E111" s="21" t="s">
        <v>646</v>
      </c>
      <c r="F111" s="16">
        <v>5434</v>
      </c>
      <c r="G111" s="16">
        <v>3862</v>
      </c>
      <c r="H111" s="16">
        <v>1538</v>
      </c>
      <c r="I111" s="16">
        <v>34</v>
      </c>
      <c r="J111" s="16">
        <v>1549</v>
      </c>
    </row>
    <row r="112" spans="1:10">
      <c r="A112" s="21" t="s">
        <v>240</v>
      </c>
      <c r="B112" s="21" t="s">
        <v>237</v>
      </c>
      <c r="C112" s="21" t="s">
        <v>265</v>
      </c>
      <c r="D112" s="21" t="s">
        <v>642</v>
      </c>
      <c r="E112" s="21" t="s">
        <v>647</v>
      </c>
      <c r="F112" s="16">
        <v>4723</v>
      </c>
      <c r="G112" s="16">
        <v>3074</v>
      </c>
      <c r="H112" s="16">
        <v>1637</v>
      </c>
      <c r="I112" s="16">
        <v>12</v>
      </c>
      <c r="J112" s="16">
        <v>1649</v>
      </c>
    </row>
    <row r="113" spans="1:10">
      <c r="A113" s="21" t="s">
        <v>240</v>
      </c>
      <c r="B113" s="21" t="s">
        <v>237</v>
      </c>
      <c r="C113" s="21" t="s">
        <v>265</v>
      </c>
      <c r="D113" s="21" t="s">
        <v>642</v>
      </c>
      <c r="E113" s="21" t="s">
        <v>648</v>
      </c>
      <c r="F113" s="16">
        <v>4563</v>
      </c>
      <c r="G113" s="16">
        <v>3069</v>
      </c>
      <c r="H113" s="16">
        <v>1470</v>
      </c>
      <c r="I113" s="16">
        <v>24</v>
      </c>
      <c r="J113" s="16">
        <v>1475</v>
      </c>
    </row>
    <row r="114" spans="1:10">
      <c r="A114" s="21" t="s">
        <v>240</v>
      </c>
      <c r="B114" s="21" t="s">
        <v>237</v>
      </c>
      <c r="C114" s="21" t="s">
        <v>265</v>
      </c>
      <c r="D114" s="21" t="s">
        <v>642</v>
      </c>
      <c r="E114" s="21" t="s">
        <v>649</v>
      </c>
      <c r="F114" s="16">
        <v>3842</v>
      </c>
      <c r="G114" s="16">
        <v>2511</v>
      </c>
      <c r="H114" s="16">
        <v>1310</v>
      </c>
      <c r="I114" s="16">
        <v>21</v>
      </c>
      <c r="J114" s="16">
        <v>1315</v>
      </c>
    </row>
    <row r="115" spans="1:10">
      <c r="A115" s="21" t="s">
        <v>240</v>
      </c>
      <c r="B115" s="21" t="s">
        <v>237</v>
      </c>
      <c r="C115" s="21" t="s">
        <v>265</v>
      </c>
      <c r="D115" s="21" t="s">
        <v>642</v>
      </c>
      <c r="E115" s="21" t="s">
        <v>650</v>
      </c>
      <c r="F115" s="16">
        <v>24770</v>
      </c>
      <c r="G115" s="16">
        <v>16118</v>
      </c>
      <c r="H115" s="16">
        <v>5777</v>
      </c>
      <c r="I115" s="16">
        <v>2875</v>
      </c>
      <c r="J115" s="16">
        <v>8342</v>
      </c>
    </row>
    <row r="116" spans="1:10">
      <c r="A116" s="21" t="s">
        <v>240</v>
      </c>
      <c r="B116" s="21" t="s">
        <v>237</v>
      </c>
      <c r="C116" s="21" t="s">
        <v>265</v>
      </c>
      <c r="D116" s="21" t="s">
        <v>651</v>
      </c>
      <c r="E116" s="21" t="s">
        <v>214</v>
      </c>
      <c r="F116" s="16">
        <v>24386</v>
      </c>
      <c r="G116" s="16">
        <v>16656</v>
      </c>
      <c r="H116" s="16">
        <v>5495</v>
      </c>
      <c r="I116" s="16">
        <v>2235</v>
      </c>
      <c r="J116" s="16">
        <v>7514</v>
      </c>
    </row>
    <row r="117" spans="1:10">
      <c r="A117" s="21" t="s">
        <v>240</v>
      </c>
      <c r="B117" s="21" t="s">
        <v>237</v>
      </c>
      <c r="C117" s="21" t="s">
        <v>265</v>
      </c>
      <c r="D117" s="21" t="s">
        <v>651</v>
      </c>
      <c r="E117" s="21" t="s">
        <v>643</v>
      </c>
      <c r="F117" s="16">
        <v>724</v>
      </c>
      <c r="G117" s="16">
        <v>600</v>
      </c>
      <c r="H117" s="16">
        <v>124</v>
      </c>
      <c r="I117" s="22" t="s">
        <v>268</v>
      </c>
      <c r="J117" s="16">
        <v>124</v>
      </c>
    </row>
    <row r="118" spans="1:10">
      <c r="A118" s="21" t="s">
        <v>240</v>
      </c>
      <c r="B118" s="21" t="s">
        <v>237</v>
      </c>
      <c r="C118" s="21" t="s">
        <v>265</v>
      </c>
      <c r="D118" s="21" t="s">
        <v>651</v>
      </c>
      <c r="E118" s="21" t="s">
        <v>644</v>
      </c>
      <c r="F118" s="16">
        <v>1286</v>
      </c>
      <c r="G118" s="16">
        <v>1002</v>
      </c>
      <c r="H118" s="16">
        <v>272</v>
      </c>
      <c r="I118" s="16">
        <v>12</v>
      </c>
      <c r="J118" s="16">
        <v>276</v>
      </c>
    </row>
    <row r="119" spans="1:10">
      <c r="A119" s="21" t="s">
        <v>240</v>
      </c>
      <c r="B119" s="21" t="s">
        <v>237</v>
      </c>
      <c r="C119" s="21" t="s">
        <v>265</v>
      </c>
      <c r="D119" s="21" t="s">
        <v>651</v>
      </c>
      <c r="E119" s="21" t="s">
        <v>645</v>
      </c>
      <c r="F119" s="16">
        <v>1121</v>
      </c>
      <c r="G119" s="16">
        <v>828</v>
      </c>
      <c r="H119" s="16">
        <v>289</v>
      </c>
      <c r="I119" s="16">
        <v>4</v>
      </c>
      <c r="J119" s="16">
        <v>289</v>
      </c>
    </row>
    <row r="120" spans="1:10">
      <c r="A120" s="21" t="s">
        <v>240</v>
      </c>
      <c r="B120" s="21" t="s">
        <v>237</v>
      </c>
      <c r="C120" s="21" t="s">
        <v>265</v>
      </c>
      <c r="D120" s="21" t="s">
        <v>651</v>
      </c>
      <c r="E120" s="21" t="s">
        <v>646</v>
      </c>
      <c r="F120" s="16">
        <v>743</v>
      </c>
      <c r="G120" s="16">
        <v>531</v>
      </c>
      <c r="H120" s="16">
        <v>204</v>
      </c>
      <c r="I120" s="16">
        <v>8</v>
      </c>
      <c r="J120" s="16">
        <v>204</v>
      </c>
    </row>
    <row r="121" spans="1:10">
      <c r="A121" s="21" t="s">
        <v>240</v>
      </c>
      <c r="B121" s="21" t="s">
        <v>237</v>
      </c>
      <c r="C121" s="21" t="s">
        <v>265</v>
      </c>
      <c r="D121" s="21" t="s">
        <v>651</v>
      </c>
      <c r="E121" s="21" t="s">
        <v>647</v>
      </c>
      <c r="F121" s="16">
        <v>653</v>
      </c>
      <c r="G121" s="16">
        <v>477</v>
      </c>
      <c r="H121" s="16">
        <v>176</v>
      </c>
      <c r="I121" s="22" t="s">
        <v>268</v>
      </c>
      <c r="J121" s="16">
        <v>176</v>
      </c>
    </row>
    <row r="122" spans="1:10">
      <c r="A122" s="21" t="s">
        <v>240</v>
      </c>
      <c r="B122" s="21" t="s">
        <v>237</v>
      </c>
      <c r="C122" s="21" t="s">
        <v>265</v>
      </c>
      <c r="D122" s="21" t="s">
        <v>651</v>
      </c>
      <c r="E122" s="21" t="s">
        <v>648</v>
      </c>
      <c r="F122" s="16">
        <v>847</v>
      </c>
      <c r="G122" s="16">
        <v>561</v>
      </c>
      <c r="H122" s="16">
        <v>282</v>
      </c>
      <c r="I122" s="16">
        <v>4</v>
      </c>
      <c r="J122" s="16">
        <v>282</v>
      </c>
    </row>
    <row r="123" spans="1:10">
      <c r="A123" s="21" t="s">
        <v>240</v>
      </c>
      <c r="B123" s="21" t="s">
        <v>237</v>
      </c>
      <c r="C123" s="21" t="s">
        <v>265</v>
      </c>
      <c r="D123" s="21" t="s">
        <v>651</v>
      </c>
      <c r="E123" s="21" t="s">
        <v>649</v>
      </c>
      <c r="F123" s="16">
        <v>1284</v>
      </c>
      <c r="G123" s="16">
        <v>849</v>
      </c>
      <c r="H123" s="16">
        <v>430</v>
      </c>
      <c r="I123" s="16">
        <v>5</v>
      </c>
      <c r="J123" s="16">
        <v>430</v>
      </c>
    </row>
    <row r="124" spans="1:10">
      <c r="A124" s="21" t="s">
        <v>240</v>
      </c>
      <c r="B124" s="21" t="s">
        <v>237</v>
      </c>
      <c r="C124" s="21" t="s">
        <v>265</v>
      </c>
      <c r="D124" s="21" t="s">
        <v>651</v>
      </c>
      <c r="E124" s="21" t="s">
        <v>650</v>
      </c>
      <c r="F124" s="16">
        <v>17728</v>
      </c>
      <c r="G124" s="16">
        <v>11808</v>
      </c>
      <c r="H124" s="16">
        <v>3718</v>
      </c>
      <c r="I124" s="16">
        <v>2202</v>
      </c>
      <c r="J124" s="16">
        <v>5733</v>
      </c>
    </row>
    <row r="125" spans="1:10">
      <c r="A125" s="21" t="s">
        <v>240</v>
      </c>
      <c r="B125" s="21" t="s">
        <v>237</v>
      </c>
      <c r="C125" s="21" t="s">
        <v>265</v>
      </c>
      <c r="D125" s="21" t="s">
        <v>652</v>
      </c>
      <c r="E125" s="21" t="s">
        <v>214</v>
      </c>
      <c r="F125" s="16">
        <v>21207</v>
      </c>
      <c r="G125" s="16">
        <v>14532</v>
      </c>
      <c r="H125" s="16">
        <v>6022</v>
      </c>
      <c r="I125" s="16">
        <v>653</v>
      </c>
      <c r="J125" s="16">
        <v>6543</v>
      </c>
    </row>
    <row r="126" spans="1:10">
      <c r="A126" s="21" t="s">
        <v>240</v>
      </c>
      <c r="B126" s="21" t="s">
        <v>237</v>
      </c>
      <c r="C126" s="21" t="s">
        <v>265</v>
      </c>
      <c r="D126" s="21" t="s">
        <v>652</v>
      </c>
      <c r="E126" s="21" t="s">
        <v>643</v>
      </c>
      <c r="F126" s="16">
        <v>1102</v>
      </c>
      <c r="G126" s="16">
        <v>852</v>
      </c>
      <c r="H126" s="16">
        <v>250</v>
      </c>
      <c r="I126" s="22" t="s">
        <v>268</v>
      </c>
      <c r="J126" s="16">
        <v>250</v>
      </c>
    </row>
    <row r="127" spans="1:10">
      <c r="A127" s="21" t="s">
        <v>240</v>
      </c>
      <c r="B127" s="21" t="s">
        <v>237</v>
      </c>
      <c r="C127" s="21" t="s">
        <v>265</v>
      </c>
      <c r="D127" s="21" t="s">
        <v>652</v>
      </c>
      <c r="E127" s="21" t="s">
        <v>644</v>
      </c>
      <c r="F127" s="16">
        <v>2223</v>
      </c>
      <c r="G127" s="16">
        <v>1596</v>
      </c>
      <c r="H127" s="16">
        <v>627</v>
      </c>
      <c r="I127" s="22" t="s">
        <v>268</v>
      </c>
      <c r="J127" s="16">
        <v>627</v>
      </c>
    </row>
    <row r="128" spans="1:10">
      <c r="A128" s="21" t="s">
        <v>240</v>
      </c>
      <c r="B128" s="21" t="s">
        <v>237</v>
      </c>
      <c r="C128" s="21" t="s">
        <v>265</v>
      </c>
      <c r="D128" s="21" t="s">
        <v>652</v>
      </c>
      <c r="E128" s="21" t="s">
        <v>645</v>
      </c>
      <c r="F128" s="16">
        <v>2619</v>
      </c>
      <c r="G128" s="16">
        <v>1928</v>
      </c>
      <c r="H128" s="16">
        <v>680</v>
      </c>
      <c r="I128" s="16">
        <v>11</v>
      </c>
      <c r="J128" s="16">
        <v>691</v>
      </c>
    </row>
    <row r="129" spans="1:10">
      <c r="A129" s="21" t="s">
        <v>240</v>
      </c>
      <c r="B129" s="21" t="s">
        <v>237</v>
      </c>
      <c r="C129" s="21" t="s">
        <v>265</v>
      </c>
      <c r="D129" s="21" t="s">
        <v>652</v>
      </c>
      <c r="E129" s="21" t="s">
        <v>646</v>
      </c>
      <c r="F129" s="16">
        <v>2440</v>
      </c>
      <c r="G129" s="16">
        <v>1756</v>
      </c>
      <c r="H129" s="16">
        <v>664</v>
      </c>
      <c r="I129" s="16">
        <v>20</v>
      </c>
      <c r="J129" s="16">
        <v>669</v>
      </c>
    </row>
    <row r="130" spans="1:10">
      <c r="A130" s="21" t="s">
        <v>240</v>
      </c>
      <c r="B130" s="21" t="s">
        <v>237</v>
      </c>
      <c r="C130" s="21" t="s">
        <v>265</v>
      </c>
      <c r="D130" s="21" t="s">
        <v>652</v>
      </c>
      <c r="E130" s="21" t="s">
        <v>647</v>
      </c>
      <c r="F130" s="16">
        <v>2306</v>
      </c>
      <c r="G130" s="16">
        <v>1524</v>
      </c>
      <c r="H130" s="16">
        <v>776</v>
      </c>
      <c r="I130" s="16">
        <v>6</v>
      </c>
      <c r="J130" s="16">
        <v>782</v>
      </c>
    </row>
    <row r="131" spans="1:10">
      <c r="A131" s="21" t="s">
        <v>240</v>
      </c>
      <c r="B131" s="21" t="s">
        <v>237</v>
      </c>
      <c r="C131" s="21" t="s">
        <v>265</v>
      </c>
      <c r="D131" s="21" t="s">
        <v>652</v>
      </c>
      <c r="E131" s="21" t="s">
        <v>648</v>
      </c>
      <c r="F131" s="16">
        <v>2522</v>
      </c>
      <c r="G131" s="16">
        <v>1772</v>
      </c>
      <c r="H131" s="16">
        <v>730</v>
      </c>
      <c r="I131" s="16">
        <v>20</v>
      </c>
      <c r="J131" s="16">
        <v>735</v>
      </c>
    </row>
    <row r="132" spans="1:10">
      <c r="A132" s="21" t="s">
        <v>240</v>
      </c>
      <c r="B132" s="21" t="s">
        <v>237</v>
      </c>
      <c r="C132" s="21" t="s">
        <v>265</v>
      </c>
      <c r="D132" s="21" t="s">
        <v>652</v>
      </c>
      <c r="E132" s="21" t="s">
        <v>649</v>
      </c>
      <c r="F132" s="16">
        <v>1930</v>
      </c>
      <c r="G132" s="16">
        <v>1252</v>
      </c>
      <c r="H132" s="16">
        <v>668</v>
      </c>
      <c r="I132" s="16">
        <v>10</v>
      </c>
      <c r="J132" s="16">
        <v>673</v>
      </c>
    </row>
    <row r="133" spans="1:10">
      <c r="A133" s="21" t="s">
        <v>240</v>
      </c>
      <c r="B133" s="21" t="s">
        <v>237</v>
      </c>
      <c r="C133" s="21" t="s">
        <v>265</v>
      </c>
      <c r="D133" s="21" t="s">
        <v>652</v>
      </c>
      <c r="E133" s="21" t="s">
        <v>650</v>
      </c>
      <c r="F133" s="16">
        <v>6065</v>
      </c>
      <c r="G133" s="16">
        <v>3852</v>
      </c>
      <c r="H133" s="16">
        <v>1627</v>
      </c>
      <c r="I133" s="16">
        <v>586</v>
      </c>
      <c r="J133" s="16">
        <v>2116</v>
      </c>
    </row>
    <row r="134" spans="1:10">
      <c r="A134" s="21" t="s">
        <v>240</v>
      </c>
      <c r="B134" s="21" t="s">
        <v>237</v>
      </c>
      <c r="C134" s="21" t="s">
        <v>265</v>
      </c>
      <c r="D134" s="21" t="s">
        <v>653</v>
      </c>
      <c r="E134" s="21" t="s">
        <v>214</v>
      </c>
      <c r="F134" s="16">
        <v>9946</v>
      </c>
      <c r="G134" s="16">
        <v>6620</v>
      </c>
      <c r="H134" s="16">
        <v>3179</v>
      </c>
      <c r="I134" s="16">
        <v>147</v>
      </c>
      <c r="J134" s="16">
        <v>3282</v>
      </c>
    </row>
    <row r="135" spans="1:10">
      <c r="A135" s="21" t="s">
        <v>240</v>
      </c>
      <c r="B135" s="21" t="s">
        <v>237</v>
      </c>
      <c r="C135" s="21" t="s">
        <v>265</v>
      </c>
      <c r="D135" s="21" t="s">
        <v>653</v>
      </c>
      <c r="E135" s="21" t="s">
        <v>643</v>
      </c>
      <c r="F135" s="16">
        <v>732</v>
      </c>
      <c r="G135" s="16">
        <v>605</v>
      </c>
      <c r="H135" s="16">
        <v>127</v>
      </c>
      <c r="I135" s="22" t="s">
        <v>268</v>
      </c>
      <c r="J135" s="16">
        <v>127</v>
      </c>
    </row>
    <row r="136" spans="1:10">
      <c r="A136" s="21" t="s">
        <v>240</v>
      </c>
      <c r="B136" s="21" t="s">
        <v>237</v>
      </c>
      <c r="C136" s="21" t="s">
        <v>265</v>
      </c>
      <c r="D136" s="21" t="s">
        <v>653</v>
      </c>
      <c r="E136" s="21" t="s">
        <v>644</v>
      </c>
      <c r="F136" s="16">
        <v>1398</v>
      </c>
      <c r="G136" s="16">
        <v>960</v>
      </c>
      <c r="H136" s="16">
        <v>418</v>
      </c>
      <c r="I136" s="16">
        <v>20</v>
      </c>
      <c r="J136" s="16">
        <v>430</v>
      </c>
    </row>
    <row r="137" spans="1:10">
      <c r="A137" s="21" t="s">
        <v>240</v>
      </c>
      <c r="B137" s="21" t="s">
        <v>237</v>
      </c>
      <c r="C137" s="21" t="s">
        <v>265</v>
      </c>
      <c r="D137" s="21" t="s">
        <v>653</v>
      </c>
      <c r="E137" s="21" t="s">
        <v>645</v>
      </c>
      <c r="F137" s="16">
        <v>1944</v>
      </c>
      <c r="G137" s="16">
        <v>1410</v>
      </c>
      <c r="H137" s="16">
        <v>504</v>
      </c>
      <c r="I137" s="16">
        <v>30</v>
      </c>
      <c r="J137" s="16">
        <v>522</v>
      </c>
    </row>
    <row r="138" spans="1:10">
      <c r="A138" s="21" t="s">
        <v>240</v>
      </c>
      <c r="B138" s="21" t="s">
        <v>237</v>
      </c>
      <c r="C138" s="21" t="s">
        <v>265</v>
      </c>
      <c r="D138" s="21" t="s">
        <v>653</v>
      </c>
      <c r="E138" s="21" t="s">
        <v>646</v>
      </c>
      <c r="F138" s="16">
        <v>1872</v>
      </c>
      <c r="G138" s="16">
        <v>1295</v>
      </c>
      <c r="H138" s="16">
        <v>571</v>
      </c>
      <c r="I138" s="16">
        <v>6</v>
      </c>
      <c r="J138" s="16">
        <v>577</v>
      </c>
    </row>
    <row r="139" spans="1:10">
      <c r="A139" s="21" t="s">
        <v>240</v>
      </c>
      <c r="B139" s="21" t="s">
        <v>237</v>
      </c>
      <c r="C139" s="21" t="s">
        <v>265</v>
      </c>
      <c r="D139" s="21" t="s">
        <v>653</v>
      </c>
      <c r="E139" s="21" t="s">
        <v>647</v>
      </c>
      <c r="F139" s="16">
        <v>1487</v>
      </c>
      <c r="G139" s="16">
        <v>905</v>
      </c>
      <c r="H139" s="16">
        <v>576</v>
      </c>
      <c r="I139" s="16">
        <v>6</v>
      </c>
      <c r="J139" s="16">
        <v>582</v>
      </c>
    </row>
    <row r="140" spans="1:10">
      <c r="A140" s="21" t="s">
        <v>240</v>
      </c>
      <c r="B140" s="21" t="s">
        <v>237</v>
      </c>
      <c r="C140" s="21" t="s">
        <v>265</v>
      </c>
      <c r="D140" s="21" t="s">
        <v>653</v>
      </c>
      <c r="E140" s="21" t="s">
        <v>648</v>
      </c>
      <c r="F140" s="16">
        <v>1021</v>
      </c>
      <c r="G140" s="16">
        <v>625</v>
      </c>
      <c r="H140" s="16">
        <v>396</v>
      </c>
      <c r="I140" s="22" t="s">
        <v>268</v>
      </c>
      <c r="J140" s="16">
        <v>396</v>
      </c>
    </row>
    <row r="141" spans="1:10">
      <c r="A141" s="21" t="s">
        <v>240</v>
      </c>
      <c r="B141" s="21" t="s">
        <v>237</v>
      </c>
      <c r="C141" s="21" t="s">
        <v>265</v>
      </c>
      <c r="D141" s="21" t="s">
        <v>653</v>
      </c>
      <c r="E141" s="21" t="s">
        <v>649</v>
      </c>
      <c r="F141" s="16">
        <v>567</v>
      </c>
      <c r="G141" s="16">
        <v>380</v>
      </c>
      <c r="H141" s="16">
        <v>181</v>
      </c>
      <c r="I141" s="16">
        <v>6</v>
      </c>
      <c r="J141" s="16">
        <v>181</v>
      </c>
    </row>
    <row r="142" spans="1:10">
      <c r="A142" s="21" t="s">
        <v>240</v>
      </c>
      <c r="B142" s="21" t="s">
        <v>237</v>
      </c>
      <c r="C142" s="21" t="s">
        <v>265</v>
      </c>
      <c r="D142" s="21" t="s">
        <v>653</v>
      </c>
      <c r="E142" s="21" t="s">
        <v>650</v>
      </c>
      <c r="F142" s="16">
        <v>925</v>
      </c>
      <c r="G142" s="16">
        <v>440</v>
      </c>
      <c r="H142" s="16">
        <v>406</v>
      </c>
      <c r="I142" s="16">
        <v>79</v>
      </c>
      <c r="J142" s="16">
        <v>467</v>
      </c>
    </row>
    <row r="143" spans="1:10">
      <c r="A143" s="21" t="s">
        <v>240</v>
      </c>
      <c r="B143" s="21" t="s">
        <v>237</v>
      </c>
      <c r="C143" s="21" t="s">
        <v>265</v>
      </c>
      <c r="D143" s="21" t="s">
        <v>654</v>
      </c>
      <c r="E143" s="21" t="s">
        <v>214</v>
      </c>
      <c r="F143" s="16">
        <v>2459</v>
      </c>
      <c r="G143" s="16">
        <v>1702</v>
      </c>
      <c r="H143" s="16">
        <v>728</v>
      </c>
      <c r="I143" s="16">
        <v>29</v>
      </c>
      <c r="J143" s="16">
        <v>742</v>
      </c>
    </row>
    <row r="144" spans="1:10">
      <c r="A144" s="21" t="s">
        <v>240</v>
      </c>
      <c r="B144" s="21" t="s">
        <v>237</v>
      </c>
      <c r="C144" s="21" t="s">
        <v>265</v>
      </c>
      <c r="D144" s="21" t="s">
        <v>654</v>
      </c>
      <c r="E144" s="21" t="s">
        <v>643</v>
      </c>
      <c r="F144" s="16">
        <v>348</v>
      </c>
      <c r="G144" s="16">
        <v>262</v>
      </c>
      <c r="H144" s="16">
        <v>79</v>
      </c>
      <c r="I144" s="16">
        <v>7</v>
      </c>
      <c r="J144" s="16">
        <v>86</v>
      </c>
    </row>
    <row r="145" spans="1:10">
      <c r="A145" s="21" t="s">
        <v>240</v>
      </c>
      <c r="B145" s="21" t="s">
        <v>237</v>
      </c>
      <c r="C145" s="21" t="s">
        <v>265</v>
      </c>
      <c r="D145" s="21" t="s">
        <v>654</v>
      </c>
      <c r="E145" s="21" t="s">
        <v>644</v>
      </c>
      <c r="F145" s="16">
        <v>548</v>
      </c>
      <c r="G145" s="16">
        <v>402</v>
      </c>
      <c r="H145" s="16">
        <v>139</v>
      </c>
      <c r="I145" s="16">
        <v>7</v>
      </c>
      <c r="J145" s="16">
        <v>139</v>
      </c>
    </row>
    <row r="146" spans="1:10">
      <c r="A146" s="21" t="s">
        <v>240</v>
      </c>
      <c r="B146" s="21" t="s">
        <v>237</v>
      </c>
      <c r="C146" s="21" t="s">
        <v>265</v>
      </c>
      <c r="D146" s="21" t="s">
        <v>654</v>
      </c>
      <c r="E146" s="21" t="s">
        <v>645</v>
      </c>
      <c r="F146" s="16">
        <v>621</v>
      </c>
      <c r="G146" s="16">
        <v>431</v>
      </c>
      <c r="H146" s="16">
        <v>183</v>
      </c>
      <c r="I146" s="16">
        <v>7</v>
      </c>
      <c r="J146" s="16">
        <v>190</v>
      </c>
    </row>
    <row r="147" spans="1:10">
      <c r="A147" s="21" t="s">
        <v>240</v>
      </c>
      <c r="B147" s="21" t="s">
        <v>237</v>
      </c>
      <c r="C147" s="21" t="s">
        <v>265</v>
      </c>
      <c r="D147" s="21" t="s">
        <v>654</v>
      </c>
      <c r="E147" s="21" t="s">
        <v>646</v>
      </c>
      <c r="F147" s="16">
        <v>379</v>
      </c>
      <c r="G147" s="16">
        <v>280</v>
      </c>
      <c r="H147" s="16">
        <v>99</v>
      </c>
      <c r="I147" s="22" t="s">
        <v>268</v>
      </c>
      <c r="J147" s="16">
        <v>99</v>
      </c>
    </row>
    <row r="148" spans="1:10">
      <c r="A148" s="21" t="s">
        <v>240</v>
      </c>
      <c r="B148" s="21" t="s">
        <v>237</v>
      </c>
      <c r="C148" s="21" t="s">
        <v>265</v>
      </c>
      <c r="D148" s="21" t="s">
        <v>654</v>
      </c>
      <c r="E148" s="21" t="s">
        <v>647</v>
      </c>
      <c r="F148" s="16">
        <v>277</v>
      </c>
      <c r="G148" s="16">
        <v>168</v>
      </c>
      <c r="H148" s="16">
        <v>109</v>
      </c>
      <c r="I148" s="22" t="s">
        <v>268</v>
      </c>
      <c r="J148" s="16">
        <v>109</v>
      </c>
    </row>
    <row r="149" spans="1:10">
      <c r="A149" s="21" t="s">
        <v>240</v>
      </c>
      <c r="B149" s="21" t="s">
        <v>237</v>
      </c>
      <c r="C149" s="21" t="s">
        <v>265</v>
      </c>
      <c r="D149" s="21" t="s">
        <v>654</v>
      </c>
      <c r="E149" s="21" t="s">
        <v>648</v>
      </c>
      <c r="F149" s="16">
        <v>173</v>
      </c>
      <c r="G149" s="16">
        <v>111</v>
      </c>
      <c r="H149" s="16">
        <v>62</v>
      </c>
      <c r="I149" s="22" t="s">
        <v>268</v>
      </c>
      <c r="J149" s="16">
        <v>62</v>
      </c>
    </row>
    <row r="150" spans="1:10">
      <c r="A150" s="21" t="s">
        <v>240</v>
      </c>
      <c r="B150" s="21" t="s">
        <v>237</v>
      </c>
      <c r="C150" s="21" t="s">
        <v>265</v>
      </c>
      <c r="D150" s="21" t="s">
        <v>654</v>
      </c>
      <c r="E150" s="21" t="s">
        <v>649</v>
      </c>
      <c r="F150" s="16">
        <v>61</v>
      </c>
      <c r="G150" s="16">
        <v>30</v>
      </c>
      <c r="H150" s="16">
        <v>31</v>
      </c>
      <c r="I150" s="22" t="s">
        <v>268</v>
      </c>
      <c r="J150" s="16">
        <v>31</v>
      </c>
    </row>
    <row r="151" spans="1:10">
      <c r="A151" s="21" t="s">
        <v>240</v>
      </c>
      <c r="B151" s="21" t="s">
        <v>237</v>
      </c>
      <c r="C151" s="21" t="s">
        <v>265</v>
      </c>
      <c r="D151" s="21" t="s">
        <v>654</v>
      </c>
      <c r="E151" s="21" t="s">
        <v>650</v>
      </c>
      <c r="F151" s="16">
        <v>52</v>
      </c>
      <c r="G151" s="16">
        <v>18</v>
      </c>
      <c r="H151" s="16">
        <v>26</v>
      </c>
      <c r="I151" s="16">
        <v>8</v>
      </c>
      <c r="J151" s="16">
        <v>26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3" orientation="portrait" r:id="rId1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8728D1-0DF3-4FD5-A613-148EE779B3A0}">
  <sheetPr>
    <pageSetUpPr fitToPage="1"/>
  </sheetPr>
  <dimension ref="A1:J76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12.25" style="20" bestFit="1" customWidth="1"/>
    <col min="5" max="5" width="20" style="20" bestFit="1" customWidth="1"/>
    <col min="6" max="16384" width="12.625" style="20"/>
  </cols>
  <sheetData>
    <row r="1" spans="1:10" s="11" customFormat="1">
      <c r="A1" s="11" t="s">
        <v>192</v>
      </c>
    </row>
    <row r="2" spans="1:10" s="11" customFormat="1">
      <c r="A2" s="11" t="s">
        <v>656</v>
      </c>
    </row>
    <row r="3" spans="1:10" s="11" customFormat="1"/>
    <row r="4" spans="1:10" s="11" customFormat="1" hidden="1"/>
    <row r="5" spans="1:10" s="11" customFormat="1"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</row>
    <row r="6" spans="1:10" s="11" customFormat="1" ht="24">
      <c r="F6" s="12" t="s">
        <v>634</v>
      </c>
      <c r="G6" s="12" t="s">
        <v>634</v>
      </c>
      <c r="H6" s="12" t="s">
        <v>634</v>
      </c>
      <c r="I6" s="12" t="s">
        <v>634</v>
      </c>
      <c r="J6" s="12" t="s">
        <v>634</v>
      </c>
    </row>
    <row r="7" spans="1:10" s="11" customFormat="1">
      <c r="F7" s="12">
        <v>1</v>
      </c>
      <c r="G7" s="12">
        <v>1</v>
      </c>
      <c r="H7" s="12">
        <v>1</v>
      </c>
      <c r="I7" s="12">
        <v>1</v>
      </c>
      <c r="J7" s="12">
        <v>1</v>
      </c>
    </row>
    <row r="8" spans="1:10" s="11" customFormat="1" ht="48">
      <c r="F8" s="12" t="s">
        <v>214</v>
      </c>
      <c r="G8" s="12" t="s">
        <v>635</v>
      </c>
      <c r="H8" s="12" t="s">
        <v>636</v>
      </c>
      <c r="I8" s="12" t="s">
        <v>637</v>
      </c>
      <c r="J8" s="12" t="s">
        <v>638</v>
      </c>
    </row>
    <row r="9" spans="1:10" s="11" customFormat="1"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</row>
    <row r="10" spans="1:10" s="11" customFormat="1">
      <c r="A10" s="14" t="s">
        <v>224</v>
      </c>
      <c r="B10" s="14" t="s">
        <v>259</v>
      </c>
      <c r="C10" s="14" t="s">
        <v>230</v>
      </c>
      <c r="D10" s="14" t="s">
        <v>657</v>
      </c>
      <c r="E10" s="14" t="s">
        <v>640</v>
      </c>
      <c r="F10" s="14" t="s">
        <v>231</v>
      </c>
      <c r="G10" s="14"/>
      <c r="H10" s="14"/>
      <c r="I10" s="14"/>
      <c r="J10" s="14"/>
    </row>
    <row r="11" spans="1:10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401</v>
      </c>
      <c r="F11" s="16">
        <v>28058120</v>
      </c>
      <c r="G11" s="16">
        <v>25108030</v>
      </c>
      <c r="H11" s="16">
        <v>2442420</v>
      </c>
      <c r="I11" s="16">
        <v>507670</v>
      </c>
      <c r="J11" s="16">
        <v>1951546</v>
      </c>
    </row>
    <row r="12" spans="1:10">
      <c r="A12" s="21" t="s">
        <v>232</v>
      </c>
      <c r="B12" s="21" t="s">
        <v>233</v>
      </c>
      <c r="C12" s="21" t="s">
        <v>262</v>
      </c>
      <c r="D12" s="21" t="s">
        <v>641</v>
      </c>
      <c r="E12" s="21" t="s">
        <v>401</v>
      </c>
      <c r="F12" s="16">
        <v>12121001</v>
      </c>
      <c r="G12" s="16">
        <v>11158840</v>
      </c>
      <c r="H12" s="16">
        <v>835040</v>
      </c>
      <c r="I12" s="16">
        <v>127121</v>
      </c>
      <c r="J12" s="16">
        <v>27119</v>
      </c>
    </row>
    <row r="13" spans="1:10">
      <c r="A13" s="21" t="s">
        <v>232</v>
      </c>
      <c r="B13" s="21" t="s">
        <v>233</v>
      </c>
      <c r="C13" s="21" t="s">
        <v>262</v>
      </c>
      <c r="D13" s="21" t="s">
        <v>642</v>
      </c>
      <c r="E13" s="21" t="s">
        <v>401</v>
      </c>
      <c r="F13" s="16">
        <v>15937119</v>
      </c>
      <c r="G13" s="16">
        <v>13949190</v>
      </c>
      <c r="H13" s="16">
        <v>1607380</v>
      </c>
      <c r="I13" s="16">
        <v>380549</v>
      </c>
      <c r="J13" s="16">
        <v>1924427</v>
      </c>
    </row>
    <row r="14" spans="1:10">
      <c r="A14" s="21" t="s">
        <v>232</v>
      </c>
      <c r="B14" s="21" t="s">
        <v>233</v>
      </c>
      <c r="C14" s="21" t="s">
        <v>262</v>
      </c>
      <c r="D14" s="21" t="s">
        <v>642</v>
      </c>
      <c r="E14" s="21" t="s">
        <v>658</v>
      </c>
      <c r="F14" s="16">
        <v>778266</v>
      </c>
      <c r="G14" s="16">
        <v>721974</v>
      </c>
      <c r="H14" s="16">
        <v>53616</v>
      </c>
      <c r="I14" s="16">
        <v>2676</v>
      </c>
      <c r="J14" s="16">
        <v>54167</v>
      </c>
    </row>
    <row r="15" spans="1:10">
      <c r="A15" s="21" t="s">
        <v>232</v>
      </c>
      <c r="B15" s="21" t="s">
        <v>233</v>
      </c>
      <c r="C15" s="21" t="s">
        <v>262</v>
      </c>
      <c r="D15" s="21" t="s">
        <v>642</v>
      </c>
      <c r="E15" s="21" t="s">
        <v>659</v>
      </c>
      <c r="F15" s="16">
        <v>772667</v>
      </c>
      <c r="G15" s="16">
        <v>714638</v>
      </c>
      <c r="H15" s="16">
        <v>55366</v>
      </c>
      <c r="I15" s="16">
        <v>2663</v>
      </c>
      <c r="J15" s="16">
        <v>55887</v>
      </c>
    </row>
    <row r="16" spans="1:10">
      <c r="A16" s="21" t="s">
        <v>232</v>
      </c>
      <c r="B16" s="21" t="s">
        <v>233</v>
      </c>
      <c r="C16" s="21" t="s">
        <v>262</v>
      </c>
      <c r="D16" s="21" t="s">
        <v>642</v>
      </c>
      <c r="E16" s="21" t="s">
        <v>660</v>
      </c>
      <c r="F16" s="16">
        <v>682225</v>
      </c>
      <c r="G16" s="16">
        <v>629428</v>
      </c>
      <c r="H16" s="16">
        <v>50373</v>
      </c>
      <c r="I16" s="16">
        <v>2424</v>
      </c>
      <c r="J16" s="16">
        <v>50832</v>
      </c>
    </row>
    <row r="17" spans="1:10">
      <c r="A17" s="21" t="s">
        <v>232</v>
      </c>
      <c r="B17" s="21" t="s">
        <v>233</v>
      </c>
      <c r="C17" s="21" t="s">
        <v>262</v>
      </c>
      <c r="D17" s="21" t="s">
        <v>642</v>
      </c>
      <c r="E17" s="21" t="s">
        <v>661</v>
      </c>
      <c r="F17" s="16">
        <v>585831</v>
      </c>
      <c r="G17" s="16">
        <v>537675</v>
      </c>
      <c r="H17" s="16">
        <v>46069</v>
      </c>
      <c r="I17" s="16">
        <v>2087</v>
      </c>
      <c r="J17" s="16">
        <v>46471</v>
      </c>
    </row>
    <row r="18" spans="1:10">
      <c r="A18" s="21" t="s">
        <v>232</v>
      </c>
      <c r="B18" s="21" t="s">
        <v>233</v>
      </c>
      <c r="C18" s="21" t="s">
        <v>262</v>
      </c>
      <c r="D18" s="21" t="s">
        <v>642</v>
      </c>
      <c r="E18" s="21" t="s">
        <v>662</v>
      </c>
      <c r="F18" s="16">
        <v>536809</v>
      </c>
      <c r="G18" s="16">
        <v>490120</v>
      </c>
      <c r="H18" s="16">
        <v>44805</v>
      </c>
      <c r="I18" s="16">
        <v>1884</v>
      </c>
      <c r="J18" s="16">
        <v>45181</v>
      </c>
    </row>
    <row r="19" spans="1:10">
      <c r="A19" s="21" t="s">
        <v>232</v>
      </c>
      <c r="B19" s="21" t="s">
        <v>233</v>
      </c>
      <c r="C19" s="21" t="s">
        <v>262</v>
      </c>
      <c r="D19" s="21" t="s">
        <v>642</v>
      </c>
      <c r="E19" s="21" t="s">
        <v>663</v>
      </c>
      <c r="F19" s="16">
        <v>502742</v>
      </c>
      <c r="G19" s="16">
        <v>456810</v>
      </c>
      <c r="H19" s="16">
        <v>44221</v>
      </c>
      <c r="I19" s="16">
        <v>1711</v>
      </c>
      <c r="J19" s="16">
        <v>44550</v>
      </c>
    </row>
    <row r="20" spans="1:10">
      <c r="A20" s="21" t="s">
        <v>232</v>
      </c>
      <c r="B20" s="21" t="s">
        <v>233</v>
      </c>
      <c r="C20" s="21" t="s">
        <v>262</v>
      </c>
      <c r="D20" s="21" t="s">
        <v>642</v>
      </c>
      <c r="E20" s="21" t="s">
        <v>664</v>
      </c>
      <c r="F20" s="16">
        <v>474870</v>
      </c>
      <c r="G20" s="16">
        <v>429244</v>
      </c>
      <c r="H20" s="16">
        <v>44095</v>
      </c>
      <c r="I20" s="16">
        <v>1531</v>
      </c>
      <c r="J20" s="16">
        <v>44372</v>
      </c>
    </row>
    <row r="21" spans="1:10">
      <c r="A21" s="21" t="s">
        <v>232</v>
      </c>
      <c r="B21" s="21" t="s">
        <v>233</v>
      </c>
      <c r="C21" s="21" t="s">
        <v>262</v>
      </c>
      <c r="D21" s="21" t="s">
        <v>642</v>
      </c>
      <c r="E21" s="21" t="s">
        <v>665</v>
      </c>
      <c r="F21" s="16">
        <v>466795</v>
      </c>
      <c r="G21" s="16">
        <v>420073</v>
      </c>
      <c r="H21" s="16">
        <v>45172</v>
      </c>
      <c r="I21" s="16">
        <v>1550</v>
      </c>
      <c r="J21" s="16">
        <v>45478</v>
      </c>
    </row>
    <row r="22" spans="1:10">
      <c r="A22" s="21" t="s">
        <v>232</v>
      </c>
      <c r="B22" s="21" t="s">
        <v>233</v>
      </c>
      <c r="C22" s="21" t="s">
        <v>262</v>
      </c>
      <c r="D22" s="21" t="s">
        <v>642</v>
      </c>
      <c r="E22" s="21" t="s">
        <v>666</v>
      </c>
      <c r="F22" s="16">
        <v>449386</v>
      </c>
      <c r="G22" s="16">
        <v>402410</v>
      </c>
      <c r="H22" s="16">
        <v>45419</v>
      </c>
      <c r="I22" s="16">
        <v>1557</v>
      </c>
      <c r="J22" s="16">
        <v>45747</v>
      </c>
    </row>
    <row r="23" spans="1:10">
      <c r="A23" s="21" t="s">
        <v>232</v>
      </c>
      <c r="B23" s="21" t="s">
        <v>233</v>
      </c>
      <c r="C23" s="21" t="s">
        <v>262</v>
      </c>
      <c r="D23" s="21" t="s">
        <v>642</v>
      </c>
      <c r="E23" s="21" t="s">
        <v>667</v>
      </c>
      <c r="F23" s="16">
        <v>448269</v>
      </c>
      <c r="G23" s="16">
        <v>399777</v>
      </c>
      <c r="H23" s="16">
        <v>46961</v>
      </c>
      <c r="I23" s="16">
        <v>1531</v>
      </c>
      <c r="J23" s="16">
        <v>47288</v>
      </c>
    </row>
    <row r="24" spans="1:10">
      <c r="A24" s="21" t="s">
        <v>232</v>
      </c>
      <c r="B24" s="21" t="s">
        <v>233</v>
      </c>
      <c r="C24" s="21" t="s">
        <v>262</v>
      </c>
      <c r="D24" s="21" t="s">
        <v>642</v>
      </c>
      <c r="E24" s="21" t="s">
        <v>668</v>
      </c>
      <c r="F24" s="16">
        <v>439476</v>
      </c>
      <c r="G24" s="16">
        <v>390502</v>
      </c>
      <c r="H24" s="16">
        <v>47478</v>
      </c>
      <c r="I24" s="16">
        <v>1496</v>
      </c>
      <c r="J24" s="16">
        <v>47825</v>
      </c>
    </row>
    <row r="25" spans="1:10">
      <c r="A25" s="21" t="s">
        <v>232</v>
      </c>
      <c r="B25" s="21" t="s">
        <v>233</v>
      </c>
      <c r="C25" s="21" t="s">
        <v>262</v>
      </c>
      <c r="D25" s="21" t="s">
        <v>642</v>
      </c>
      <c r="E25" s="21" t="s">
        <v>669</v>
      </c>
      <c r="F25" s="16">
        <v>434830</v>
      </c>
      <c r="G25" s="16">
        <v>384166</v>
      </c>
      <c r="H25" s="16">
        <v>49068</v>
      </c>
      <c r="I25" s="16">
        <v>1596</v>
      </c>
      <c r="J25" s="16">
        <v>49425</v>
      </c>
    </row>
    <row r="26" spans="1:10">
      <c r="A26" s="21" t="s">
        <v>232</v>
      </c>
      <c r="B26" s="21" t="s">
        <v>233</v>
      </c>
      <c r="C26" s="21" t="s">
        <v>262</v>
      </c>
      <c r="D26" s="21" t="s">
        <v>642</v>
      </c>
      <c r="E26" s="21" t="s">
        <v>670</v>
      </c>
      <c r="F26" s="16">
        <v>433450</v>
      </c>
      <c r="G26" s="16">
        <v>381152</v>
      </c>
      <c r="H26" s="16">
        <v>50700</v>
      </c>
      <c r="I26" s="16">
        <v>1598</v>
      </c>
      <c r="J26" s="16">
        <v>51093</v>
      </c>
    </row>
    <row r="27" spans="1:10">
      <c r="A27" s="21" t="s">
        <v>232</v>
      </c>
      <c r="B27" s="21" t="s">
        <v>233</v>
      </c>
      <c r="C27" s="21" t="s">
        <v>262</v>
      </c>
      <c r="D27" s="21" t="s">
        <v>642</v>
      </c>
      <c r="E27" s="21" t="s">
        <v>671</v>
      </c>
      <c r="F27" s="16">
        <v>421762</v>
      </c>
      <c r="G27" s="16">
        <v>368706</v>
      </c>
      <c r="H27" s="16">
        <v>51474</v>
      </c>
      <c r="I27" s="16">
        <v>1582</v>
      </c>
      <c r="J27" s="16">
        <v>51891</v>
      </c>
    </row>
    <row r="28" spans="1:10">
      <c r="A28" s="21" t="s">
        <v>232</v>
      </c>
      <c r="B28" s="21" t="s">
        <v>233</v>
      </c>
      <c r="C28" s="21" t="s">
        <v>262</v>
      </c>
      <c r="D28" s="21" t="s">
        <v>642</v>
      </c>
      <c r="E28" s="21" t="s">
        <v>672</v>
      </c>
      <c r="F28" s="16">
        <v>407994</v>
      </c>
      <c r="G28" s="16">
        <v>354852</v>
      </c>
      <c r="H28" s="16">
        <v>51460</v>
      </c>
      <c r="I28" s="16">
        <v>1682</v>
      </c>
      <c r="J28" s="16">
        <v>51949</v>
      </c>
    </row>
    <row r="29" spans="1:10">
      <c r="A29" s="21" t="s">
        <v>232</v>
      </c>
      <c r="B29" s="21" t="s">
        <v>233</v>
      </c>
      <c r="C29" s="21" t="s">
        <v>262</v>
      </c>
      <c r="D29" s="21" t="s">
        <v>642</v>
      </c>
      <c r="E29" s="21" t="s">
        <v>673</v>
      </c>
      <c r="F29" s="16">
        <v>399105</v>
      </c>
      <c r="G29" s="16">
        <v>345734</v>
      </c>
      <c r="H29" s="16">
        <v>51660</v>
      </c>
      <c r="I29" s="16">
        <v>1711</v>
      </c>
      <c r="J29" s="16">
        <v>52205</v>
      </c>
    </row>
    <row r="30" spans="1:10">
      <c r="A30" s="21" t="s">
        <v>232</v>
      </c>
      <c r="B30" s="21" t="s">
        <v>233</v>
      </c>
      <c r="C30" s="21" t="s">
        <v>262</v>
      </c>
      <c r="D30" s="21" t="s">
        <v>642</v>
      </c>
      <c r="E30" s="21" t="s">
        <v>674</v>
      </c>
      <c r="F30" s="16">
        <v>404248</v>
      </c>
      <c r="G30" s="16">
        <v>348432</v>
      </c>
      <c r="H30" s="16">
        <v>53898</v>
      </c>
      <c r="I30" s="16">
        <v>1918</v>
      </c>
      <c r="J30" s="16">
        <v>54600</v>
      </c>
    </row>
    <row r="31" spans="1:10">
      <c r="A31" s="21" t="s">
        <v>232</v>
      </c>
      <c r="B31" s="21" t="s">
        <v>233</v>
      </c>
      <c r="C31" s="21" t="s">
        <v>262</v>
      </c>
      <c r="D31" s="21" t="s">
        <v>642</v>
      </c>
      <c r="E31" s="21" t="s">
        <v>675</v>
      </c>
      <c r="F31" s="16">
        <v>403474</v>
      </c>
      <c r="G31" s="16">
        <v>345951</v>
      </c>
      <c r="H31" s="16">
        <v>55440</v>
      </c>
      <c r="I31" s="16">
        <v>2083</v>
      </c>
      <c r="J31" s="16">
        <v>56207</v>
      </c>
    </row>
    <row r="32" spans="1:10">
      <c r="A32" s="21" t="s">
        <v>232</v>
      </c>
      <c r="B32" s="21" t="s">
        <v>233</v>
      </c>
      <c r="C32" s="21" t="s">
        <v>262</v>
      </c>
      <c r="D32" s="21" t="s">
        <v>642</v>
      </c>
      <c r="E32" s="21" t="s">
        <v>676</v>
      </c>
      <c r="F32" s="16">
        <v>6894920</v>
      </c>
      <c r="G32" s="16">
        <v>5827546</v>
      </c>
      <c r="H32" s="16">
        <v>720105</v>
      </c>
      <c r="I32" s="16">
        <v>347269</v>
      </c>
      <c r="J32" s="16">
        <v>1029259</v>
      </c>
    </row>
    <row r="33" spans="1:10">
      <c r="A33" s="21" t="s">
        <v>232</v>
      </c>
      <c r="B33" s="21" t="s">
        <v>237</v>
      </c>
      <c r="C33" s="21" t="s">
        <v>264</v>
      </c>
      <c r="D33" s="21" t="s">
        <v>214</v>
      </c>
      <c r="E33" s="21" t="s">
        <v>401</v>
      </c>
      <c r="F33" s="16">
        <v>380888</v>
      </c>
      <c r="G33" s="16">
        <v>324463</v>
      </c>
      <c r="H33" s="16">
        <v>46542</v>
      </c>
      <c r="I33" s="16">
        <v>9883</v>
      </c>
      <c r="J33" s="16">
        <v>36635</v>
      </c>
    </row>
    <row r="34" spans="1:10">
      <c r="A34" s="21" t="s">
        <v>232</v>
      </c>
      <c r="B34" s="21" t="s">
        <v>237</v>
      </c>
      <c r="C34" s="21" t="s">
        <v>264</v>
      </c>
      <c r="D34" s="21" t="s">
        <v>641</v>
      </c>
      <c r="E34" s="21" t="s">
        <v>401</v>
      </c>
      <c r="F34" s="16">
        <v>168788</v>
      </c>
      <c r="G34" s="16">
        <v>149328</v>
      </c>
      <c r="H34" s="16">
        <v>17092</v>
      </c>
      <c r="I34" s="16">
        <v>2368</v>
      </c>
      <c r="J34" s="16">
        <v>734</v>
      </c>
    </row>
    <row r="35" spans="1:10">
      <c r="A35" s="21" t="s">
        <v>232</v>
      </c>
      <c r="B35" s="21" t="s">
        <v>237</v>
      </c>
      <c r="C35" s="21" t="s">
        <v>264</v>
      </c>
      <c r="D35" s="21" t="s">
        <v>642</v>
      </c>
      <c r="E35" s="21" t="s">
        <v>401</v>
      </c>
      <c r="F35" s="16">
        <v>212100</v>
      </c>
      <c r="G35" s="16">
        <v>175135</v>
      </c>
      <c r="H35" s="16">
        <v>29450</v>
      </c>
      <c r="I35" s="16">
        <v>7515</v>
      </c>
      <c r="J35" s="16">
        <v>35901</v>
      </c>
    </row>
    <row r="36" spans="1:10">
      <c r="A36" s="21" t="s">
        <v>232</v>
      </c>
      <c r="B36" s="21" t="s">
        <v>237</v>
      </c>
      <c r="C36" s="21" t="s">
        <v>264</v>
      </c>
      <c r="D36" s="21" t="s">
        <v>642</v>
      </c>
      <c r="E36" s="21" t="s">
        <v>658</v>
      </c>
      <c r="F36" s="16">
        <v>11519</v>
      </c>
      <c r="G36" s="16">
        <v>10208</v>
      </c>
      <c r="H36" s="16">
        <v>1278</v>
      </c>
      <c r="I36" s="16">
        <v>33</v>
      </c>
      <c r="J36" s="16">
        <v>1292</v>
      </c>
    </row>
    <row r="37" spans="1:10">
      <c r="A37" s="21" t="s">
        <v>232</v>
      </c>
      <c r="B37" s="21" t="s">
        <v>237</v>
      </c>
      <c r="C37" s="21" t="s">
        <v>264</v>
      </c>
      <c r="D37" s="21" t="s">
        <v>642</v>
      </c>
      <c r="E37" s="21" t="s">
        <v>659</v>
      </c>
      <c r="F37" s="16">
        <v>11378</v>
      </c>
      <c r="G37" s="16">
        <v>10089</v>
      </c>
      <c r="H37" s="16">
        <v>1246</v>
      </c>
      <c r="I37" s="16">
        <v>43</v>
      </c>
      <c r="J37" s="16">
        <v>1261</v>
      </c>
    </row>
    <row r="38" spans="1:10">
      <c r="A38" s="21" t="s">
        <v>232</v>
      </c>
      <c r="B38" s="21" t="s">
        <v>237</v>
      </c>
      <c r="C38" s="21" t="s">
        <v>264</v>
      </c>
      <c r="D38" s="21" t="s">
        <v>642</v>
      </c>
      <c r="E38" s="21" t="s">
        <v>660</v>
      </c>
      <c r="F38" s="16">
        <v>9823</v>
      </c>
      <c r="G38" s="16">
        <v>8702</v>
      </c>
      <c r="H38" s="16">
        <v>1097</v>
      </c>
      <c r="I38" s="16">
        <v>24</v>
      </c>
      <c r="J38" s="16">
        <v>1107</v>
      </c>
    </row>
    <row r="39" spans="1:10">
      <c r="A39" s="21" t="s">
        <v>232</v>
      </c>
      <c r="B39" s="21" t="s">
        <v>237</v>
      </c>
      <c r="C39" s="21" t="s">
        <v>264</v>
      </c>
      <c r="D39" s="21" t="s">
        <v>642</v>
      </c>
      <c r="E39" s="21" t="s">
        <v>661</v>
      </c>
      <c r="F39" s="16">
        <v>8095</v>
      </c>
      <c r="G39" s="16">
        <v>7100</v>
      </c>
      <c r="H39" s="16">
        <v>955</v>
      </c>
      <c r="I39" s="16">
        <v>40</v>
      </c>
      <c r="J39" s="16">
        <v>974</v>
      </c>
    </row>
    <row r="40" spans="1:10">
      <c r="A40" s="21" t="s">
        <v>232</v>
      </c>
      <c r="B40" s="21" t="s">
        <v>237</v>
      </c>
      <c r="C40" s="21" t="s">
        <v>264</v>
      </c>
      <c r="D40" s="21" t="s">
        <v>642</v>
      </c>
      <c r="E40" s="21" t="s">
        <v>662</v>
      </c>
      <c r="F40" s="16">
        <v>7247</v>
      </c>
      <c r="G40" s="16">
        <v>6354</v>
      </c>
      <c r="H40" s="16">
        <v>870</v>
      </c>
      <c r="I40" s="16">
        <v>23</v>
      </c>
      <c r="J40" s="16">
        <v>877</v>
      </c>
    </row>
    <row r="41" spans="1:10">
      <c r="A41" s="21" t="s">
        <v>232</v>
      </c>
      <c r="B41" s="21" t="s">
        <v>237</v>
      </c>
      <c r="C41" s="21" t="s">
        <v>264</v>
      </c>
      <c r="D41" s="21" t="s">
        <v>642</v>
      </c>
      <c r="E41" s="21" t="s">
        <v>663</v>
      </c>
      <c r="F41" s="16">
        <v>6672</v>
      </c>
      <c r="G41" s="16">
        <v>5788</v>
      </c>
      <c r="H41" s="16">
        <v>859</v>
      </c>
      <c r="I41" s="16">
        <v>25</v>
      </c>
      <c r="J41" s="16">
        <v>867</v>
      </c>
    </row>
    <row r="42" spans="1:10">
      <c r="A42" s="21" t="s">
        <v>232</v>
      </c>
      <c r="B42" s="21" t="s">
        <v>237</v>
      </c>
      <c r="C42" s="21" t="s">
        <v>264</v>
      </c>
      <c r="D42" s="21" t="s">
        <v>642</v>
      </c>
      <c r="E42" s="21" t="s">
        <v>664</v>
      </c>
      <c r="F42" s="16">
        <v>6254</v>
      </c>
      <c r="G42" s="16">
        <v>5421</v>
      </c>
      <c r="H42" s="16">
        <v>801</v>
      </c>
      <c r="I42" s="16">
        <v>32</v>
      </c>
      <c r="J42" s="16">
        <v>807</v>
      </c>
    </row>
    <row r="43" spans="1:10">
      <c r="A43" s="21" t="s">
        <v>232</v>
      </c>
      <c r="B43" s="21" t="s">
        <v>237</v>
      </c>
      <c r="C43" s="21" t="s">
        <v>264</v>
      </c>
      <c r="D43" s="21" t="s">
        <v>642</v>
      </c>
      <c r="E43" s="21" t="s">
        <v>665</v>
      </c>
      <c r="F43" s="16">
        <v>6236</v>
      </c>
      <c r="G43" s="16">
        <v>5330</v>
      </c>
      <c r="H43" s="16">
        <v>888</v>
      </c>
      <c r="I43" s="16">
        <v>18</v>
      </c>
      <c r="J43" s="16">
        <v>893</v>
      </c>
    </row>
    <row r="44" spans="1:10">
      <c r="A44" s="21" t="s">
        <v>232</v>
      </c>
      <c r="B44" s="21" t="s">
        <v>237</v>
      </c>
      <c r="C44" s="21" t="s">
        <v>264</v>
      </c>
      <c r="D44" s="21" t="s">
        <v>642</v>
      </c>
      <c r="E44" s="21" t="s">
        <v>666</v>
      </c>
      <c r="F44" s="16">
        <v>5954</v>
      </c>
      <c r="G44" s="16">
        <v>5028</v>
      </c>
      <c r="H44" s="16">
        <v>909</v>
      </c>
      <c r="I44" s="16">
        <v>17</v>
      </c>
      <c r="J44" s="16">
        <v>914</v>
      </c>
    </row>
    <row r="45" spans="1:10">
      <c r="A45" s="21" t="s">
        <v>232</v>
      </c>
      <c r="B45" s="21" t="s">
        <v>237</v>
      </c>
      <c r="C45" s="21" t="s">
        <v>264</v>
      </c>
      <c r="D45" s="21" t="s">
        <v>642</v>
      </c>
      <c r="E45" s="21" t="s">
        <v>667</v>
      </c>
      <c r="F45" s="16">
        <v>5749</v>
      </c>
      <c r="G45" s="16">
        <v>4856</v>
      </c>
      <c r="H45" s="16">
        <v>872</v>
      </c>
      <c r="I45" s="16">
        <v>21</v>
      </c>
      <c r="J45" s="16">
        <v>881</v>
      </c>
    </row>
    <row r="46" spans="1:10">
      <c r="A46" s="21" t="s">
        <v>232</v>
      </c>
      <c r="B46" s="21" t="s">
        <v>237</v>
      </c>
      <c r="C46" s="21" t="s">
        <v>264</v>
      </c>
      <c r="D46" s="21" t="s">
        <v>642</v>
      </c>
      <c r="E46" s="21" t="s">
        <v>668</v>
      </c>
      <c r="F46" s="16">
        <v>5728</v>
      </c>
      <c r="G46" s="16">
        <v>4779</v>
      </c>
      <c r="H46" s="16">
        <v>927</v>
      </c>
      <c r="I46" s="16">
        <v>22</v>
      </c>
      <c r="J46" s="16">
        <v>935</v>
      </c>
    </row>
    <row r="47" spans="1:10">
      <c r="A47" s="21" t="s">
        <v>232</v>
      </c>
      <c r="B47" s="21" t="s">
        <v>237</v>
      </c>
      <c r="C47" s="21" t="s">
        <v>264</v>
      </c>
      <c r="D47" s="21" t="s">
        <v>642</v>
      </c>
      <c r="E47" s="21" t="s">
        <v>669</v>
      </c>
      <c r="F47" s="16">
        <v>5488</v>
      </c>
      <c r="G47" s="16">
        <v>4584</v>
      </c>
      <c r="H47" s="16">
        <v>887</v>
      </c>
      <c r="I47" s="16">
        <v>17</v>
      </c>
      <c r="J47" s="16">
        <v>894</v>
      </c>
    </row>
    <row r="48" spans="1:10">
      <c r="A48" s="21" t="s">
        <v>232</v>
      </c>
      <c r="B48" s="21" t="s">
        <v>237</v>
      </c>
      <c r="C48" s="21" t="s">
        <v>264</v>
      </c>
      <c r="D48" s="21" t="s">
        <v>642</v>
      </c>
      <c r="E48" s="21" t="s">
        <v>670</v>
      </c>
      <c r="F48" s="16">
        <v>5582</v>
      </c>
      <c r="G48" s="16">
        <v>4652</v>
      </c>
      <c r="H48" s="16">
        <v>902</v>
      </c>
      <c r="I48" s="16">
        <v>28</v>
      </c>
      <c r="J48" s="16">
        <v>910</v>
      </c>
    </row>
    <row r="49" spans="1:10">
      <c r="A49" s="21" t="s">
        <v>232</v>
      </c>
      <c r="B49" s="21" t="s">
        <v>237</v>
      </c>
      <c r="C49" s="21" t="s">
        <v>264</v>
      </c>
      <c r="D49" s="21" t="s">
        <v>642</v>
      </c>
      <c r="E49" s="21" t="s">
        <v>671</v>
      </c>
      <c r="F49" s="16">
        <v>5223</v>
      </c>
      <c r="G49" s="16">
        <v>4331</v>
      </c>
      <c r="H49" s="16">
        <v>867</v>
      </c>
      <c r="I49" s="16">
        <v>25</v>
      </c>
      <c r="J49" s="16">
        <v>876</v>
      </c>
    </row>
    <row r="50" spans="1:10">
      <c r="A50" s="21" t="s">
        <v>232</v>
      </c>
      <c r="B50" s="21" t="s">
        <v>237</v>
      </c>
      <c r="C50" s="21" t="s">
        <v>264</v>
      </c>
      <c r="D50" s="21" t="s">
        <v>642</v>
      </c>
      <c r="E50" s="21" t="s">
        <v>672</v>
      </c>
      <c r="F50" s="16">
        <v>5043</v>
      </c>
      <c r="G50" s="16">
        <v>4146</v>
      </c>
      <c r="H50" s="16">
        <v>872</v>
      </c>
      <c r="I50" s="16">
        <v>25</v>
      </c>
      <c r="J50" s="16">
        <v>878</v>
      </c>
    </row>
    <row r="51" spans="1:10">
      <c r="A51" s="21" t="s">
        <v>232</v>
      </c>
      <c r="B51" s="21" t="s">
        <v>237</v>
      </c>
      <c r="C51" s="21" t="s">
        <v>264</v>
      </c>
      <c r="D51" s="21" t="s">
        <v>642</v>
      </c>
      <c r="E51" s="21" t="s">
        <v>673</v>
      </c>
      <c r="F51" s="16">
        <v>4896</v>
      </c>
      <c r="G51" s="16">
        <v>3986</v>
      </c>
      <c r="H51" s="16">
        <v>880</v>
      </c>
      <c r="I51" s="16">
        <v>30</v>
      </c>
      <c r="J51" s="16">
        <v>893</v>
      </c>
    </row>
    <row r="52" spans="1:10">
      <c r="A52" s="21" t="s">
        <v>232</v>
      </c>
      <c r="B52" s="21" t="s">
        <v>237</v>
      </c>
      <c r="C52" s="21" t="s">
        <v>264</v>
      </c>
      <c r="D52" s="21" t="s">
        <v>642</v>
      </c>
      <c r="E52" s="21" t="s">
        <v>674</v>
      </c>
      <c r="F52" s="16">
        <v>4968</v>
      </c>
      <c r="G52" s="16">
        <v>4075</v>
      </c>
      <c r="H52" s="16">
        <v>865</v>
      </c>
      <c r="I52" s="16">
        <v>28</v>
      </c>
      <c r="J52" s="16">
        <v>874</v>
      </c>
    </row>
    <row r="53" spans="1:10">
      <c r="A53" s="21" t="s">
        <v>232</v>
      </c>
      <c r="B53" s="21" t="s">
        <v>237</v>
      </c>
      <c r="C53" s="21" t="s">
        <v>264</v>
      </c>
      <c r="D53" s="21" t="s">
        <v>642</v>
      </c>
      <c r="E53" s="21" t="s">
        <v>675</v>
      </c>
      <c r="F53" s="16">
        <v>4916</v>
      </c>
      <c r="G53" s="16">
        <v>3922</v>
      </c>
      <c r="H53" s="16">
        <v>967</v>
      </c>
      <c r="I53" s="16">
        <v>27</v>
      </c>
      <c r="J53" s="16">
        <v>980</v>
      </c>
    </row>
    <row r="54" spans="1:10">
      <c r="A54" s="21" t="s">
        <v>232</v>
      </c>
      <c r="B54" s="21" t="s">
        <v>237</v>
      </c>
      <c r="C54" s="21" t="s">
        <v>264</v>
      </c>
      <c r="D54" s="21" t="s">
        <v>642</v>
      </c>
      <c r="E54" s="21" t="s">
        <v>676</v>
      </c>
      <c r="F54" s="16">
        <v>91329</v>
      </c>
      <c r="G54" s="16">
        <v>71784</v>
      </c>
      <c r="H54" s="16">
        <v>12508</v>
      </c>
      <c r="I54" s="16">
        <v>7037</v>
      </c>
      <c r="J54" s="16">
        <v>18788</v>
      </c>
    </row>
    <row r="55" spans="1:10">
      <c r="A55" s="21" t="s">
        <v>240</v>
      </c>
      <c r="B55" s="21" t="s">
        <v>237</v>
      </c>
      <c r="C55" s="21" t="s">
        <v>265</v>
      </c>
      <c r="D55" s="21" t="s">
        <v>214</v>
      </c>
      <c r="E55" s="21" t="s">
        <v>401</v>
      </c>
      <c r="F55" s="16">
        <v>26327</v>
      </c>
      <c r="G55" s="16">
        <v>21026</v>
      </c>
      <c r="H55" s="16">
        <v>4443</v>
      </c>
      <c r="I55" s="16">
        <v>858</v>
      </c>
      <c r="J55" s="16">
        <v>3501</v>
      </c>
    </row>
    <row r="56" spans="1:10">
      <c r="A56" s="21" t="s">
        <v>240</v>
      </c>
      <c r="B56" s="21" t="s">
        <v>237</v>
      </c>
      <c r="C56" s="21" t="s">
        <v>265</v>
      </c>
      <c r="D56" s="21" t="s">
        <v>641</v>
      </c>
      <c r="E56" s="21" t="s">
        <v>401</v>
      </c>
      <c r="F56" s="16">
        <v>12098</v>
      </c>
      <c r="G56" s="16">
        <v>10245</v>
      </c>
      <c r="H56" s="16">
        <v>1645</v>
      </c>
      <c r="I56" s="16">
        <v>208</v>
      </c>
      <c r="J56" s="16">
        <v>138</v>
      </c>
    </row>
    <row r="57" spans="1:10">
      <c r="A57" s="21" t="s">
        <v>240</v>
      </c>
      <c r="B57" s="21" t="s">
        <v>237</v>
      </c>
      <c r="C57" s="21" t="s">
        <v>265</v>
      </c>
      <c r="D57" s="21" t="s">
        <v>642</v>
      </c>
      <c r="E57" s="21" t="s">
        <v>401</v>
      </c>
      <c r="F57" s="16">
        <v>14229</v>
      </c>
      <c r="G57" s="16">
        <v>10781</v>
      </c>
      <c r="H57" s="16">
        <v>2798</v>
      </c>
      <c r="I57" s="16">
        <v>650</v>
      </c>
      <c r="J57" s="16">
        <v>3363</v>
      </c>
    </row>
    <row r="58" spans="1:10">
      <c r="A58" s="21" t="s">
        <v>240</v>
      </c>
      <c r="B58" s="21" t="s">
        <v>237</v>
      </c>
      <c r="C58" s="21" t="s">
        <v>265</v>
      </c>
      <c r="D58" s="21" t="s">
        <v>642</v>
      </c>
      <c r="E58" s="21" t="s">
        <v>658</v>
      </c>
      <c r="F58" s="16">
        <v>667</v>
      </c>
      <c r="G58" s="16">
        <v>575</v>
      </c>
      <c r="H58" s="16">
        <v>91</v>
      </c>
      <c r="I58" s="16">
        <v>1</v>
      </c>
      <c r="J58" s="16">
        <v>92</v>
      </c>
    </row>
    <row r="59" spans="1:10">
      <c r="A59" s="21" t="s">
        <v>240</v>
      </c>
      <c r="B59" s="21" t="s">
        <v>237</v>
      </c>
      <c r="C59" s="21" t="s">
        <v>265</v>
      </c>
      <c r="D59" s="21" t="s">
        <v>642</v>
      </c>
      <c r="E59" s="21" t="s">
        <v>659</v>
      </c>
      <c r="F59" s="16">
        <v>661</v>
      </c>
      <c r="G59" s="16">
        <v>532</v>
      </c>
      <c r="H59" s="16">
        <v>128</v>
      </c>
      <c r="I59" s="16">
        <v>1</v>
      </c>
      <c r="J59" s="16">
        <v>128</v>
      </c>
    </row>
    <row r="60" spans="1:10">
      <c r="A60" s="21" t="s">
        <v>240</v>
      </c>
      <c r="B60" s="21" t="s">
        <v>237</v>
      </c>
      <c r="C60" s="21" t="s">
        <v>265</v>
      </c>
      <c r="D60" s="21" t="s">
        <v>642</v>
      </c>
      <c r="E60" s="21" t="s">
        <v>660</v>
      </c>
      <c r="F60" s="16">
        <v>564</v>
      </c>
      <c r="G60" s="16">
        <v>455</v>
      </c>
      <c r="H60" s="16">
        <v>103</v>
      </c>
      <c r="I60" s="16">
        <v>6</v>
      </c>
      <c r="J60" s="16">
        <v>106</v>
      </c>
    </row>
    <row r="61" spans="1:10">
      <c r="A61" s="21" t="s">
        <v>240</v>
      </c>
      <c r="B61" s="21" t="s">
        <v>237</v>
      </c>
      <c r="C61" s="21" t="s">
        <v>265</v>
      </c>
      <c r="D61" s="21" t="s">
        <v>642</v>
      </c>
      <c r="E61" s="21" t="s">
        <v>661</v>
      </c>
      <c r="F61" s="16">
        <v>485</v>
      </c>
      <c r="G61" s="16">
        <v>393</v>
      </c>
      <c r="H61" s="16">
        <v>89</v>
      </c>
      <c r="I61" s="16">
        <v>3</v>
      </c>
      <c r="J61" s="16">
        <v>91</v>
      </c>
    </row>
    <row r="62" spans="1:10">
      <c r="A62" s="21" t="s">
        <v>240</v>
      </c>
      <c r="B62" s="21" t="s">
        <v>237</v>
      </c>
      <c r="C62" s="21" t="s">
        <v>265</v>
      </c>
      <c r="D62" s="21" t="s">
        <v>642</v>
      </c>
      <c r="E62" s="21" t="s">
        <v>662</v>
      </c>
      <c r="F62" s="16">
        <v>487</v>
      </c>
      <c r="G62" s="16">
        <v>387</v>
      </c>
      <c r="H62" s="16">
        <v>97</v>
      </c>
      <c r="I62" s="16">
        <v>3</v>
      </c>
      <c r="J62" s="16">
        <v>99</v>
      </c>
    </row>
    <row r="63" spans="1:10">
      <c r="A63" s="21" t="s">
        <v>240</v>
      </c>
      <c r="B63" s="21" t="s">
        <v>237</v>
      </c>
      <c r="C63" s="21" t="s">
        <v>265</v>
      </c>
      <c r="D63" s="21" t="s">
        <v>642</v>
      </c>
      <c r="E63" s="21" t="s">
        <v>663</v>
      </c>
      <c r="F63" s="16">
        <v>410</v>
      </c>
      <c r="G63" s="16">
        <v>330</v>
      </c>
      <c r="H63" s="16">
        <v>77</v>
      </c>
      <c r="I63" s="16">
        <v>3</v>
      </c>
      <c r="J63" s="16">
        <v>79</v>
      </c>
    </row>
    <row r="64" spans="1:10">
      <c r="A64" s="21" t="s">
        <v>240</v>
      </c>
      <c r="B64" s="21" t="s">
        <v>237</v>
      </c>
      <c r="C64" s="21" t="s">
        <v>265</v>
      </c>
      <c r="D64" s="21" t="s">
        <v>642</v>
      </c>
      <c r="E64" s="21" t="s">
        <v>664</v>
      </c>
      <c r="F64" s="16">
        <v>422</v>
      </c>
      <c r="G64" s="16">
        <v>332</v>
      </c>
      <c r="H64" s="16">
        <v>85</v>
      </c>
      <c r="I64" s="16">
        <v>5</v>
      </c>
      <c r="J64" s="16">
        <v>86</v>
      </c>
    </row>
    <row r="65" spans="1:10">
      <c r="A65" s="21" t="s">
        <v>240</v>
      </c>
      <c r="B65" s="21" t="s">
        <v>237</v>
      </c>
      <c r="C65" s="21" t="s">
        <v>265</v>
      </c>
      <c r="D65" s="21" t="s">
        <v>642</v>
      </c>
      <c r="E65" s="21" t="s">
        <v>665</v>
      </c>
      <c r="F65" s="16">
        <v>379</v>
      </c>
      <c r="G65" s="16">
        <v>293</v>
      </c>
      <c r="H65" s="16">
        <v>86</v>
      </c>
      <c r="I65" s="22" t="s">
        <v>268</v>
      </c>
      <c r="J65" s="16">
        <v>86</v>
      </c>
    </row>
    <row r="66" spans="1:10">
      <c r="A66" s="21" t="s">
        <v>240</v>
      </c>
      <c r="B66" s="21" t="s">
        <v>237</v>
      </c>
      <c r="C66" s="21" t="s">
        <v>265</v>
      </c>
      <c r="D66" s="21" t="s">
        <v>642</v>
      </c>
      <c r="E66" s="21" t="s">
        <v>666</v>
      </c>
      <c r="F66" s="16">
        <v>378</v>
      </c>
      <c r="G66" s="16">
        <v>295</v>
      </c>
      <c r="H66" s="16">
        <v>81</v>
      </c>
      <c r="I66" s="16">
        <v>2</v>
      </c>
      <c r="J66" s="16">
        <v>82</v>
      </c>
    </row>
    <row r="67" spans="1:10">
      <c r="A67" s="21" t="s">
        <v>240</v>
      </c>
      <c r="B67" s="21" t="s">
        <v>237</v>
      </c>
      <c r="C67" s="21" t="s">
        <v>265</v>
      </c>
      <c r="D67" s="21" t="s">
        <v>642</v>
      </c>
      <c r="E67" s="21" t="s">
        <v>667</v>
      </c>
      <c r="F67" s="16">
        <v>353</v>
      </c>
      <c r="G67" s="16">
        <v>276</v>
      </c>
      <c r="H67" s="16">
        <v>76</v>
      </c>
      <c r="I67" s="16">
        <v>1</v>
      </c>
      <c r="J67" s="16">
        <v>77</v>
      </c>
    </row>
    <row r="68" spans="1:10">
      <c r="A68" s="21" t="s">
        <v>240</v>
      </c>
      <c r="B68" s="21" t="s">
        <v>237</v>
      </c>
      <c r="C68" s="21" t="s">
        <v>265</v>
      </c>
      <c r="D68" s="21" t="s">
        <v>642</v>
      </c>
      <c r="E68" s="21" t="s">
        <v>668</v>
      </c>
      <c r="F68" s="16">
        <v>324</v>
      </c>
      <c r="G68" s="16">
        <v>233</v>
      </c>
      <c r="H68" s="16">
        <v>91</v>
      </c>
      <c r="I68" s="22" t="s">
        <v>268</v>
      </c>
      <c r="J68" s="16">
        <v>91</v>
      </c>
    </row>
    <row r="69" spans="1:10">
      <c r="A69" s="21" t="s">
        <v>240</v>
      </c>
      <c r="B69" s="21" t="s">
        <v>237</v>
      </c>
      <c r="C69" s="21" t="s">
        <v>265</v>
      </c>
      <c r="D69" s="21" t="s">
        <v>642</v>
      </c>
      <c r="E69" s="21" t="s">
        <v>669</v>
      </c>
      <c r="F69" s="16">
        <v>344</v>
      </c>
      <c r="G69" s="16">
        <v>240</v>
      </c>
      <c r="H69" s="16">
        <v>103</v>
      </c>
      <c r="I69" s="16">
        <v>1</v>
      </c>
      <c r="J69" s="16">
        <v>104</v>
      </c>
    </row>
    <row r="70" spans="1:10">
      <c r="A70" s="21" t="s">
        <v>240</v>
      </c>
      <c r="B70" s="21" t="s">
        <v>237</v>
      </c>
      <c r="C70" s="21" t="s">
        <v>265</v>
      </c>
      <c r="D70" s="21" t="s">
        <v>642</v>
      </c>
      <c r="E70" s="21" t="s">
        <v>670</v>
      </c>
      <c r="F70" s="16">
        <v>367</v>
      </c>
      <c r="G70" s="16">
        <v>274</v>
      </c>
      <c r="H70" s="16">
        <v>91</v>
      </c>
      <c r="I70" s="16">
        <v>2</v>
      </c>
      <c r="J70" s="16">
        <v>92</v>
      </c>
    </row>
    <row r="71" spans="1:10">
      <c r="A71" s="21" t="s">
        <v>240</v>
      </c>
      <c r="B71" s="21" t="s">
        <v>237</v>
      </c>
      <c r="C71" s="21" t="s">
        <v>265</v>
      </c>
      <c r="D71" s="21" t="s">
        <v>642</v>
      </c>
      <c r="E71" s="21" t="s">
        <v>671</v>
      </c>
      <c r="F71" s="16">
        <v>332</v>
      </c>
      <c r="G71" s="16">
        <v>252</v>
      </c>
      <c r="H71" s="16">
        <v>79</v>
      </c>
      <c r="I71" s="16">
        <v>1</v>
      </c>
      <c r="J71" s="16">
        <v>79</v>
      </c>
    </row>
    <row r="72" spans="1:10">
      <c r="A72" s="21" t="s">
        <v>240</v>
      </c>
      <c r="B72" s="21" t="s">
        <v>237</v>
      </c>
      <c r="C72" s="21" t="s">
        <v>265</v>
      </c>
      <c r="D72" s="21" t="s">
        <v>642</v>
      </c>
      <c r="E72" s="21" t="s">
        <v>672</v>
      </c>
      <c r="F72" s="16">
        <v>333</v>
      </c>
      <c r="G72" s="16">
        <v>247</v>
      </c>
      <c r="H72" s="16">
        <v>84</v>
      </c>
      <c r="I72" s="16">
        <v>2</v>
      </c>
      <c r="J72" s="16">
        <v>84</v>
      </c>
    </row>
    <row r="73" spans="1:10">
      <c r="A73" s="21" t="s">
        <v>240</v>
      </c>
      <c r="B73" s="21" t="s">
        <v>237</v>
      </c>
      <c r="C73" s="21" t="s">
        <v>265</v>
      </c>
      <c r="D73" s="21" t="s">
        <v>642</v>
      </c>
      <c r="E73" s="21" t="s">
        <v>673</v>
      </c>
      <c r="F73" s="16">
        <v>315</v>
      </c>
      <c r="G73" s="16">
        <v>230</v>
      </c>
      <c r="H73" s="16">
        <v>84</v>
      </c>
      <c r="I73" s="16">
        <v>1</v>
      </c>
      <c r="J73" s="16">
        <v>84</v>
      </c>
    </row>
    <row r="74" spans="1:10">
      <c r="A74" s="21" t="s">
        <v>240</v>
      </c>
      <c r="B74" s="21" t="s">
        <v>237</v>
      </c>
      <c r="C74" s="21" t="s">
        <v>265</v>
      </c>
      <c r="D74" s="21" t="s">
        <v>642</v>
      </c>
      <c r="E74" s="21" t="s">
        <v>674</v>
      </c>
      <c r="F74" s="16">
        <v>297</v>
      </c>
      <c r="G74" s="16">
        <v>217</v>
      </c>
      <c r="H74" s="16">
        <v>78</v>
      </c>
      <c r="I74" s="16">
        <v>2</v>
      </c>
      <c r="J74" s="16">
        <v>78</v>
      </c>
    </row>
    <row r="75" spans="1:10">
      <c r="A75" s="21" t="s">
        <v>240</v>
      </c>
      <c r="B75" s="21" t="s">
        <v>237</v>
      </c>
      <c r="C75" s="21" t="s">
        <v>265</v>
      </c>
      <c r="D75" s="21" t="s">
        <v>642</v>
      </c>
      <c r="E75" s="21" t="s">
        <v>675</v>
      </c>
      <c r="F75" s="16">
        <v>311</v>
      </c>
      <c r="G75" s="16">
        <v>230</v>
      </c>
      <c r="H75" s="16">
        <v>80</v>
      </c>
      <c r="I75" s="16">
        <v>1</v>
      </c>
      <c r="J75" s="16">
        <v>81</v>
      </c>
    </row>
    <row r="76" spans="1:10">
      <c r="A76" s="21" t="s">
        <v>240</v>
      </c>
      <c r="B76" s="21" t="s">
        <v>237</v>
      </c>
      <c r="C76" s="21" t="s">
        <v>265</v>
      </c>
      <c r="D76" s="21" t="s">
        <v>642</v>
      </c>
      <c r="E76" s="21" t="s">
        <v>676</v>
      </c>
      <c r="F76" s="16">
        <v>6800</v>
      </c>
      <c r="G76" s="16">
        <v>4990</v>
      </c>
      <c r="H76" s="16">
        <v>1195</v>
      </c>
      <c r="I76" s="16">
        <v>615</v>
      </c>
      <c r="J76" s="16">
        <v>1744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66" orientation="portrait" r:id="rId1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C1B1BBF-1834-4096-8B76-5207222E5521}">
  <sheetPr>
    <pageSetUpPr fitToPage="1"/>
  </sheetPr>
  <dimension ref="A1:J76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12.25" style="20" bestFit="1" customWidth="1"/>
    <col min="5" max="5" width="20" style="20" bestFit="1" customWidth="1"/>
    <col min="6" max="16384" width="12.625" style="20"/>
  </cols>
  <sheetData>
    <row r="1" spans="1:10" s="11" customFormat="1">
      <c r="A1" s="11" t="s">
        <v>192</v>
      </c>
    </row>
    <row r="2" spans="1:10" s="11" customFormat="1">
      <c r="A2" s="11" t="s">
        <v>677</v>
      </c>
    </row>
    <row r="3" spans="1:10" s="11" customFormat="1"/>
    <row r="4" spans="1:10" s="11" customFormat="1" hidden="1"/>
    <row r="5" spans="1:10" s="11" customFormat="1"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</row>
    <row r="6" spans="1:10" s="11" customFormat="1" ht="24">
      <c r="F6" s="12" t="s">
        <v>634</v>
      </c>
      <c r="G6" s="12" t="s">
        <v>634</v>
      </c>
      <c r="H6" s="12" t="s">
        <v>634</v>
      </c>
      <c r="I6" s="12" t="s">
        <v>634</v>
      </c>
      <c r="J6" s="12" t="s">
        <v>634</v>
      </c>
    </row>
    <row r="7" spans="1:10" s="11" customFormat="1">
      <c r="F7" s="12">
        <v>1</v>
      </c>
      <c r="G7" s="12">
        <v>1</v>
      </c>
      <c r="H7" s="12">
        <v>1</v>
      </c>
      <c r="I7" s="12">
        <v>1</v>
      </c>
      <c r="J7" s="12">
        <v>1</v>
      </c>
    </row>
    <row r="8" spans="1:10" s="11" customFormat="1" ht="48">
      <c r="F8" s="12" t="s">
        <v>214</v>
      </c>
      <c r="G8" s="12" t="s">
        <v>635</v>
      </c>
      <c r="H8" s="12" t="s">
        <v>636</v>
      </c>
      <c r="I8" s="12" t="s">
        <v>637</v>
      </c>
      <c r="J8" s="12" t="s">
        <v>638</v>
      </c>
    </row>
    <row r="9" spans="1:10" s="11" customFormat="1"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</row>
    <row r="10" spans="1:10" s="11" customFormat="1">
      <c r="A10" s="14" t="s">
        <v>224</v>
      </c>
      <c r="B10" s="14" t="s">
        <v>259</v>
      </c>
      <c r="C10" s="14" t="s">
        <v>230</v>
      </c>
      <c r="D10" s="14" t="s">
        <v>657</v>
      </c>
      <c r="E10" s="14" t="s">
        <v>640</v>
      </c>
      <c r="F10" s="14" t="s">
        <v>231</v>
      </c>
      <c r="G10" s="14"/>
      <c r="H10" s="14"/>
      <c r="I10" s="14"/>
      <c r="J10" s="14"/>
    </row>
    <row r="11" spans="1:10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401</v>
      </c>
      <c r="F11" s="16">
        <v>86381040</v>
      </c>
      <c r="G11" s="16">
        <v>72959178</v>
      </c>
      <c r="H11" s="16">
        <v>11237621</v>
      </c>
      <c r="I11" s="16">
        <v>2184241</v>
      </c>
      <c r="J11" s="16">
        <v>10070073</v>
      </c>
    </row>
    <row r="12" spans="1:10">
      <c r="A12" s="21" t="s">
        <v>232</v>
      </c>
      <c r="B12" s="21" t="s">
        <v>233</v>
      </c>
      <c r="C12" s="21" t="s">
        <v>262</v>
      </c>
      <c r="D12" s="21" t="s">
        <v>641</v>
      </c>
      <c r="E12" s="21" t="s">
        <v>401</v>
      </c>
      <c r="F12" s="16">
        <v>25540947</v>
      </c>
      <c r="G12" s="16">
        <v>22317680</v>
      </c>
      <c r="H12" s="16">
        <v>2810594</v>
      </c>
      <c r="I12" s="16">
        <v>412673</v>
      </c>
      <c r="J12" s="16">
        <v>168061</v>
      </c>
    </row>
    <row r="13" spans="1:10">
      <c r="A13" s="21" t="s">
        <v>232</v>
      </c>
      <c r="B13" s="21" t="s">
        <v>233</v>
      </c>
      <c r="C13" s="21" t="s">
        <v>262</v>
      </c>
      <c r="D13" s="21" t="s">
        <v>642</v>
      </c>
      <c r="E13" s="21" t="s">
        <v>401</v>
      </c>
      <c r="F13" s="16">
        <v>60840093</v>
      </c>
      <c r="G13" s="16">
        <v>50641498</v>
      </c>
      <c r="H13" s="16">
        <v>8427027</v>
      </c>
      <c r="I13" s="16">
        <v>1771568</v>
      </c>
      <c r="J13" s="16">
        <v>9902012</v>
      </c>
    </row>
    <row r="14" spans="1:10">
      <c r="A14" s="21" t="s">
        <v>232</v>
      </c>
      <c r="B14" s="21" t="s">
        <v>233</v>
      </c>
      <c r="C14" s="21" t="s">
        <v>262</v>
      </c>
      <c r="D14" s="21" t="s">
        <v>642</v>
      </c>
      <c r="E14" s="21" t="s">
        <v>658</v>
      </c>
      <c r="F14" s="16">
        <v>3029860</v>
      </c>
      <c r="G14" s="16">
        <v>2696167</v>
      </c>
      <c r="H14" s="16">
        <v>319996</v>
      </c>
      <c r="I14" s="16">
        <v>13697</v>
      </c>
      <c r="J14" s="16">
        <v>322859</v>
      </c>
    </row>
    <row r="15" spans="1:10">
      <c r="A15" s="21" t="s">
        <v>232</v>
      </c>
      <c r="B15" s="21" t="s">
        <v>233</v>
      </c>
      <c r="C15" s="21" t="s">
        <v>262</v>
      </c>
      <c r="D15" s="21" t="s">
        <v>642</v>
      </c>
      <c r="E15" s="21" t="s">
        <v>659</v>
      </c>
      <c r="F15" s="16">
        <v>3018271</v>
      </c>
      <c r="G15" s="16">
        <v>2677135</v>
      </c>
      <c r="H15" s="16">
        <v>327506</v>
      </c>
      <c r="I15" s="16">
        <v>13630</v>
      </c>
      <c r="J15" s="16">
        <v>330198</v>
      </c>
    </row>
    <row r="16" spans="1:10">
      <c r="A16" s="21" t="s">
        <v>232</v>
      </c>
      <c r="B16" s="21" t="s">
        <v>233</v>
      </c>
      <c r="C16" s="21" t="s">
        <v>262</v>
      </c>
      <c r="D16" s="21" t="s">
        <v>642</v>
      </c>
      <c r="E16" s="21" t="s">
        <v>660</v>
      </c>
      <c r="F16" s="16">
        <v>2708620</v>
      </c>
      <c r="G16" s="16">
        <v>2398896</v>
      </c>
      <c r="H16" s="16">
        <v>297302</v>
      </c>
      <c r="I16" s="16">
        <v>12422</v>
      </c>
      <c r="J16" s="16">
        <v>299744</v>
      </c>
    </row>
    <row r="17" spans="1:10">
      <c r="A17" s="21" t="s">
        <v>232</v>
      </c>
      <c r="B17" s="21" t="s">
        <v>233</v>
      </c>
      <c r="C17" s="21" t="s">
        <v>262</v>
      </c>
      <c r="D17" s="21" t="s">
        <v>642</v>
      </c>
      <c r="E17" s="21" t="s">
        <v>661</v>
      </c>
      <c r="F17" s="16">
        <v>2375029</v>
      </c>
      <c r="G17" s="16">
        <v>2091622</v>
      </c>
      <c r="H17" s="16">
        <v>272703</v>
      </c>
      <c r="I17" s="16">
        <v>10704</v>
      </c>
      <c r="J17" s="16">
        <v>274894</v>
      </c>
    </row>
    <row r="18" spans="1:10">
      <c r="A18" s="21" t="s">
        <v>232</v>
      </c>
      <c r="B18" s="21" t="s">
        <v>233</v>
      </c>
      <c r="C18" s="21" t="s">
        <v>262</v>
      </c>
      <c r="D18" s="21" t="s">
        <v>642</v>
      </c>
      <c r="E18" s="21" t="s">
        <v>662</v>
      </c>
      <c r="F18" s="16">
        <v>2204965</v>
      </c>
      <c r="G18" s="16">
        <v>1930730</v>
      </c>
      <c r="H18" s="16">
        <v>264499</v>
      </c>
      <c r="I18" s="16">
        <v>9736</v>
      </c>
      <c r="J18" s="16">
        <v>266538</v>
      </c>
    </row>
    <row r="19" spans="1:10">
      <c r="A19" s="21" t="s">
        <v>232</v>
      </c>
      <c r="B19" s="21" t="s">
        <v>233</v>
      </c>
      <c r="C19" s="21" t="s">
        <v>262</v>
      </c>
      <c r="D19" s="21" t="s">
        <v>642</v>
      </c>
      <c r="E19" s="21" t="s">
        <v>663</v>
      </c>
      <c r="F19" s="16">
        <v>2081879</v>
      </c>
      <c r="G19" s="16">
        <v>1812247</v>
      </c>
      <c r="H19" s="16">
        <v>260638</v>
      </c>
      <c r="I19" s="16">
        <v>8994</v>
      </c>
      <c r="J19" s="16">
        <v>262510</v>
      </c>
    </row>
    <row r="20" spans="1:10">
      <c r="A20" s="21" t="s">
        <v>232</v>
      </c>
      <c r="B20" s="21" t="s">
        <v>233</v>
      </c>
      <c r="C20" s="21" t="s">
        <v>262</v>
      </c>
      <c r="D20" s="21" t="s">
        <v>642</v>
      </c>
      <c r="E20" s="21" t="s">
        <v>664</v>
      </c>
      <c r="F20" s="16">
        <v>1981237</v>
      </c>
      <c r="G20" s="16">
        <v>1714399</v>
      </c>
      <c r="H20" s="16">
        <v>258921</v>
      </c>
      <c r="I20" s="16">
        <v>7917</v>
      </c>
      <c r="J20" s="16">
        <v>260462</v>
      </c>
    </row>
    <row r="21" spans="1:10">
      <c r="A21" s="21" t="s">
        <v>232</v>
      </c>
      <c r="B21" s="21" t="s">
        <v>233</v>
      </c>
      <c r="C21" s="21" t="s">
        <v>262</v>
      </c>
      <c r="D21" s="21" t="s">
        <v>642</v>
      </c>
      <c r="E21" s="21" t="s">
        <v>665</v>
      </c>
      <c r="F21" s="16">
        <v>1952086</v>
      </c>
      <c r="G21" s="16">
        <v>1680253</v>
      </c>
      <c r="H21" s="16">
        <v>263750</v>
      </c>
      <c r="I21" s="16">
        <v>8083</v>
      </c>
      <c r="J21" s="16">
        <v>265473</v>
      </c>
    </row>
    <row r="22" spans="1:10">
      <c r="A22" s="21" t="s">
        <v>232</v>
      </c>
      <c r="B22" s="21" t="s">
        <v>233</v>
      </c>
      <c r="C22" s="21" t="s">
        <v>262</v>
      </c>
      <c r="D22" s="21" t="s">
        <v>642</v>
      </c>
      <c r="E22" s="21" t="s">
        <v>666</v>
      </c>
      <c r="F22" s="16">
        <v>1882780</v>
      </c>
      <c r="G22" s="16">
        <v>1610445</v>
      </c>
      <c r="H22" s="16">
        <v>264159</v>
      </c>
      <c r="I22" s="16">
        <v>8176</v>
      </c>
      <c r="J22" s="16">
        <v>266062</v>
      </c>
    </row>
    <row r="23" spans="1:10">
      <c r="A23" s="21" t="s">
        <v>232</v>
      </c>
      <c r="B23" s="21" t="s">
        <v>233</v>
      </c>
      <c r="C23" s="21" t="s">
        <v>262</v>
      </c>
      <c r="D23" s="21" t="s">
        <v>642</v>
      </c>
      <c r="E23" s="21" t="s">
        <v>667</v>
      </c>
      <c r="F23" s="16">
        <v>1877057</v>
      </c>
      <c r="G23" s="16">
        <v>1597822</v>
      </c>
      <c r="H23" s="16">
        <v>271152</v>
      </c>
      <c r="I23" s="16">
        <v>8083</v>
      </c>
      <c r="J23" s="16">
        <v>273039</v>
      </c>
    </row>
    <row r="24" spans="1:10">
      <c r="A24" s="21" t="s">
        <v>232</v>
      </c>
      <c r="B24" s="21" t="s">
        <v>233</v>
      </c>
      <c r="C24" s="21" t="s">
        <v>262</v>
      </c>
      <c r="D24" s="21" t="s">
        <v>642</v>
      </c>
      <c r="E24" s="21" t="s">
        <v>668</v>
      </c>
      <c r="F24" s="16">
        <v>1827675</v>
      </c>
      <c r="G24" s="16">
        <v>1548411</v>
      </c>
      <c r="H24" s="16">
        <v>271387</v>
      </c>
      <c r="I24" s="16">
        <v>7877</v>
      </c>
      <c r="J24" s="16">
        <v>273432</v>
      </c>
    </row>
    <row r="25" spans="1:10">
      <c r="A25" s="21" t="s">
        <v>232</v>
      </c>
      <c r="B25" s="21" t="s">
        <v>233</v>
      </c>
      <c r="C25" s="21" t="s">
        <v>262</v>
      </c>
      <c r="D25" s="21" t="s">
        <v>642</v>
      </c>
      <c r="E25" s="21" t="s">
        <v>669</v>
      </c>
      <c r="F25" s="16">
        <v>1802438</v>
      </c>
      <c r="G25" s="16">
        <v>1515915</v>
      </c>
      <c r="H25" s="16">
        <v>278163</v>
      </c>
      <c r="I25" s="16">
        <v>8360</v>
      </c>
      <c r="J25" s="16">
        <v>280257</v>
      </c>
    </row>
    <row r="26" spans="1:10">
      <c r="A26" s="21" t="s">
        <v>232</v>
      </c>
      <c r="B26" s="21" t="s">
        <v>233</v>
      </c>
      <c r="C26" s="21" t="s">
        <v>262</v>
      </c>
      <c r="D26" s="21" t="s">
        <v>642</v>
      </c>
      <c r="E26" s="21" t="s">
        <v>670</v>
      </c>
      <c r="F26" s="16">
        <v>1788673</v>
      </c>
      <c r="G26" s="16">
        <v>1496514</v>
      </c>
      <c r="H26" s="16">
        <v>283846</v>
      </c>
      <c r="I26" s="16">
        <v>8313</v>
      </c>
      <c r="J26" s="16">
        <v>286132</v>
      </c>
    </row>
    <row r="27" spans="1:10">
      <c r="A27" s="21" t="s">
        <v>232</v>
      </c>
      <c r="B27" s="21" t="s">
        <v>233</v>
      </c>
      <c r="C27" s="21" t="s">
        <v>262</v>
      </c>
      <c r="D27" s="21" t="s">
        <v>642</v>
      </c>
      <c r="E27" s="21" t="s">
        <v>671</v>
      </c>
      <c r="F27" s="16">
        <v>1725902</v>
      </c>
      <c r="G27" s="16">
        <v>1432961</v>
      </c>
      <c r="H27" s="16">
        <v>284725</v>
      </c>
      <c r="I27" s="16">
        <v>8216</v>
      </c>
      <c r="J27" s="16">
        <v>287152</v>
      </c>
    </row>
    <row r="28" spans="1:10">
      <c r="A28" s="21" t="s">
        <v>232</v>
      </c>
      <c r="B28" s="21" t="s">
        <v>233</v>
      </c>
      <c r="C28" s="21" t="s">
        <v>262</v>
      </c>
      <c r="D28" s="21" t="s">
        <v>642</v>
      </c>
      <c r="E28" s="21" t="s">
        <v>672</v>
      </c>
      <c r="F28" s="16">
        <v>1653254</v>
      </c>
      <c r="G28" s="16">
        <v>1363657</v>
      </c>
      <c r="H28" s="16">
        <v>280877</v>
      </c>
      <c r="I28" s="16">
        <v>8720</v>
      </c>
      <c r="J28" s="16">
        <v>283663</v>
      </c>
    </row>
    <row r="29" spans="1:10">
      <c r="A29" s="21" t="s">
        <v>232</v>
      </c>
      <c r="B29" s="21" t="s">
        <v>233</v>
      </c>
      <c r="C29" s="21" t="s">
        <v>262</v>
      </c>
      <c r="D29" s="21" t="s">
        <v>642</v>
      </c>
      <c r="E29" s="21" t="s">
        <v>673</v>
      </c>
      <c r="F29" s="16">
        <v>1595217</v>
      </c>
      <c r="G29" s="16">
        <v>1309652</v>
      </c>
      <c r="H29" s="16">
        <v>276738</v>
      </c>
      <c r="I29" s="16">
        <v>8827</v>
      </c>
      <c r="J29" s="16">
        <v>279845</v>
      </c>
    </row>
    <row r="30" spans="1:10">
      <c r="A30" s="21" t="s">
        <v>232</v>
      </c>
      <c r="B30" s="21" t="s">
        <v>233</v>
      </c>
      <c r="C30" s="21" t="s">
        <v>262</v>
      </c>
      <c r="D30" s="21" t="s">
        <v>642</v>
      </c>
      <c r="E30" s="21" t="s">
        <v>674</v>
      </c>
      <c r="F30" s="16">
        <v>1591638</v>
      </c>
      <c r="G30" s="16">
        <v>1298114</v>
      </c>
      <c r="H30" s="16">
        <v>283643</v>
      </c>
      <c r="I30" s="16">
        <v>9881</v>
      </c>
      <c r="J30" s="16">
        <v>287608</v>
      </c>
    </row>
    <row r="31" spans="1:10">
      <c r="A31" s="21" t="s">
        <v>232</v>
      </c>
      <c r="B31" s="21" t="s">
        <v>233</v>
      </c>
      <c r="C31" s="21" t="s">
        <v>262</v>
      </c>
      <c r="D31" s="21" t="s">
        <v>642</v>
      </c>
      <c r="E31" s="21" t="s">
        <v>675</v>
      </c>
      <c r="F31" s="16">
        <v>1565701</v>
      </c>
      <c r="G31" s="16">
        <v>1268956</v>
      </c>
      <c r="H31" s="16">
        <v>286230</v>
      </c>
      <c r="I31" s="16">
        <v>10515</v>
      </c>
      <c r="J31" s="16">
        <v>290460</v>
      </c>
    </row>
    <row r="32" spans="1:10">
      <c r="A32" s="21" t="s">
        <v>232</v>
      </c>
      <c r="B32" s="21" t="s">
        <v>233</v>
      </c>
      <c r="C32" s="21" t="s">
        <v>262</v>
      </c>
      <c r="D32" s="21" t="s">
        <v>642</v>
      </c>
      <c r="E32" s="21" t="s">
        <v>676</v>
      </c>
      <c r="F32" s="16">
        <v>24177811</v>
      </c>
      <c r="G32" s="16">
        <v>19197602</v>
      </c>
      <c r="H32" s="16">
        <v>3380792</v>
      </c>
      <c r="I32" s="16">
        <v>1599417</v>
      </c>
      <c r="J32" s="16">
        <v>4811684</v>
      </c>
    </row>
    <row r="33" spans="1:10">
      <c r="A33" s="21" t="s">
        <v>232</v>
      </c>
      <c r="B33" s="21" t="s">
        <v>237</v>
      </c>
      <c r="C33" s="21" t="s">
        <v>264</v>
      </c>
      <c r="D33" s="21" t="s">
        <v>214</v>
      </c>
      <c r="E33" s="21" t="s">
        <v>401</v>
      </c>
      <c r="F33" s="16">
        <v>1208825</v>
      </c>
      <c r="G33" s="16">
        <v>947029</v>
      </c>
      <c r="H33" s="16">
        <v>218605</v>
      </c>
      <c r="I33" s="16">
        <v>43191</v>
      </c>
      <c r="J33" s="16">
        <v>195124</v>
      </c>
    </row>
    <row r="34" spans="1:10">
      <c r="A34" s="21" t="s">
        <v>232</v>
      </c>
      <c r="B34" s="21" t="s">
        <v>237</v>
      </c>
      <c r="C34" s="21" t="s">
        <v>264</v>
      </c>
      <c r="D34" s="21" t="s">
        <v>641</v>
      </c>
      <c r="E34" s="21" t="s">
        <v>401</v>
      </c>
      <c r="F34" s="16">
        <v>365208</v>
      </c>
      <c r="G34" s="16">
        <v>298656</v>
      </c>
      <c r="H34" s="16">
        <v>58776</v>
      </c>
      <c r="I34" s="16">
        <v>7776</v>
      </c>
      <c r="J34" s="16">
        <v>4787</v>
      </c>
    </row>
    <row r="35" spans="1:10">
      <c r="A35" s="21" t="s">
        <v>232</v>
      </c>
      <c r="B35" s="21" t="s">
        <v>237</v>
      </c>
      <c r="C35" s="21" t="s">
        <v>264</v>
      </c>
      <c r="D35" s="21" t="s">
        <v>642</v>
      </c>
      <c r="E35" s="21" t="s">
        <v>401</v>
      </c>
      <c r="F35" s="16">
        <v>843617</v>
      </c>
      <c r="G35" s="16">
        <v>648373</v>
      </c>
      <c r="H35" s="16">
        <v>159829</v>
      </c>
      <c r="I35" s="16">
        <v>35415</v>
      </c>
      <c r="J35" s="16">
        <v>190337</v>
      </c>
    </row>
    <row r="36" spans="1:10">
      <c r="A36" s="21" t="s">
        <v>232</v>
      </c>
      <c r="B36" s="21" t="s">
        <v>237</v>
      </c>
      <c r="C36" s="21" t="s">
        <v>264</v>
      </c>
      <c r="D36" s="21" t="s">
        <v>642</v>
      </c>
      <c r="E36" s="21" t="s">
        <v>658</v>
      </c>
      <c r="F36" s="16">
        <v>48060</v>
      </c>
      <c r="G36" s="16">
        <v>39814</v>
      </c>
      <c r="H36" s="16">
        <v>8069</v>
      </c>
      <c r="I36" s="16">
        <v>177</v>
      </c>
      <c r="J36" s="16">
        <v>8147</v>
      </c>
    </row>
    <row r="37" spans="1:10">
      <c r="A37" s="21" t="s">
        <v>232</v>
      </c>
      <c r="B37" s="21" t="s">
        <v>237</v>
      </c>
      <c r="C37" s="21" t="s">
        <v>264</v>
      </c>
      <c r="D37" s="21" t="s">
        <v>642</v>
      </c>
      <c r="E37" s="21" t="s">
        <v>659</v>
      </c>
      <c r="F37" s="16">
        <v>47430</v>
      </c>
      <c r="G37" s="16">
        <v>39497</v>
      </c>
      <c r="H37" s="16">
        <v>7712</v>
      </c>
      <c r="I37" s="16">
        <v>221</v>
      </c>
      <c r="J37" s="16">
        <v>7784</v>
      </c>
    </row>
    <row r="38" spans="1:10">
      <c r="A38" s="21" t="s">
        <v>232</v>
      </c>
      <c r="B38" s="21" t="s">
        <v>237</v>
      </c>
      <c r="C38" s="21" t="s">
        <v>264</v>
      </c>
      <c r="D38" s="21" t="s">
        <v>642</v>
      </c>
      <c r="E38" s="21" t="s">
        <v>660</v>
      </c>
      <c r="F38" s="16">
        <v>42015</v>
      </c>
      <c r="G38" s="16">
        <v>35032</v>
      </c>
      <c r="H38" s="16">
        <v>6850</v>
      </c>
      <c r="I38" s="16">
        <v>133</v>
      </c>
      <c r="J38" s="16">
        <v>6903</v>
      </c>
    </row>
    <row r="39" spans="1:10">
      <c r="A39" s="21" t="s">
        <v>232</v>
      </c>
      <c r="B39" s="21" t="s">
        <v>237</v>
      </c>
      <c r="C39" s="21" t="s">
        <v>264</v>
      </c>
      <c r="D39" s="21" t="s">
        <v>642</v>
      </c>
      <c r="E39" s="21" t="s">
        <v>661</v>
      </c>
      <c r="F39" s="16">
        <v>35461</v>
      </c>
      <c r="G39" s="16">
        <v>29209</v>
      </c>
      <c r="H39" s="16">
        <v>6025</v>
      </c>
      <c r="I39" s="16">
        <v>227</v>
      </c>
      <c r="J39" s="16">
        <v>6143</v>
      </c>
    </row>
    <row r="40" spans="1:10">
      <c r="A40" s="21" t="s">
        <v>232</v>
      </c>
      <c r="B40" s="21" t="s">
        <v>237</v>
      </c>
      <c r="C40" s="21" t="s">
        <v>264</v>
      </c>
      <c r="D40" s="21" t="s">
        <v>642</v>
      </c>
      <c r="E40" s="21" t="s">
        <v>662</v>
      </c>
      <c r="F40" s="16">
        <v>32063</v>
      </c>
      <c r="G40" s="16">
        <v>26475</v>
      </c>
      <c r="H40" s="16">
        <v>5468</v>
      </c>
      <c r="I40" s="16">
        <v>120</v>
      </c>
      <c r="J40" s="16">
        <v>5506</v>
      </c>
    </row>
    <row r="41" spans="1:10">
      <c r="A41" s="21" t="s">
        <v>232</v>
      </c>
      <c r="B41" s="21" t="s">
        <v>237</v>
      </c>
      <c r="C41" s="21" t="s">
        <v>264</v>
      </c>
      <c r="D41" s="21" t="s">
        <v>642</v>
      </c>
      <c r="E41" s="21" t="s">
        <v>663</v>
      </c>
      <c r="F41" s="16">
        <v>29679</v>
      </c>
      <c r="G41" s="16">
        <v>24160</v>
      </c>
      <c r="H41" s="16">
        <v>5382</v>
      </c>
      <c r="I41" s="16">
        <v>137</v>
      </c>
      <c r="J41" s="16">
        <v>5425</v>
      </c>
    </row>
    <row r="42" spans="1:10">
      <c r="A42" s="21" t="s">
        <v>232</v>
      </c>
      <c r="B42" s="21" t="s">
        <v>237</v>
      </c>
      <c r="C42" s="21" t="s">
        <v>264</v>
      </c>
      <c r="D42" s="21" t="s">
        <v>642</v>
      </c>
      <c r="E42" s="21" t="s">
        <v>664</v>
      </c>
      <c r="F42" s="16">
        <v>27838</v>
      </c>
      <c r="G42" s="16">
        <v>22761</v>
      </c>
      <c r="H42" s="16">
        <v>4912</v>
      </c>
      <c r="I42" s="16">
        <v>165</v>
      </c>
      <c r="J42" s="16">
        <v>4945</v>
      </c>
    </row>
    <row r="43" spans="1:10">
      <c r="A43" s="21" t="s">
        <v>232</v>
      </c>
      <c r="B43" s="21" t="s">
        <v>237</v>
      </c>
      <c r="C43" s="21" t="s">
        <v>264</v>
      </c>
      <c r="D43" s="21" t="s">
        <v>642</v>
      </c>
      <c r="E43" s="21" t="s">
        <v>665</v>
      </c>
      <c r="F43" s="16">
        <v>27825</v>
      </c>
      <c r="G43" s="16">
        <v>22343</v>
      </c>
      <c r="H43" s="16">
        <v>5378</v>
      </c>
      <c r="I43" s="16">
        <v>104</v>
      </c>
      <c r="J43" s="16">
        <v>5405</v>
      </c>
    </row>
    <row r="44" spans="1:10">
      <c r="A44" s="21" t="s">
        <v>232</v>
      </c>
      <c r="B44" s="21" t="s">
        <v>237</v>
      </c>
      <c r="C44" s="21" t="s">
        <v>264</v>
      </c>
      <c r="D44" s="21" t="s">
        <v>642</v>
      </c>
      <c r="E44" s="21" t="s">
        <v>666</v>
      </c>
      <c r="F44" s="16">
        <v>26751</v>
      </c>
      <c r="G44" s="16">
        <v>21081</v>
      </c>
      <c r="H44" s="16">
        <v>5576</v>
      </c>
      <c r="I44" s="16">
        <v>94</v>
      </c>
      <c r="J44" s="16">
        <v>5602</v>
      </c>
    </row>
    <row r="45" spans="1:10">
      <c r="A45" s="21" t="s">
        <v>232</v>
      </c>
      <c r="B45" s="21" t="s">
        <v>237</v>
      </c>
      <c r="C45" s="21" t="s">
        <v>264</v>
      </c>
      <c r="D45" s="21" t="s">
        <v>642</v>
      </c>
      <c r="E45" s="21" t="s">
        <v>667</v>
      </c>
      <c r="F45" s="16">
        <v>25559</v>
      </c>
      <c r="G45" s="16">
        <v>20173</v>
      </c>
      <c r="H45" s="16">
        <v>5265</v>
      </c>
      <c r="I45" s="16">
        <v>121</v>
      </c>
      <c r="J45" s="16">
        <v>5317</v>
      </c>
    </row>
    <row r="46" spans="1:10">
      <c r="A46" s="21" t="s">
        <v>232</v>
      </c>
      <c r="B46" s="21" t="s">
        <v>237</v>
      </c>
      <c r="C46" s="21" t="s">
        <v>264</v>
      </c>
      <c r="D46" s="21" t="s">
        <v>642</v>
      </c>
      <c r="E46" s="21" t="s">
        <v>668</v>
      </c>
      <c r="F46" s="16">
        <v>25266</v>
      </c>
      <c r="G46" s="16">
        <v>19641</v>
      </c>
      <c r="H46" s="16">
        <v>5509</v>
      </c>
      <c r="I46" s="16">
        <v>116</v>
      </c>
      <c r="J46" s="16">
        <v>5557</v>
      </c>
    </row>
    <row r="47" spans="1:10">
      <c r="A47" s="21" t="s">
        <v>232</v>
      </c>
      <c r="B47" s="21" t="s">
        <v>237</v>
      </c>
      <c r="C47" s="21" t="s">
        <v>264</v>
      </c>
      <c r="D47" s="21" t="s">
        <v>642</v>
      </c>
      <c r="E47" s="21" t="s">
        <v>669</v>
      </c>
      <c r="F47" s="16">
        <v>23945</v>
      </c>
      <c r="G47" s="16">
        <v>18654</v>
      </c>
      <c r="H47" s="16">
        <v>5198</v>
      </c>
      <c r="I47" s="16">
        <v>93</v>
      </c>
      <c r="J47" s="16">
        <v>5242</v>
      </c>
    </row>
    <row r="48" spans="1:10">
      <c r="A48" s="21" t="s">
        <v>232</v>
      </c>
      <c r="B48" s="21" t="s">
        <v>237</v>
      </c>
      <c r="C48" s="21" t="s">
        <v>264</v>
      </c>
      <c r="D48" s="21" t="s">
        <v>642</v>
      </c>
      <c r="E48" s="21" t="s">
        <v>670</v>
      </c>
      <c r="F48" s="16">
        <v>24094</v>
      </c>
      <c r="G48" s="16">
        <v>18723</v>
      </c>
      <c r="H48" s="16">
        <v>5223</v>
      </c>
      <c r="I48" s="16">
        <v>148</v>
      </c>
      <c r="J48" s="16">
        <v>5268</v>
      </c>
    </row>
    <row r="49" spans="1:10">
      <c r="A49" s="21" t="s">
        <v>232</v>
      </c>
      <c r="B49" s="21" t="s">
        <v>237</v>
      </c>
      <c r="C49" s="21" t="s">
        <v>264</v>
      </c>
      <c r="D49" s="21" t="s">
        <v>642</v>
      </c>
      <c r="E49" s="21" t="s">
        <v>671</v>
      </c>
      <c r="F49" s="16">
        <v>22158</v>
      </c>
      <c r="G49" s="16">
        <v>17129</v>
      </c>
      <c r="H49" s="16">
        <v>4898</v>
      </c>
      <c r="I49" s="16">
        <v>131</v>
      </c>
      <c r="J49" s="16">
        <v>4952</v>
      </c>
    </row>
    <row r="50" spans="1:10">
      <c r="A50" s="21" t="s">
        <v>232</v>
      </c>
      <c r="B50" s="21" t="s">
        <v>237</v>
      </c>
      <c r="C50" s="21" t="s">
        <v>264</v>
      </c>
      <c r="D50" s="21" t="s">
        <v>642</v>
      </c>
      <c r="E50" s="21" t="s">
        <v>672</v>
      </c>
      <c r="F50" s="16">
        <v>21069</v>
      </c>
      <c r="G50" s="16">
        <v>16134</v>
      </c>
      <c r="H50" s="16">
        <v>4808</v>
      </c>
      <c r="I50" s="16">
        <v>127</v>
      </c>
      <c r="J50" s="16">
        <v>4844</v>
      </c>
    </row>
    <row r="51" spans="1:10">
      <c r="A51" s="21" t="s">
        <v>232</v>
      </c>
      <c r="B51" s="21" t="s">
        <v>237</v>
      </c>
      <c r="C51" s="21" t="s">
        <v>264</v>
      </c>
      <c r="D51" s="21" t="s">
        <v>642</v>
      </c>
      <c r="E51" s="21" t="s">
        <v>673</v>
      </c>
      <c r="F51" s="16">
        <v>20006</v>
      </c>
      <c r="G51" s="16">
        <v>15093</v>
      </c>
      <c r="H51" s="16">
        <v>4754</v>
      </c>
      <c r="I51" s="16">
        <v>159</v>
      </c>
      <c r="J51" s="16">
        <v>4831</v>
      </c>
    </row>
    <row r="52" spans="1:10">
      <c r="A52" s="21" t="s">
        <v>232</v>
      </c>
      <c r="B52" s="21" t="s">
        <v>237</v>
      </c>
      <c r="C52" s="21" t="s">
        <v>264</v>
      </c>
      <c r="D52" s="21" t="s">
        <v>642</v>
      </c>
      <c r="E52" s="21" t="s">
        <v>674</v>
      </c>
      <c r="F52" s="16">
        <v>19726</v>
      </c>
      <c r="G52" s="16">
        <v>15025</v>
      </c>
      <c r="H52" s="16">
        <v>4559</v>
      </c>
      <c r="I52" s="16">
        <v>142</v>
      </c>
      <c r="J52" s="16">
        <v>4610</v>
      </c>
    </row>
    <row r="53" spans="1:10">
      <c r="A53" s="21" t="s">
        <v>232</v>
      </c>
      <c r="B53" s="21" t="s">
        <v>237</v>
      </c>
      <c r="C53" s="21" t="s">
        <v>264</v>
      </c>
      <c r="D53" s="21" t="s">
        <v>642</v>
      </c>
      <c r="E53" s="21" t="s">
        <v>675</v>
      </c>
      <c r="F53" s="16">
        <v>19356</v>
      </c>
      <c r="G53" s="16">
        <v>14193</v>
      </c>
      <c r="H53" s="16">
        <v>5021</v>
      </c>
      <c r="I53" s="16">
        <v>142</v>
      </c>
      <c r="J53" s="16">
        <v>5099</v>
      </c>
    </row>
    <row r="54" spans="1:10">
      <c r="A54" s="21" t="s">
        <v>232</v>
      </c>
      <c r="B54" s="21" t="s">
        <v>237</v>
      </c>
      <c r="C54" s="21" t="s">
        <v>264</v>
      </c>
      <c r="D54" s="21" t="s">
        <v>642</v>
      </c>
      <c r="E54" s="21" t="s">
        <v>676</v>
      </c>
      <c r="F54" s="16">
        <v>325316</v>
      </c>
      <c r="G54" s="16">
        <v>233236</v>
      </c>
      <c r="H54" s="16">
        <v>59222</v>
      </c>
      <c r="I54" s="16">
        <v>32858</v>
      </c>
      <c r="J54" s="16">
        <v>88757</v>
      </c>
    </row>
    <row r="55" spans="1:10">
      <c r="A55" s="21" t="s">
        <v>240</v>
      </c>
      <c r="B55" s="21" t="s">
        <v>237</v>
      </c>
      <c r="C55" s="21" t="s">
        <v>265</v>
      </c>
      <c r="D55" s="21" t="s">
        <v>214</v>
      </c>
      <c r="E55" s="21" t="s">
        <v>401</v>
      </c>
      <c r="F55" s="16">
        <v>85192</v>
      </c>
      <c r="G55" s="16">
        <v>60000</v>
      </c>
      <c r="H55" s="16">
        <v>21431</v>
      </c>
      <c r="I55" s="16">
        <v>3761</v>
      </c>
      <c r="J55" s="16">
        <v>19059</v>
      </c>
    </row>
    <row r="56" spans="1:10">
      <c r="A56" s="21" t="s">
        <v>240</v>
      </c>
      <c r="B56" s="21" t="s">
        <v>237</v>
      </c>
      <c r="C56" s="21" t="s">
        <v>265</v>
      </c>
      <c r="D56" s="21" t="s">
        <v>641</v>
      </c>
      <c r="E56" s="21" t="s">
        <v>401</v>
      </c>
      <c r="F56" s="16">
        <v>27194</v>
      </c>
      <c r="G56" s="16">
        <v>20490</v>
      </c>
      <c r="H56" s="16">
        <v>6007</v>
      </c>
      <c r="I56" s="16">
        <v>697</v>
      </c>
      <c r="J56" s="16">
        <v>978</v>
      </c>
    </row>
    <row r="57" spans="1:10">
      <c r="A57" s="21" t="s">
        <v>240</v>
      </c>
      <c r="B57" s="21" t="s">
        <v>237</v>
      </c>
      <c r="C57" s="21" t="s">
        <v>265</v>
      </c>
      <c r="D57" s="21" t="s">
        <v>642</v>
      </c>
      <c r="E57" s="21" t="s">
        <v>401</v>
      </c>
      <c r="F57" s="16">
        <v>57998</v>
      </c>
      <c r="G57" s="16">
        <v>39510</v>
      </c>
      <c r="H57" s="16">
        <v>15424</v>
      </c>
      <c r="I57" s="16">
        <v>3064</v>
      </c>
      <c r="J57" s="16">
        <v>18081</v>
      </c>
    </row>
    <row r="58" spans="1:10">
      <c r="A58" s="21" t="s">
        <v>240</v>
      </c>
      <c r="B58" s="21" t="s">
        <v>237</v>
      </c>
      <c r="C58" s="21" t="s">
        <v>265</v>
      </c>
      <c r="D58" s="21" t="s">
        <v>642</v>
      </c>
      <c r="E58" s="21" t="s">
        <v>658</v>
      </c>
      <c r="F58" s="16">
        <v>2906</v>
      </c>
      <c r="G58" s="16">
        <v>2319</v>
      </c>
      <c r="H58" s="16">
        <v>580</v>
      </c>
      <c r="I58" s="16">
        <v>7</v>
      </c>
      <c r="J58" s="16">
        <v>587</v>
      </c>
    </row>
    <row r="59" spans="1:10">
      <c r="A59" s="21" t="s">
        <v>240</v>
      </c>
      <c r="B59" s="21" t="s">
        <v>237</v>
      </c>
      <c r="C59" s="21" t="s">
        <v>265</v>
      </c>
      <c r="D59" s="21" t="s">
        <v>642</v>
      </c>
      <c r="E59" s="21" t="s">
        <v>659</v>
      </c>
      <c r="F59" s="16">
        <v>2911</v>
      </c>
      <c r="G59" s="16">
        <v>2097</v>
      </c>
      <c r="H59" s="16">
        <v>806</v>
      </c>
      <c r="I59" s="16">
        <v>8</v>
      </c>
      <c r="J59" s="16">
        <v>806</v>
      </c>
    </row>
    <row r="60" spans="1:10">
      <c r="A60" s="21" t="s">
        <v>240</v>
      </c>
      <c r="B60" s="21" t="s">
        <v>237</v>
      </c>
      <c r="C60" s="21" t="s">
        <v>265</v>
      </c>
      <c r="D60" s="21" t="s">
        <v>642</v>
      </c>
      <c r="E60" s="21" t="s">
        <v>660</v>
      </c>
      <c r="F60" s="16">
        <v>2544</v>
      </c>
      <c r="G60" s="16">
        <v>1863</v>
      </c>
      <c r="H60" s="16">
        <v>650</v>
      </c>
      <c r="I60" s="16">
        <v>31</v>
      </c>
      <c r="J60" s="16">
        <v>666</v>
      </c>
    </row>
    <row r="61" spans="1:10">
      <c r="A61" s="21" t="s">
        <v>240</v>
      </c>
      <c r="B61" s="21" t="s">
        <v>237</v>
      </c>
      <c r="C61" s="21" t="s">
        <v>265</v>
      </c>
      <c r="D61" s="21" t="s">
        <v>642</v>
      </c>
      <c r="E61" s="21" t="s">
        <v>661</v>
      </c>
      <c r="F61" s="16">
        <v>2188</v>
      </c>
      <c r="G61" s="16">
        <v>1605</v>
      </c>
      <c r="H61" s="16">
        <v>565</v>
      </c>
      <c r="I61" s="16">
        <v>18</v>
      </c>
      <c r="J61" s="16">
        <v>577</v>
      </c>
    </row>
    <row r="62" spans="1:10">
      <c r="A62" s="21" t="s">
        <v>240</v>
      </c>
      <c r="B62" s="21" t="s">
        <v>237</v>
      </c>
      <c r="C62" s="21" t="s">
        <v>265</v>
      </c>
      <c r="D62" s="21" t="s">
        <v>642</v>
      </c>
      <c r="E62" s="21" t="s">
        <v>662</v>
      </c>
      <c r="F62" s="16">
        <v>2228</v>
      </c>
      <c r="G62" s="16">
        <v>1601</v>
      </c>
      <c r="H62" s="16">
        <v>610</v>
      </c>
      <c r="I62" s="16">
        <v>17</v>
      </c>
      <c r="J62" s="16">
        <v>623</v>
      </c>
    </row>
    <row r="63" spans="1:10">
      <c r="A63" s="21" t="s">
        <v>240</v>
      </c>
      <c r="B63" s="21" t="s">
        <v>237</v>
      </c>
      <c r="C63" s="21" t="s">
        <v>265</v>
      </c>
      <c r="D63" s="21" t="s">
        <v>642</v>
      </c>
      <c r="E63" s="21" t="s">
        <v>663</v>
      </c>
      <c r="F63" s="16">
        <v>1889</v>
      </c>
      <c r="G63" s="16">
        <v>1391</v>
      </c>
      <c r="H63" s="16">
        <v>481</v>
      </c>
      <c r="I63" s="16">
        <v>17</v>
      </c>
      <c r="J63" s="16">
        <v>492</v>
      </c>
    </row>
    <row r="64" spans="1:10">
      <c r="A64" s="21" t="s">
        <v>240</v>
      </c>
      <c r="B64" s="21" t="s">
        <v>237</v>
      </c>
      <c r="C64" s="21" t="s">
        <v>265</v>
      </c>
      <c r="D64" s="21" t="s">
        <v>642</v>
      </c>
      <c r="E64" s="21" t="s">
        <v>664</v>
      </c>
      <c r="F64" s="16">
        <v>1939</v>
      </c>
      <c r="G64" s="16">
        <v>1394</v>
      </c>
      <c r="H64" s="16">
        <v>521</v>
      </c>
      <c r="I64" s="16">
        <v>24</v>
      </c>
      <c r="J64" s="16">
        <v>526</v>
      </c>
    </row>
    <row r="65" spans="1:10">
      <c r="A65" s="21" t="s">
        <v>240</v>
      </c>
      <c r="B65" s="21" t="s">
        <v>237</v>
      </c>
      <c r="C65" s="21" t="s">
        <v>265</v>
      </c>
      <c r="D65" s="21" t="s">
        <v>642</v>
      </c>
      <c r="E65" s="21" t="s">
        <v>665</v>
      </c>
      <c r="F65" s="16">
        <v>1747</v>
      </c>
      <c r="G65" s="16">
        <v>1222</v>
      </c>
      <c r="H65" s="16">
        <v>525</v>
      </c>
      <c r="I65" s="22" t="s">
        <v>268</v>
      </c>
      <c r="J65" s="16">
        <v>525</v>
      </c>
    </row>
    <row r="66" spans="1:10">
      <c r="A66" s="21" t="s">
        <v>240</v>
      </c>
      <c r="B66" s="21" t="s">
        <v>237</v>
      </c>
      <c r="C66" s="21" t="s">
        <v>265</v>
      </c>
      <c r="D66" s="21" t="s">
        <v>642</v>
      </c>
      <c r="E66" s="21" t="s">
        <v>666</v>
      </c>
      <c r="F66" s="16">
        <v>1748</v>
      </c>
      <c r="G66" s="16">
        <v>1246</v>
      </c>
      <c r="H66" s="16">
        <v>492</v>
      </c>
      <c r="I66" s="16">
        <v>10</v>
      </c>
      <c r="J66" s="16">
        <v>498</v>
      </c>
    </row>
    <row r="67" spans="1:10">
      <c r="A67" s="21" t="s">
        <v>240</v>
      </c>
      <c r="B67" s="21" t="s">
        <v>237</v>
      </c>
      <c r="C67" s="21" t="s">
        <v>265</v>
      </c>
      <c r="D67" s="21" t="s">
        <v>642</v>
      </c>
      <c r="E67" s="21" t="s">
        <v>667</v>
      </c>
      <c r="F67" s="16">
        <v>1627</v>
      </c>
      <c r="G67" s="16">
        <v>1139</v>
      </c>
      <c r="H67" s="16">
        <v>482</v>
      </c>
      <c r="I67" s="16">
        <v>6</v>
      </c>
      <c r="J67" s="16">
        <v>488</v>
      </c>
    </row>
    <row r="68" spans="1:10">
      <c r="A68" s="21" t="s">
        <v>240</v>
      </c>
      <c r="B68" s="21" t="s">
        <v>237</v>
      </c>
      <c r="C68" s="21" t="s">
        <v>265</v>
      </c>
      <c r="D68" s="21" t="s">
        <v>642</v>
      </c>
      <c r="E68" s="21" t="s">
        <v>668</v>
      </c>
      <c r="F68" s="16">
        <v>1518</v>
      </c>
      <c r="G68" s="16">
        <v>965</v>
      </c>
      <c r="H68" s="16">
        <v>553</v>
      </c>
      <c r="I68" s="22" t="s">
        <v>268</v>
      </c>
      <c r="J68" s="16">
        <v>553</v>
      </c>
    </row>
    <row r="69" spans="1:10">
      <c r="A69" s="21" t="s">
        <v>240</v>
      </c>
      <c r="B69" s="21" t="s">
        <v>237</v>
      </c>
      <c r="C69" s="21" t="s">
        <v>265</v>
      </c>
      <c r="D69" s="21" t="s">
        <v>642</v>
      </c>
      <c r="E69" s="21" t="s">
        <v>669</v>
      </c>
      <c r="F69" s="16">
        <v>1578</v>
      </c>
      <c r="G69" s="16">
        <v>970</v>
      </c>
      <c r="H69" s="16">
        <v>602</v>
      </c>
      <c r="I69" s="16">
        <v>6</v>
      </c>
      <c r="J69" s="16">
        <v>608</v>
      </c>
    </row>
    <row r="70" spans="1:10">
      <c r="A70" s="21" t="s">
        <v>240</v>
      </c>
      <c r="B70" s="21" t="s">
        <v>237</v>
      </c>
      <c r="C70" s="21" t="s">
        <v>265</v>
      </c>
      <c r="D70" s="21" t="s">
        <v>642</v>
      </c>
      <c r="E70" s="21" t="s">
        <v>670</v>
      </c>
      <c r="F70" s="16">
        <v>1633</v>
      </c>
      <c r="G70" s="16">
        <v>1104</v>
      </c>
      <c r="H70" s="16">
        <v>519</v>
      </c>
      <c r="I70" s="16">
        <v>10</v>
      </c>
      <c r="J70" s="16">
        <v>524</v>
      </c>
    </row>
    <row r="71" spans="1:10">
      <c r="A71" s="21" t="s">
        <v>240</v>
      </c>
      <c r="B71" s="21" t="s">
        <v>237</v>
      </c>
      <c r="C71" s="21" t="s">
        <v>265</v>
      </c>
      <c r="D71" s="21" t="s">
        <v>642</v>
      </c>
      <c r="E71" s="21" t="s">
        <v>671</v>
      </c>
      <c r="F71" s="16">
        <v>1484</v>
      </c>
      <c r="G71" s="16">
        <v>1006</v>
      </c>
      <c r="H71" s="16">
        <v>473</v>
      </c>
      <c r="I71" s="16">
        <v>5</v>
      </c>
      <c r="J71" s="16">
        <v>473</v>
      </c>
    </row>
    <row r="72" spans="1:10">
      <c r="A72" s="21" t="s">
        <v>240</v>
      </c>
      <c r="B72" s="21" t="s">
        <v>237</v>
      </c>
      <c r="C72" s="21" t="s">
        <v>265</v>
      </c>
      <c r="D72" s="21" t="s">
        <v>642</v>
      </c>
      <c r="E72" s="21" t="s">
        <v>672</v>
      </c>
      <c r="F72" s="16">
        <v>1446</v>
      </c>
      <c r="G72" s="16">
        <v>959</v>
      </c>
      <c r="H72" s="16">
        <v>478</v>
      </c>
      <c r="I72" s="16">
        <v>9</v>
      </c>
      <c r="J72" s="16">
        <v>478</v>
      </c>
    </row>
    <row r="73" spans="1:10">
      <c r="A73" s="21" t="s">
        <v>240</v>
      </c>
      <c r="B73" s="21" t="s">
        <v>237</v>
      </c>
      <c r="C73" s="21" t="s">
        <v>265</v>
      </c>
      <c r="D73" s="21" t="s">
        <v>642</v>
      </c>
      <c r="E73" s="21" t="s">
        <v>673</v>
      </c>
      <c r="F73" s="16">
        <v>1342</v>
      </c>
      <c r="G73" s="16">
        <v>871</v>
      </c>
      <c r="H73" s="16">
        <v>465</v>
      </c>
      <c r="I73" s="16">
        <v>6</v>
      </c>
      <c r="J73" s="16">
        <v>465</v>
      </c>
    </row>
    <row r="74" spans="1:10">
      <c r="A74" s="21" t="s">
        <v>240</v>
      </c>
      <c r="B74" s="21" t="s">
        <v>237</v>
      </c>
      <c r="C74" s="21" t="s">
        <v>265</v>
      </c>
      <c r="D74" s="21" t="s">
        <v>642</v>
      </c>
      <c r="E74" s="21" t="s">
        <v>674</v>
      </c>
      <c r="F74" s="16">
        <v>1250</v>
      </c>
      <c r="G74" s="16">
        <v>814</v>
      </c>
      <c r="H74" s="16">
        <v>426</v>
      </c>
      <c r="I74" s="16">
        <v>10</v>
      </c>
      <c r="J74" s="16">
        <v>426</v>
      </c>
    </row>
    <row r="75" spans="1:10">
      <c r="A75" s="21" t="s">
        <v>240</v>
      </c>
      <c r="B75" s="21" t="s">
        <v>237</v>
      </c>
      <c r="C75" s="21" t="s">
        <v>265</v>
      </c>
      <c r="D75" s="21" t="s">
        <v>642</v>
      </c>
      <c r="E75" s="21" t="s">
        <v>675</v>
      </c>
      <c r="F75" s="16">
        <v>1250</v>
      </c>
      <c r="G75" s="16">
        <v>826</v>
      </c>
      <c r="H75" s="16">
        <v>419</v>
      </c>
      <c r="I75" s="16">
        <v>5</v>
      </c>
      <c r="J75" s="16">
        <v>424</v>
      </c>
    </row>
    <row r="76" spans="1:10">
      <c r="A76" s="21" t="s">
        <v>240</v>
      </c>
      <c r="B76" s="21" t="s">
        <v>237</v>
      </c>
      <c r="C76" s="21" t="s">
        <v>265</v>
      </c>
      <c r="D76" s="21" t="s">
        <v>642</v>
      </c>
      <c r="E76" s="21" t="s">
        <v>676</v>
      </c>
      <c r="F76" s="16">
        <v>24770</v>
      </c>
      <c r="G76" s="16">
        <v>16118</v>
      </c>
      <c r="H76" s="16">
        <v>5777</v>
      </c>
      <c r="I76" s="16">
        <v>2875</v>
      </c>
      <c r="J76" s="16">
        <v>8342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66" orientation="portrait" r:id="rId1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A1383AF-CAC8-4B0F-AAC3-F875CA9CA4A9}">
  <sheetPr>
    <pageSetUpPr fitToPage="1"/>
  </sheetPr>
  <dimension ref="A1:Q19"/>
  <sheetViews>
    <sheetView zoomScaleNormal="100" workbookViewId="0">
      <pane xSplit="7" ySplit="10" topLeftCell="H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5.125" style="20" bestFit="1" customWidth="1"/>
    <col min="3" max="3" width="5.875" style="20" bestFit="1" customWidth="1"/>
    <col min="4" max="4" width="5" style="20" bestFit="1" customWidth="1"/>
    <col min="5" max="5" width="15.125" style="20" bestFit="1" customWidth="1"/>
    <col min="6" max="6" width="5.875" style="20" bestFit="1" customWidth="1"/>
    <col min="7" max="7" width="30.625" style="20" bestFit="1" customWidth="1"/>
    <col min="8" max="16384" width="12.625" style="20"/>
  </cols>
  <sheetData>
    <row r="1" spans="1:17" s="11" customFormat="1">
      <c r="A1" s="11" t="s">
        <v>192</v>
      </c>
    </row>
    <row r="2" spans="1:17" s="11" customFormat="1">
      <c r="A2" s="11" t="s">
        <v>678</v>
      </c>
    </row>
    <row r="3" spans="1:17" s="11" customFormat="1"/>
    <row r="4" spans="1:17" s="11" customFormat="1" outlineLevel="1">
      <c r="A4" s="11" t="s">
        <v>679</v>
      </c>
    </row>
    <row r="5" spans="1:17" s="11" customFormat="1"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  <c r="P5" s="12" t="s">
        <v>494</v>
      </c>
      <c r="Q5" s="12" t="s">
        <v>494</v>
      </c>
    </row>
    <row r="6" spans="1:17" s="11" customFormat="1" ht="24"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  <c r="N6" s="12" t="s">
        <v>680</v>
      </c>
      <c r="O6" s="12" t="s">
        <v>680</v>
      </c>
      <c r="P6" s="12" t="s">
        <v>680</v>
      </c>
      <c r="Q6" s="12" t="s">
        <v>680</v>
      </c>
    </row>
    <row r="7" spans="1:17" s="11" customFormat="1">
      <c r="H7" s="12">
        <v>1</v>
      </c>
      <c r="I7" s="12">
        <v>1</v>
      </c>
      <c r="J7" s="12">
        <v>2</v>
      </c>
      <c r="K7" s="12">
        <v>3</v>
      </c>
      <c r="L7" s="12">
        <v>3</v>
      </c>
      <c r="M7" s="12">
        <v>3</v>
      </c>
      <c r="N7" s="12">
        <v>3</v>
      </c>
      <c r="O7" s="12">
        <v>2</v>
      </c>
      <c r="P7" s="12">
        <v>1</v>
      </c>
      <c r="Q7" s="12">
        <v>1</v>
      </c>
    </row>
    <row r="8" spans="1:17" s="11" customFormat="1" ht="36">
      <c r="H8" s="12" t="s">
        <v>214</v>
      </c>
      <c r="I8" s="12" t="s">
        <v>681</v>
      </c>
      <c r="J8" s="12" t="s">
        <v>682</v>
      </c>
      <c r="K8" s="12" t="s">
        <v>683</v>
      </c>
      <c r="L8" s="12" t="s">
        <v>684</v>
      </c>
      <c r="M8" s="12" t="s">
        <v>685</v>
      </c>
      <c r="N8" s="12" t="s">
        <v>686</v>
      </c>
      <c r="O8" s="12" t="s">
        <v>687</v>
      </c>
      <c r="P8" s="12" t="s">
        <v>688</v>
      </c>
      <c r="Q8" s="12" t="s">
        <v>689</v>
      </c>
    </row>
    <row r="9" spans="1:17" s="11" customFormat="1"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  <c r="P9" s="13" t="s">
        <v>223</v>
      </c>
      <c r="Q9" s="13" t="s">
        <v>223</v>
      </c>
    </row>
    <row r="10" spans="1:17" s="11" customFormat="1">
      <c r="A10" s="14" t="s">
        <v>224</v>
      </c>
      <c r="B10" s="14" t="s">
        <v>225</v>
      </c>
      <c r="C10" s="14" t="s">
        <v>226</v>
      </c>
      <c r="D10" s="14" t="s">
        <v>227</v>
      </c>
      <c r="E10" s="14" t="s">
        <v>228</v>
      </c>
      <c r="F10" s="14" t="s">
        <v>229</v>
      </c>
      <c r="G10" s="14" t="s">
        <v>230</v>
      </c>
      <c r="H10" s="14" t="s">
        <v>231</v>
      </c>
      <c r="I10" s="14"/>
      <c r="J10" s="14"/>
      <c r="K10" s="14"/>
      <c r="L10" s="14"/>
      <c r="M10" s="14"/>
      <c r="N10" s="14"/>
      <c r="O10" s="14"/>
      <c r="P10" s="14"/>
      <c r="Q10" s="14"/>
    </row>
    <row r="11" spans="1:17">
      <c r="A11" s="15" t="s">
        <v>232</v>
      </c>
      <c r="B11" s="15" t="s">
        <v>233</v>
      </c>
      <c r="C11" s="15" t="s">
        <v>234</v>
      </c>
      <c r="D11" s="15" t="s">
        <v>235</v>
      </c>
      <c r="E11" s="15" t="s">
        <v>233</v>
      </c>
      <c r="F11" s="15" t="s">
        <v>234</v>
      </c>
      <c r="G11" s="15" t="s">
        <v>236</v>
      </c>
      <c r="H11" s="16">
        <v>55704949</v>
      </c>
      <c r="I11" s="16">
        <v>54953523</v>
      </c>
      <c r="J11" s="16">
        <v>54261580</v>
      </c>
      <c r="K11" s="16">
        <v>33729416</v>
      </c>
      <c r="L11" s="16">
        <v>2649041</v>
      </c>
      <c r="M11" s="16">
        <v>16331426</v>
      </c>
      <c r="N11" s="16">
        <v>1551697</v>
      </c>
      <c r="O11" s="16">
        <v>691943</v>
      </c>
      <c r="P11" s="16">
        <v>751370</v>
      </c>
      <c r="Q11" s="16">
        <v>56</v>
      </c>
    </row>
    <row r="12" spans="1:17">
      <c r="A12" s="21" t="s">
        <v>232</v>
      </c>
      <c r="B12" s="21" t="s">
        <v>237</v>
      </c>
      <c r="C12" s="21" t="s">
        <v>238</v>
      </c>
      <c r="D12" s="21" t="s">
        <v>235</v>
      </c>
      <c r="E12" s="21" t="s">
        <v>237</v>
      </c>
      <c r="F12" s="21" t="s">
        <v>238</v>
      </c>
      <c r="G12" s="21" t="s">
        <v>239</v>
      </c>
      <c r="H12" s="16">
        <v>716740</v>
      </c>
      <c r="I12" s="16">
        <v>706446</v>
      </c>
      <c r="J12" s="16">
        <v>698728</v>
      </c>
      <c r="K12" s="16">
        <v>445753</v>
      </c>
      <c r="L12" s="16">
        <v>38359</v>
      </c>
      <c r="M12" s="16">
        <v>197019</v>
      </c>
      <c r="N12" s="16">
        <v>17597</v>
      </c>
      <c r="O12" s="16">
        <v>7718</v>
      </c>
      <c r="P12" s="16">
        <v>10294</v>
      </c>
      <c r="Q12" s="22" t="s">
        <v>268</v>
      </c>
    </row>
    <row r="13" spans="1:17">
      <c r="A13" s="21" t="s">
        <v>240</v>
      </c>
      <c r="B13" s="21" t="s">
        <v>237</v>
      </c>
      <c r="C13" s="21" t="s">
        <v>241</v>
      </c>
      <c r="D13" s="21"/>
      <c r="E13" s="21" t="s">
        <v>237</v>
      </c>
      <c r="F13" s="21" t="s">
        <v>241</v>
      </c>
      <c r="G13" s="21" t="s">
        <v>242</v>
      </c>
      <c r="H13" s="16">
        <v>48996</v>
      </c>
      <c r="I13" s="16">
        <v>47687</v>
      </c>
      <c r="J13" s="16">
        <v>47055</v>
      </c>
      <c r="K13" s="16">
        <v>32370</v>
      </c>
      <c r="L13" s="16">
        <v>1113</v>
      </c>
      <c r="M13" s="16">
        <v>12390</v>
      </c>
      <c r="N13" s="16">
        <v>1182</v>
      </c>
      <c r="O13" s="16">
        <v>632</v>
      </c>
      <c r="P13" s="16">
        <v>1309</v>
      </c>
      <c r="Q13" s="22" t="s">
        <v>268</v>
      </c>
    </row>
    <row r="14" spans="1:17">
      <c r="A14" s="21" t="s">
        <v>243</v>
      </c>
      <c r="B14" s="21" t="s">
        <v>237</v>
      </c>
      <c r="C14" s="21" t="s">
        <v>241</v>
      </c>
      <c r="D14" s="21" t="s">
        <v>235</v>
      </c>
      <c r="E14" s="21" t="s">
        <v>237</v>
      </c>
      <c r="F14" s="21" t="s">
        <v>241</v>
      </c>
      <c r="G14" s="21" t="s">
        <v>244</v>
      </c>
      <c r="H14" s="16">
        <v>39123</v>
      </c>
      <c r="I14" s="16">
        <v>38073</v>
      </c>
      <c r="J14" s="16">
        <v>37586</v>
      </c>
      <c r="K14" s="16">
        <v>24301</v>
      </c>
      <c r="L14" s="16">
        <v>936</v>
      </c>
      <c r="M14" s="16">
        <v>11254</v>
      </c>
      <c r="N14" s="16">
        <v>1095</v>
      </c>
      <c r="O14" s="16">
        <v>487</v>
      </c>
      <c r="P14" s="16">
        <v>1050</v>
      </c>
      <c r="Q14" s="22" t="s">
        <v>268</v>
      </c>
    </row>
    <row r="15" spans="1:17">
      <c r="A15" s="21" t="s">
        <v>243</v>
      </c>
      <c r="B15" s="21" t="s">
        <v>237</v>
      </c>
      <c r="C15" s="21" t="s">
        <v>245</v>
      </c>
      <c r="D15" s="21" t="s">
        <v>235</v>
      </c>
      <c r="E15" s="21" t="s">
        <v>237</v>
      </c>
      <c r="F15" s="21" t="s">
        <v>241</v>
      </c>
      <c r="G15" s="21" t="s">
        <v>246</v>
      </c>
      <c r="H15" s="16">
        <v>1038</v>
      </c>
      <c r="I15" s="16">
        <v>1035</v>
      </c>
      <c r="J15" s="16">
        <v>1028</v>
      </c>
      <c r="K15" s="16">
        <v>1017</v>
      </c>
      <c r="L15" s="22" t="s">
        <v>268</v>
      </c>
      <c r="M15" s="16">
        <v>10</v>
      </c>
      <c r="N15" s="16">
        <v>1</v>
      </c>
      <c r="O15" s="16">
        <v>7</v>
      </c>
      <c r="P15" s="16">
        <v>3</v>
      </c>
      <c r="Q15" s="22" t="s">
        <v>268</v>
      </c>
    </row>
    <row r="16" spans="1:17">
      <c r="A16" s="21" t="s">
        <v>243</v>
      </c>
      <c r="B16" s="21" t="s">
        <v>237</v>
      </c>
      <c r="C16" s="21" t="s">
        <v>247</v>
      </c>
      <c r="D16" s="21" t="s">
        <v>235</v>
      </c>
      <c r="E16" s="21" t="s">
        <v>237</v>
      </c>
      <c r="F16" s="21" t="s">
        <v>241</v>
      </c>
      <c r="G16" s="21" t="s">
        <v>248</v>
      </c>
      <c r="H16" s="16">
        <v>2432</v>
      </c>
      <c r="I16" s="16">
        <v>2400</v>
      </c>
      <c r="J16" s="16">
        <v>2349</v>
      </c>
      <c r="K16" s="16">
        <v>1913</v>
      </c>
      <c r="L16" s="22" t="s">
        <v>268</v>
      </c>
      <c r="M16" s="16">
        <v>399</v>
      </c>
      <c r="N16" s="16">
        <v>37</v>
      </c>
      <c r="O16" s="16">
        <v>51</v>
      </c>
      <c r="P16" s="16">
        <v>32</v>
      </c>
      <c r="Q16" s="22" t="s">
        <v>268</v>
      </c>
    </row>
    <row r="17" spans="1:17">
      <c r="A17" s="21" t="s">
        <v>243</v>
      </c>
      <c r="B17" s="21" t="s">
        <v>237</v>
      </c>
      <c r="C17" s="21" t="s">
        <v>249</v>
      </c>
      <c r="D17" s="21" t="s">
        <v>235</v>
      </c>
      <c r="E17" s="21" t="s">
        <v>237</v>
      </c>
      <c r="F17" s="21" t="s">
        <v>241</v>
      </c>
      <c r="G17" s="21" t="s">
        <v>250</v>
      </c>
      <c r="H17" s="16">
        <v>5038</v>
      </c>
      <c r="I17" s="16">
        <v>4832</v>
      </c>
      <c r="J17" s="16">
        <v>4753</v>
      </c>
      <c r="K17" s="16">
        <v>3867</v>
      </c>
      <c r="L17" s="16">
        <v>156</v>
      </c>
      <c r="M17" s="16">
        <v>689</v>
      </c>
      <c r="N17" s="16">
        <v>41</v>
      </c>
      <c r="O17" s="16">
        <v>79</v>
      </c>
      <c r="P17" s="16">
        <v>206</v>
      </c>
      <c r="Q17" s="22" t="s">
        <v>268</v>
      </c>
    </row>
    <row r="18" spans="1:17">
      <c r="A18" s="21" t="s">
        <v>243</v>
      </c>
      <c r="B18" s="21" t="s">
        <v>237</v>
      </c>
      <c r="C18" s="21" t="s">
        <v>251</v>
      </c>
      <c r="D18" s="21" t="s">
        <v>235</v>
      </c>
      <c r="E18" s="21" t="s">
        <v>237</v>
      </c>
      <c r="F18" s="21" t="s">
        <v>241</v>
      </c>
      <c r="G18" s="21" t="s">
        <v>252</v>
      </c>
      <c r="H18" s="16">
        <v>703</v>
      </c>
      <c r="I18" s="16">
        <v>694</v>
      </c>
      <c r="J18" s="16">
        <v>689</v>
      </c>
      <c r="K18" s="16">
        <v>653</v>
      </c>
      <c r="L18" s="16">
        <v>10</v>
      </c>
      <c r="M18" s="16">
        <v>24</v>
      </c>
      <c r="N18" s="16">
        <v>2</v>
      </c>
      <c r="O18" s="16">
        <v>5</v>
      </c>
      <c r="P18" s="16">
        <v>9</v>
      </c>
      <c r="Q18" s="22" t="s">
        <v>268</v>
      </c>
    </row>
    <row r="19" spans="1:17">
      <c r="A19" s="21" t="s">
        <v>243</v>
      </c>
      <c r="B19" s="21" t="s">
        <v>237</v>
      </c>
      <c r="C19" s="21" t="s">
        <v>253</v>
      </c>
      <c r="D19" s="21" t="s">
        <v>235</v>
      </c>
      <c r="E19" s="21" t="s">
        <v>237</v>
      </c>
      <c r="F19" s="21" t="s">
        <v>241</v>
      </c>
      <c r="G19" s="21" t="s">
        <v>254</v>
      </c>
      <c r="H19" s="16">
        <v>662</v>
      </c>
      <c r="I19" s="16">
        <v>653</v>
      </c>
      <c r="J19" s="16">
        <v>650</v>
      </c>
      <c r="K19" s="16">
        <v>619</v>
      </c>
      <c r="L19" s="16">
        <v>11</v>
      </c>
      <c r="M19" s="16">
        <v>14</v>
      </c>
      <c r="N19" s="16">
        <v>6</v>
      </c>
      <c r="O19" s="16">
        <v>3</v>
      </c>
      <c r="P19" s="16">
        <v>9</v>
      </c>
      <c r="Q19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5" orientation="portrait" r:id="rId1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F8CC813-C72A-4559-86D3-4EDBFDF25722}">
  <sheetPr>
    <pageSetUpPr fitToPage="1"/>
  </sheetPr>
  <dimension ref="A1:Q19"/>
  <sheetViews>
    <sheetView zoomScaleNormal="100" workbookViewId="0">
      <pane xSplit="7" ySplit="10" topLeftCell="H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7.125" style="20" bestFit="1" customWidth="1"/>
    <col min="3" max="3" width="5.875" style="20" bestFit="1" customWidth="1"/>
    <col min="4" max="4" width="5" style="20" bestFit="1" customWidth="1"/>
    <col min="5" max="5" width="16.25" style="20" customWidth="1"/>
    <col min="6" max="6" width="5.875" style="20" bestFit="1" customWidth="1"/>
    <col min="7" max="7" width="17.5" style="20" customWidth="1"/>
    <col min="8" max="16384" width="12.625" style="20"/>
  </cols>
  <sheetData>
    <row r="1" spans="1:17" s="11" customFormat="1">
      <c r="A1" s="11" t="s">
        <v>192</v>
      </c>
    </row>
    <row r="2" spans="1:17" s="11" customFormat="1">
      <c r="A2" s="11" t="s">
        <v>690</v>
      </c>
    </row>
    <row r="3" spans="1:17" s="11" customFormat="1"/>
    <row r="4" spans="1:17" s="11" customFormat="1" outlineLevel="1">
      <c r="A4" s="11" t="s">
        <v>679</v>
      </c>
    </row>
    <row r="5" spans="1:17" s="11" customFormat="1"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</row>
    <row r="6" spans="1:17" s="11" customFormat="1" ht="24"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  <c r="N6" s="12" t="s">
        <v>680</v>
      </c>
      <c r="O6" s="12" t="s">
        <v>680</v>
      </c>
      <c r="P6" s="12" t="s">
        <v>680</v>
      </c>
      <c r="Q6" s="12" t="s">
        <v>680</v>
      </c>
    </row>
    <row r="7" spans="1:17" s="11" customFormat="1">
      <c r="H7" s="12">
        <v>1</v>
      </c>
      <c r="I7" s="12">
        <v>1</v>
      </c>
      <c r="J7" s="12">
        <v>2</v>
      </c>
      <c r="K7" s="12">
        <v>3</v>
      </c>
      <c r="L7" s="12">
        <v>3</v>
      </c>
      <c r="M7" s="12">
        <v>3</v>
      </c>
      <c r="N7" s="12">
        <v>3</v>
      </c>
      <c r="O7" s="12">
        <v>2</v>
      </c>
      <c r="P7" s="12">
        <v>1</v>
      </c>
      <c r="Q7" s="12">
        <v>1</v>
      </c>
    </row>
    <row r="8" spans="1:17" s="11" customFormat="1" ht="36">
      <c r="H8" s="12" t="s">
        <v>214</v>
      </c>
      <c r="I8" s="12" t="s">
        <v>681</v>
      </c>
      <c r="J8" s="12" t="s">
        <v>682</v>
      </c>
      <c r="K8" s="12" t="s">
        <v>683</v>
      </c>
      <c r="L8" s="12" t="s">
        <v>684</v>
      </c>
      <c r="M8" s="12" t="s">
        <v>685</v>
      </c>
      <c r="N8" s="12" t="s">
        <v>686</v>
      </c>
      <c r="O8" s="12" t="s">
        <v>687</v>
      </c>
      <c r="P8" s="12" t="s">
        <v>688</v>
      </c>
      <c r="Q8" s="12" t="s">
        <v>689</v>
      </c>
    </row>
    <row r="9" spans="1:17" s="11" customFormat="1"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</row>
    <row r="10" spans="1:17" s="11" customFormat="1">
      <c r="A10" s="14" t="s">
        <v>224</v>
      </c>
      <c r="B10" s="14" t="s">
        <v>225</v>
      </c>
      <c r="C10" s="14" t="s">
        <v>226</v>
      </c>
      <c r="D10" s="14" t="s">
        <v>227</v>
      </c>
      <c r="E10" s="14" t="s">
        <v>228</v>
      </c>
      <c r="F10" s="14" t="s">
        <v>229</v>
      </c>
      <c r="G10" s="14" t="s">
        <v>230</v>
      </c>
      <c r="H10" s="14" t="s">
        <v>231</v>
      </c>
      <c r="I10" s="14"/>
      <c r="J10" s="14"/>
      <c r="K10" s="14"/>
      <c r="L10" s="14"/>
      <c r="M10" s="14"/>
      <c r="N10" s="14"/>
      <c r="O10" s="14"/>
      <c r="P10" s="14"/>
      <c r="Q10" s="14"/>
    </row>
    <row r="11" spans="1:17">
      <c r="A11" s="15" t="s">
        <v>232</v>
      </c>
      <c r="B11" s="15" t="s">
        <v>233</v>
      </c>
      <c r="C11" s="15" t="s">
        <v>234</v>
      </c>
      <c r="D11" s="15" t="s">
        <v>235</v>
      </c>
      <c r="E11" s="15" t="s">
        <v>233</v>
      </c>
      <c r="F11" s="15" t="s">
        <v>234</v>
      </c>
      <c r="G11" s="15" t="s">
        <v>236</v>
      </c>
      <c r="H11" s="16">
        <v>123162995</v>
      </c>
      <c r="I11" s="16">
        <v>122165633</v>
      </c>
      <c r="J11" s="16">
        <v>120994071</v>
      </c>
      <c r="K11" s="16">
        <v>87023174</v>
      </c>
      <c r="L11" s="16">
        <v>5015325</v>
      </c>
      <c r="M11" s="16">
        <v>26272767</v>
      </c>
      <c r="N11" s="16">
        <v>2682805</v>
      </c>
      <c r="O11" s="16">
        <v>1171562</v>
      </c>
      <c r="P11" s="16">
        <v>997209</v>
      </c>
      <c r="Q11" s="16">
        <v>153</v>
      </c>
    </row>
    <row r="12" spans="1:17">
      <c r="A12" s="21" t="s">
        <v>232</v>
      </c>
      <c r="B12" s="21" t="s">
        <v>237</v>
      </c>
      <c r="C12" s="21" t="s">
        <v>238</v>
      </c>
      <c r="D12" s="21" t="s">
        <v>235</v>
      </c>
      <c r="E12" s="21" t="s">
        <v>237</v>
      </c>
      <c r="F12" s="21" t="s">
        <v>238</v>
      </c>
      <c r="G12" s="21" t="s">
        <v>239</v>
      </c>
      <c r="H12" s="16">
        <v>1678793</v>
      </c>
      <c r="I12" s="16">
        <v>1663762</v>
      </c>
      <c r="J12" s="16">
        <v>1649776</v>
      </c>
      <c r="K12" s="16">
        <v>1180571</v>
      </c>
      <c r="L12" s="16">
        <v>76782</v>
      </c>
      <c r="M12" s="16">
        <v>359747</v>
      </c>
      <c r="N12" s="16">
        <v>32676</v>
      </c>
      <c r="O12" s="16">
        <v>13986</v>
      </c>
      <c r="P12" s="16">
        <v>15031</v>
      </c>
      <c r="Q12" s="22" t="s">
        <v>268</v>
      </c>
    </row>
    <row r="13" spans="1:17">
      <c r="A13" s="21" t="s">
        <v>240</v>
      </c>
      <c r="B13" s="21" t="s">
        <v>237</v>
      </c>
      <c r="C13" s="21" t="s">
        <v>241</v>
      </c>
      <c r="D13" s="21"/>
      <c r="E13" s="21" t="s">
        <v>237</v>
      </c>
      <c r="F13" s="21" t="s">
        <v>241</v>
      </c>
      <c r="G13" s="21" t="s">
        <v>242</v>
      </c>
      <c r="H13" s="16">
        <v>117827</v>
      </c>
      <c r="I13" s="16">
        <v>116099</v>
      </c>
      <c r="J13" s="16">
        <v>115128</v>
      </c>
      <c r="K13" s="16">
        <v>86323</v>
      </c>
      <c r="L13" s="16">
        <v>2187</v>
      </c>
      <c r="M13" s="16">
        <v>24550</v>
      </c>
      <c r="N13" s="16">
        <v>2068</v>
      </c>
      <c r="O13" s="16">
        <v>971</v>
      </c>
      <c r="P13" s="16">
        <v>1728</v>
      </c>
      <c r="Q13" s="22" t="s">
        <v>268</v>
      </c>
    </row>
    <row r="14" spans="1:17">
      <c r="A14" s="21" t="s">
        <v>243</v>
      </c>
      <c r="B14" s="21" t="s">
        <v>237</v>
      </c>
      <c r="C14" s="21" t="s">
        <v>241</v>
      </c>
      <c r="D14" s="21" t="s">
        <v>235</v>
      </c>
      <c r="E14" s="21" t="s">
        <v>237</v>
      </c>
      <c r="F14" s="21" t="s">
        <v>241</v>
      </c>
      <c r="G14" s="21" t="s">
        <v>244</v>
      </c>
      <c r="H14" s="16">
        <v>92019</v>
      </c>
      <c r="I14" s="16">
        <v>90630</v>
      </c>
      <c r="J14" s="16">
        <v>89848</v>
      </c>
      <c r="K14" s="16">
        <v>64146</v>
      </c>
      <c r="L14" s="16">
        <v>1833</v>
      </c>
      <c r="M14" s="16">
        <v>21937</v>
      </c>
      <c r="N14" s="16">
        <v>1932</v>
      </c>
      <c r="O14" s="16">
        <v>782</v>
      </c>
      <c r="P14" s="16">
        <v>1389</v>
      </c>
      <c r="Q14" s="22" t="s">
        <v>268</v>
      </c>
    </row>
    <row r="15" spans="1:17">
      <c r="A15" s="21" t="s">
        <v>243</v>
      </c>
      <c r="B15" s="21" t="s">
        <v>237</v>
      </c>
      <c r="C15" s="21" t="s">
        <v>245</v>
      </c>
      <c r="D15" s="21" t="s">
        <v>235</v>
      </c>
      <c r="E15" s="21" t="s">
        <v>237</v>
      </c>
      <c r="F15" s="21" t="s">
        <v>241</v>
      </c>
      <c r="G15" s="21" t="s">
        <v>246</v>
      </c>
      <c r="H15" s="16">
        <v>2245</v>
      </c>
      <c r="I15" s="16">
        <v>2240</v>
      </c>
      <c r="J15" s="16">
        <v>2228</v>
      </c>
      <c r="K15" s="16">
        <v>2205</v>
      </c>
      <c r="L15" s="22" t="s">
        <v>268</v>
      </c>
      <c r="M15" s="16">
        <v>19</v>
      </c>
      <c r="N15" s="16">
        <v>4</v>
      </c>
      <c r="O15" s="16">
        <v>12</v>
      </c>
      <c r="P15" s="16">
        <v>5</v>
      </c>
      <c r="Q15" s="22" t="s">
        <v>268</v>
      </c>
    </row>
    <row r="16" spans="1:17">
      <c r="A16" s="21" t="s">
        <v>243</v>
      </c>
      <c r="B16" s="21" t="s">
        <v>237</v>
      </c>
      <c r="C16" s="21" t="s">
        <v>247</v>
      </c>
      <c r="D16" s="21" t="s">
        <v>235</v>
      </c>
      <c r="E16" s="21" t="s">
        <v>237</v>
      </c>
      <c r="F16" s="21" t="s">
        <v>241</v>
      </c>
      <c r="G16" s="21" t="s">
        <v>248</v>
      </c>
      <c r="H16" s="16">
        <v>6911</v>
      </c>
      <c r="I16" s="16">
        <v>6855</v>
      </c>
      <c r="J16" s="16">
        <v>6786</v>
      </c>
      <c r="K16" s="16">
        <v>5775</v>
      </c>
      <c r="L16" s="22" t="s">
        <v>268</v>
      </c>
      <c r="M16" s="16">
        <v>956</v>
      </c>
      <c r="N16" s="16">
        <v>55</v>
      </c>
      <c r="O16" s="16">
        <v>69</v>
      </c>
      <c r="P16" s="16">
        <v>56</v>
      </c>
      <c r="Q16" s="22" t="s">
        <v>268</v>
      </c>
    </row>
    <row r="17" spans="1:17">
      <c r="A17" s="21" t="s">
        <v>243</v>
      </c>
      <c r="B17" s="21" t="s">
        <v>237</v>
      </c>
      <c r="C17" s="21" t="s">
        <v>249</v>
      </c>
      <c r="D17" s="21" t="s">
        <v>235</v>
      </c>
      <c r="E17" s="21" t="s">
        <v>237</v>
      </c>
      <c r="F17" s="21" t="s">
        <v>241</v>
      </c>
      <c r="G17" s="21" t="s">
        <v>250</v>
      </c>
      <c r="H17" s="16">
        <v>13309</v>
      </c>
      <c r="I17" s="16">
        <v>13074</v>
      </c>
      <c r="J17" s="16">
        <v>12978</v>
      </c>
      <c r="K17" s="16">
        <v>11073</v>
      </c>
      <c r="L17" s="16">
        <v>286</v>
      </c>
      <c r="M17" s="16">
        <v>1553</v>
      </c>
      <c r="N17" s="16">
        <v>66</v>
      </c>
      <c r="O17" s="16">
        <v>96</v>
      </c>
      <c r="P17" s="16">
        <v>235</v>
      </c>
      <c r="Q17" s="22" t="s">
        <v>268</v>
      </c>
    </row>
    <row r="18" spans="1:17">
      <c r="A18" s="21" t="s">
        <v>243</v>
      </c>
      <c r="B18" s="21" t="s">
        <v>237</v>
      </c>
      <c r="C18" s="21" t="s">
        <v>251</v>
      </c>
      <c r="D18" s="21" t="s">
        <v>235</v>
      </c>
      <c r="E18" s="21" t="s">
        <v>237</v>
      </c>
      <c r="F18" s="21" t="s">
        <v>241</v>
      </c>
      <c r="G18" s="21" t="s">
        <v>252</v>
      </c>
      <c r="H18" s="16">
        <v>1800</v>
      </c>
      <c r="I18" s="16">
        <v>1774</v>
      </c>
      <c r="J18" s="16">
        <v>1766</v>
      </c>
      <c r="K18" s="16">
        <v>1670</v>
      </c>
      <c r="L18" s="16">
        <v>34</v>
      </c>
      <c r="M18" s="16">
        <v>57</v>
      </c>
      <c r="N18" s="16">
        <v>5</v>
      </c>
      <c r="O18" s="16">
        <v>8</v>
      </c>
      <c r="P18" s="16">
        <v>26</v>
      </c>
      <c r="Q18" s="22" t="s">
        <v>268</v>
      </c>
    </row>
    <row r="19" spans="1:17">
      <c r="A19" s="21" t="s">
        <v>243</v>
      </c>
      <c r="B19" s="21" t="s">
        <v>237</v>
      </c>
      <c r="C19" s="21" t="s">
        <v>253</v>
      </c>
      <c r="D19" s="21" t="s">
        <v>235</v>
      </c>
      <c r="E19" s="21" t="s">
        <v>237</v>
      </c>
      <c r="F19" s="21" t="s">
        <v>241</v>
      </c>
      <c r="G19" s="21" t="s">
        <v>254</v>
      </c>
      <c r="H19" s="16">
        <v>1543</v>
      </c>
      <c r="I19" s="16">
        <v>1526</v>
      </c>
      <c r="J19" s="16">
        <v>1522</v>
      </c>
      <c r="K19" s="16">
        <v>1454</v>
      </c>
      <c r="L19" s="16">
        <v>34</v>
      </c>
      <c r="M19" s="16">
        <v>28</v>
      </c>
      <c r="N19" s="16">
        <v>6</v>
      </c>
      <c r="O19" s="16">
        <v>4</v>
      </c>
      <c r="P19" s="16">
        <v>17</v>
      </c>
      <c r="Q19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5" orientation="portrait" r:id="rId1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9AF765-089A-4CC9-9D9B-1D8717D73607}">
  <sheetPr>
    <pageSetUpPr fitToPage="1"/>
  </sheetPr>
  <dimension ref="A1:Q19"/>
  <sheetViews>
    <sheetView zoomScaleNormal="100" workbookViewId="0">
      <pane xSplit="7" ySplit="10" topLeftCell="H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5" style="20" customWidth="1"/>
    <col min="3" max="3" width="5.875" style="20" bestFit="1" customWidth="1"/>
    <col min="4" max="4" width="5" style="20" bestFit="1" customWidth="1"/>
    <col min="5" max="5" width="15" style="20" customWidth="1"/>
    <col min="6" max="6" width="5.875" style="20" bestFit="1" customWidth="1"/>
    <col min="7" max="7" width="20" style="20" customWidth="1"/>
    <col min="8" max="16384" width="12.625" style="20"/>
  </cols>
  <sheetData>
    <row r="1" spans="1:17" s="11" customFormat="1">
      <c r="A1" s="11" t="s">
        <v>192</v>
      </c>
    </row>
    <row r="2" spans="1:17" s="11" customFormat="1">
      <c r="A2" s="11" t="s">
        <v>691</v>
      </c>
    </row>
    <row r="3" spans="1:17" s="11" customFormat="1"/>
    <row r="4" spans="1:17" s="11" customFormat="1" outlineLevel="1">
      <c r="A4" s="11" t="s">
        <v>679</v>
      </c>
    </row>
    <row r="5" spans="1:17" s="11" customFormat="1" ht="24">
      <c r="H5" s="12" t="s">
        <v>496</v>
      </c>
      <c r="I5" s="12" t="s">
        <v>496</v>
      </c>
      <c r="J5" s="12" t="s">
        <v>496</v>
      </c>
      <c r="K5" s="12" t="s">
        <v>496</v>
      </c>
      <c r="L5" s="12" t="s">
        <v>496</v>
      </c>
      <c r="M5" s="12" t="s">
        <v>496</v>
      </c>
      <c r="N5" s="12" t="s">
        <v>496</v>
      </c>
      <c r="O5" s="12" t="s">
        <v>496</v>
      </c>
      <c r="P5" s="12" t="s">
        <v>496</v>
      </c>
      <c r="Q5" s="12" t="s">
        <v>496</v>
      </c>
    </row>
    <row r="6" spans="1:17" s="11" customFormat="1" ht="24"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  <c r="N6" s="12" t="s">
        <v>680</v>
      </c>
      <c r="O6" s="12" t="s">
        <v>680</v>
      </c>
      <c r="P6" s="12" t="s">
        <v>680</v>
      </c>
      <c r="Q6" s="12" t="s">
        <v>680</v>
      </c>
    </row>
    <row r="7" spans="1:17" s="11" customFormat="1">
      <c r="H7" s="12">
        <v>1</v>
      </c>
      <c r="I7" s="12">
        <v>1</v>
      </c>
      <c r="J7" s="12">
        <v>2</v>
      </c>
      <c r="K7" s="12">
        <v>3</v>
      </c>
      <c r="L7" s="12">
        <v>3</v>
      </c>
      <c r="M7" s="12">
        <v>3</v>
      </c>
      <c r="N7" s="12">
        <v>3</v>
      </c>
      <c r="O7" s="12">
        <v>2</v>
      </c>
      <c r="P7" s="12">
        <v>1</v>
      </c>
      <c r="Q7" s="12">
        <v>1</v>
      </c>
    </row>
    <row r="8" spans="1:17" s="11" customFormat="1" ht="36">
      <c r="H8" s="12" t="s">
        <v>214</v>
      </c>
      <c r="I8" s="12" t="s">
        <v>681</v>
      </c>
      <c r="J8" s="12" t="s">
        <v>682</v>
      </c>
      <c r="K8" s="12" t="s">
        <v>683</v>
      </c>
      <c r="L8" s="12" t="s">
        <v>684</v>
      </c>
      <c r="M8" s="12" t="s">
        <v>685</v>
      </c>
      <c r="N8" s="12" t="s">
        <v>686</v>
      </c>
      <c r="O8" s="12" t="s">
        <v>687</v>
      </c>
      <c r="P8" s="12" t="s">
        <v>688</v>
      </c>
      <c r="Q8" s="12" t="s">
        <v>689</v>
      </c>
    </row>
    <row r="9" spans="1:17" s="11" customFormat="1"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</row>
    <row r="10" spans="1:17" s="11" customFormat="1">
      <c r="A10" s="14" t="s">
        <v>224</v>
      </c>
      <c r="B10" s="14" t="s">
        <v>225</v>
      </c>
      <c r="C10" s="14" t="s">
        <v>226</v>
      </c>
      <c r="D10" s="14" t="s">
        <v>227</v>
      </c>
      <c r="E10" s="14" t="s">
        <v>228</v>
      </c>
      <c r="F10" s="14" t="s">
        <v>229</v>
      </c>
      <c r="G10" s="14" t="s">
        <v>230</v>
      </c>
      <c r="H10" s="14" t="s">
        <v>231</v>
      </c>
      <c r="I10" s="14"/>
      <c r="J10" s="14"/>
      <c r="K10" s="14"/>
      <c r="L10" s="14"/>
      <c r="M10" s="14"/>
      <c r="N10" s="14"/>
      <c r="O10" s="14"/>
      <c r="P10" s="14"/>
      <c r="Q10" s="14"/>
    </row>
    <row r="11" spans="1:17">
      <c r="A11" s="15" t="s">
        <v>232</v>
      </c>
      <c r="B11" s="15" t="s">
        <v>233</v>
      </c>
      <c r="C11" s="15" t="s">
        <v>234</v>
      </c>
      <c r="D11" s="15" t="s">
        <v>235</v>
      </c>
      <c r="E11" s="15" t="s">
        <v>233</v>
      </c>
      <c r="F11" s="15" t="s">
        <v>234</v>
      </c>
      <c r="G11" s="15" t="s">
        <v>236</v>
      </c>
      <c r="H11" s="17">
        <v>2.2109899999999998</v>
      </c>
      <c r="I11" s="17">
        <v>2.2230699999999999</v>
      </c>
      <c r="J11" s="17">
        <v>2.2298300000000002</v>
      </c>
      <c r="K11" s="17">
        <v>2.5800399999999999</v>
      </c>
      <c r="L11" s="17">
        <v>1.8932599999999999</v>
      </c>
      <c r="M11" s="17">
        <v>1.6087199999999999</v>
      </c>
      <c r="N11" s="17">
        <v>1.72895</v>
      </c>
      <c r="O11" s="17">
        <v>1.6931499999999999</v>
      </c>
      <c r="P11" s="17">
        <v>1.3271900000000001</v>
      </c>
      <c r="Q11" s="17">
        <v>2.7321399999999998</v>
      </c>
    </row>
    <row r="12" spans="1:17">
      <c r="A12" s="21" t="s">
        <v>232</v>
      </c>
      <c r="B12" s="21" t="s">
        <v>237</v>
      </c>
      <c r="C12" s="21" t="s">
        <v>238</v>
      </c>
      <c r="D12" s="21" t="s">
        <v>235</v>
      </c>
      <c r="E12" s="21" t="s">
        <v>237</v>
      </c>
      <c r="F12" s="21" t="s">
        <v>238</v>
      </c>
      <c r="G12" s="21" t="s">
        <v>239</v>
      </c>
      <c r="H12" s="17">
        <v>2.34226</v>
      </c>
      <c r="I12" s="17">
        <v>2.3551199999999999</v>
      </c>
      <c r="J12" s="17">
        <v>2.36111</v>
      </c>
      <c r="K12" s="17">
        <v>2.6484899999999998</v>
      </c>
      <c r="L12" s="17">
        <v>2.0016699999999998</v>
      </c>
      <c r="M12" s="17">
        <v>1.82595</v>
      </c>
      <c r="N12" s="17">
        <v>1.8569100000000001</v>
      </c>
      <c r="O12" s="17">
        <v>1.81213</v>
      </c>
      <c r="P12" s="17">
        <v>1.46017</v>
      </c>
      <c r="Q12" s="23" t="s">
        <v>268</v>
      </c>
    </row>
    <row r="13" spans="1:17">
      <c r="A13" s="21" t="s">
        <v>240</v>
      </c>
      <c r="B13" s="21" t="s">
        <v>237</v>
      </c>
      <c r="C13" s="21" t="s">
        <v>241</v>
      </c>
      <c r="D13" s="21"/>
      <c r="E13" s="21" t="s">
        <v>237</v>
      </c>
      <c r="F13" s="21" t="s">
        <v>241</v>
      </c>
      <c r="G13" s="21" t="s">
        <v>242</v>
      </c>
      <c r="H13" s="17">
        <v>2.40483</v>
      </c>
      <c r="I13" s="17">
        <v>2.4346000000000001</v>
      </c>
      <c r="J13" s="17">
        <v>2.4466700000000001</v>
      </c>
      <c r="K13" s="17">
        <v>2.66676</v>
      </c>
      <c r="L13" s="17">
        <v>1.96496</v>
      </c>
      <c r="M13" s="17">
        <v>1.9814400000000001</v>
      </c>
      <c r="N13" s="17">
        <v>1.7495799999999999</v>
      </c>
      <c r="O13" s="17">
        <v>1.5363899999999999</v>
      </c>
      <c r="P13" s="17">
        <v>1.32009</v>
      </c>
      <c r="Q13" s="23" t="s">
        <v>268</v>
      </c>
    </row>
    <row r="14" spans="1:17">
      <c r="A14" s="21" t="s">
        <v>243</v>
      </c>
      <c r="B14" s="21" t="s">
        <v>237</v>
      </c>
      <c r="C14" s="21" t="s">
        <v>241</v>
      </c>
      <c r="D14" s="21" t="s">
        <v>235</v>
      </c>
      <c r="E14" s="21" t="s">
        <v>237</v>
      </c>
      <c r="F14" s="21" t="s">
        <v>241</v>
      </c>
      <c r="G14" s="21" t="s">
        <v>244</v>
      </c>
      <c r="H14" s="17">
        <v>2.3520400000000001</v>
      </c>
      <c r="I14" s="17">
        <v>2.38043</v>
      </c>
      <c r="J14" s="17">
        <v>2.39046</v>
      </c>
      <c r="K14" s="17">
        <v>2.63964</v>
      </c>
      <c r="L14" s="17">
        <v>1.9583299999999999</v>
      </c>
      <c r="M14" s="17">
        <v>1.94926</v>
      </c>
      <c r="N14" s="17">
        <v>1.7643800000000001</v>
      </c>
      <c r="O14" s="17">
        <v>1.60575</v>
      </c>
      <c r="P14" s="17">
        <v>1.3228599999999999</v>
      </c>
      <c r="Q14" s="23" t="s">
        <v>268</v>
      </c>
    </row>
    <row r="15" spans="1:17">
      <c r="A15" s="21" t="s">
        <v>243</v>
      </c>
      <c r="B15" s="21" t="s">
        <v>237</v>
      </c>
      <c r="C15" s="21" t="s">
        <v>245</v>
      </c>
      <c r="D15" s="21" t="s">
        <v>235</v>
      </c>
      <c r="E15" s="21" t="s">
        <v>237</v>
      </c>
      <c r="F15" s="21" t="s">
        <v>241</v>
      </c>
      <c r="G15" s="21" t="s">
        <v>246</v>
      </c>
      <c r="H15" s="17">
        <v>2.1628099999999999</v>
      </c>
      <c r="I15" s="17">
        <v>2.16425</v>
      </c>
      <c r="J15" s="17">
        <v>2.1673200000000001</v>
      </c>
      <c r="K15" s="17">
        <v>2.1681400000000002</v>
      </c>
      <c r="L15" s="23" t="s">
        <v>268</v>
      </c>
      <c r="M15" s="17">
        <v>1.9</v>
      </c>
      <c r="N15" s="17">
        <v>4</v>
      </c>
      <c r="O15" s="17">
        <v>1.7142900000000001</v>
      </c>
      <c r="P15" s="17">
        <v>1.6666700000000001</v>
      </c>
      <c r="Q15" s="23" t="s">
        <v>268</v>
      </c>
    </row>
    <row r="16" spans="1:17">
      <c r="A16" s="21" t="s">
        <v>243</v>
      </c>
      <c r="B16" s="21" t="s">
        <v>237</v>
      </c>
      <c r="C16" s="21" t="s">
        <v>247</v>
      </c>
      <c r="D16" s="21" t="s">
        <v>235</v>
      </c>
      <c r="E16" s="21" t="s">
        <v>237</v>
      </c>
      <c r="F16" s="21" t="s">
        <v>241</v>
      </c>
      <c r="G16" s="21" t="s">
        <v>248</v>
      </c>
      <c r="H16" s="17">
        <v>2.8416899999999998</v>
      </c>
      <c r="I16" s="17">
        <v>2.8562500000000002</v>
      </c>
      <c r="J16" s="17">
        <v>2.88889</v>
      </c>
      <c r="K16" s="17">
        <v>3.0188199999999998</v>
      </c>
      <c r="L16" s="23" t="s">
        <v>268</v>
      </c>
      <c r="M16" s="17">
        <v>2.3959899999999998</v>
      </c>
      <c r="N16" s="17">
        <v>1.4864900000000001</v>
      </c>
      <c r="O16" s="17">
        <v>1.35294</v>
      </c>
      <c r="P16" s="17">
        <v>1.75</v>
      </c>
      <c r="Q16" s="23" t="s">
        <v>268</v>
      </c>
    </row>
    <row r="17" spans="1:17">
      <c r="A17" s="21" t="s">
        <v>243</v>
      </c>
      <c r="B17" s="21" t="s">
        <v>237</v>
      </c>
      <c r="C17" s="21" t="s">
        <v>249</v>
      </c>
      <c r="D17" s="21" t="s">
        <v>235</v>
      </c>
      <c r="E17" s="21" t="s">
        <v>237</v>
      </c>
      <c r="F17" s="21" t="s">
        <v>241</v>
      </c>
      <c r="G17" s="21" t="s">
        <v>250</v>
      </c>
      <c r="H17" s="17">
        <v>2.6417199999999998</v>
      </c>
      <c r="I17" s="17">
        <v>2.7057099999999998</v>
      </c>
      <c r="J17" s="17">
        <v>2.7304900000000001</v>
      </c>
      <c r="K17" s="17">
        <v>2.8634599999999999</v>
      </c>
      <c r="L17" s="17">
        <v>1.8333299999999999</v>
      </c>
      <c r="M17" s="17">
        <v>2.2539899999999999</v>
      </c>
      <c r="N17" s="17">
        <v>1.6097600000000001</v>
      </c>
      <c r="O17" s="17">
        <v>1.21519</v>
      </c>
      <c r="P17" s="17">
        <v>1.1407799999999999</v>
      </c>
      <c r="Q17" s="23" t="s">
        <v>268</v>
      </c>
    </row>
    <row r="18" spans="1:17">
      <c r="A18" s="21" t="s">
        <v>243</v>
      </c>
      <c r="B18" s="21" t="s">
        <v>237</v>
      </c>
      <c r="C18" s="21" t="s">
        <v>251</v>
      </c>
      <c r="D18" s="21" t="s">
        <v>235</v>
      </c>
      <c r="E18" s="21" t="s">
        <v>237</v>
      </c>
      <c r="F18" s="21" t="s">
        <v>241</v>
      </c>
      <c r="G18" s="21" t="s">
        <v>252</v>
      </c>
      <c r="H18" s="17">
        <v>2.56046</v>
      </c>
      <c r="I18" s="17">
        <v>2.5562</v>
      </c>
      <c r="J18" s="17">
        <v>2.5631300000000001</v>
      </c>
      <c r="K18" s="17">
        <v>2.5574300000000001</v>
      </c>
      <c r="L18" s="17">
        <v>3.4</v>
      </c>
      <c r="M18" s="17">
        <v>2.375</v>
      </c>
      <c r="N18" s="17">
        <v>2.5</v>
      </c>
      <c r="O18" s="17">
        <v>1.6</v>
      </c>
      <c r="P18" s="17">
        <v>2.88889</v>
      </c>
      <c r="Q18" s="23" t="s">
        <v>268</v>
      </c>
    </row>
    <row r="19" spans="1:17">
      <c r="A19" s="21" t="s">
        <v>243</v>
      </c>
      <c r="B19" s="21" t="s">
        <v>237</v>
      </c>
      <c r="C19" s="21" t="s">
        <v>253</v>
      </c>
      <c r="D19" s="21" t="s">
        <v>235</v>
      </c>
      <c r="E19" s="21" t="s">
        <v>237</v>
      </c>
      <c r="F19" s="21" t="s">
        <v>241</v>
      </c>
      <c r="G19" s="21" t="s">
        <v>254</v>
      </c>
      <c r="H19" s="17">
        <v>2.3308200000000001</v>
      </c>
      <c r="I19" s="17">
        <v>2.33691</v>
      </c>
      <c r="J19" s="17">
        <v>2.3415400000000002</v>
      </c>
      <c r="K19" s="17">
        <v>2.3489499999999999</v>
      </c>
      <c r="L19" s="17">
        <v>3.09091</v>
      </c>
      <c r="M19" s="17">
        <v>2</v>
      </c>
      <c r="N19" s="17">
        <v>1</v>
      </c>
      <c r="O19" s="17">
        <v>1.3333299999999999</v>
      </c>
      <c r="P19" s="17">
        <v>1.88889</v>
      </c>
      <c r="Q19" s="23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5" orientation="portrait" r:id="rId1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369EEDF-F44E-4BEF-AA10-F35210B61879}">
  <sheetPr>
    <pageSetUpPr fitToPage="1"/>
  </sheetPr>
  <dimension ref="A1:M13"/>
  <sheetViews>
    <sheetView zoomScaleNormal="100" workbookViewId="0">
      <pane xSplit="3" ySplit="10" topLeftCell="D11" activePane="bottomRight" state="frozen"/>
      <selection pane="topRight" activeCell="N1" sqref="N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21.875" style="20" bestFit="1" customWidth="1"/>
    <col min="4" max="16384" width="12.625" style="20"/>
  </cols>
  <sheetData>
    <row r="1" spans="1:13" s="11" customFormat="1">
      <c r="A1" s="11" t="s">
        <v>192</v>
      </c>
    </row>
    <row r="2" spans="1:13" s="11" customFormat="1">
      <c r="A2" s="11" t="s">
        <v>692</v>
      </c>
    </row>
    <row r="3" spans="1:13" s="11" customFormat="1"/>
    <row r="4" spans="1:13" s="11" customFormat="1" outlineLevel="1">
      <c r="A4" s="11" t="s">
        <v>510</v>
      </c>
    </row>
    <row r="5" spans="1:13" s="11" customFormat="1">
      <c r="D5" s="12" t="s">
        <v>494</v>
      </c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</row>
    <row r="6" spans="1:13" s="11" customFormat="1" ht="24">
      <c r="D6" s="12" t="s">
        <v>680</v>
      </c>
      <c r="E6" s="12" t="s">
        <v>680</v>
      </c>
      <c r="F6" s="12" t="s">
        <v>680</v>
      </c>
      <c r="G6" s="12" t="s">
        <v>680</v>
      </c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</row>
    <row r="7" spans="1:13" s="11" customFormat="1">
      <c r="D7" s="12">
        <v>1</v>
      </c>
      <c r="E7" s="12">
        <v>1</v>
      </c>
      <c r="F7" s="12">
        <v>2</v>
      </c>
      <c r="G7" s="12">
        <v>3</v>
      </c>
      <c r="H7" s="12">
        <v>3</v>
      </c>
      <c r="I7" s="12">
        <v>3</v>
      </c>
      <c r="J7" s="12">
        <v>3</v>
      </c>
      <c r="K7" s="12">
        <v>2</v>
      </c>
      <c r="L7" s="12">
        <v>1</v>
      </c>
      <c r="M7" s="12">
        <v>1</v>
      </c>
    </row>
    <row r="8" spans="1:13" s="11" customFormat="1" ht="36">
      <c r="D8" s="12" t="s">
        <v>214</v>
      </c>
      <c r="E8" s="12" t="s">
        <v>681</v>
      </c>
      <c r="F8" s="12" t="s">
        <v>682</v>
      </c>
      <c r="G8" s="12" t="s">
        <v>683</v>
      </c>
      <c r="H8" s="12" t="s">
        <v>684</v>
      </c>
      <c r="I8" s="12" t="s">
        <v>685</v>
      </c>
      <c r="J8" s="12" t="s">
        <v>686</v>
      </c>
      <c r="K8" s="12" t="s">
        <v>687</v>
      </c>
      <c r="L8" s="12" t="s">
        <v>688</v>
      </c>
      <c r="M8" s="12" t="s">
        <v>689</v>
      </c>
    </row>
    <row r="9" spans="1:13" s="11" customFormat="1">
      <c r="D9" s="13" t="s">
        <v>223</v>
      </c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</row>
    <row r="10" spans="1:13" s="11" customFormat="1">
      <c r="A10" s="14" t="s">
        <v>224</v>
      </c>
      <c r="B10" s="14" t="s">
        <v>259</v>
      </c>
      <c r="C10" s="14" t="s">
        <v>260</v>
      </c>
      <c r="D10" s="14" t="s">
        <v>231</v>
      </c>
      <c r="E10" s="14"/>
      <c r="F10" s="14"/>
      <c r="G10" s="14"/>
      <c r="H10" s="14"/>
      <c r="I10" s="14"/>
      <c r="J10" s="14"/>
      <c r="K10" s="14"/>
      <c r="L10" s="14"/>
      <c r="M10" s="14"/>
    </row>
    <row r="11" spans="1:13">
      <c r="A11" s="15" t="s">
        <v>232</v>
      </c>
      <c r="B11" s="15" t="s">
        <v>233</v>
      </c>
      <c r="C11" s="15" t="s">
        <v>262</v>
      </c>
      <c r="D11" s="16">
        <v>41133578</v>
      </c>
      <c r="E11" s="16">
        <v>40648055</v>
      </c>
      <c r="F11" s="16">
        <v>40113270</v>
      </c>
      <c r="G11" s="16">
        <v>22264443</v>
      </c>
      <c r="H11" s="16">
        <v>2151781</v>
      </c>
      <c r="I11" s="16">
        <v>14421531</v>
      </c>
      <c r="J11" s="16">
        <v>1275515</v>
      </c>
      <c r="K11" s="16">
        <v>534785</v>
      </c>
      <c r="L11" s="16">
        <v>485506</v>
      </c>
      <c r="M11" s="16">
        <v>17</v>
      </c>
    </row>
    <row r="12" spans="1:13">
      <c r="A12" s="21" t="s">
        <v>232</v>
      </c>
      <c r="B12" s="21" t="s">
        <v>237</v>
      </c>
      <c r="C12" s="21" t="s">
        <v>264</v>
      </c>
      <c r="D12" s="16">
        <v>386942</v>
      </c>
      <c r="E12" s="16">
        <v>382885</v>
      </c>
      <c r="F12" s="16">
        <v>379088</v>
      </c>
      <c r="G12" s="16">
        <v>191115</v>
      </c>
      <c r="H12" s="16">
        <v>21297</v>
      </c>
      <c r="I12" s="16">
        <v>153648</v>
      </c>
      <c r="J12" s="16">
        <v>13028</v>
      </c>
      <c r="K12" s="16">
        <v>3797</v>
      </c>
      <c r="L12" s="16">
        <v>4057</v>
      </c>
      <c r="M12" s="22" t="s">
        <v>268</v>
      </c>
    </row>
    <row r="13" spans="1:13">
      <c r="A13" s="21" t="s">
        <v>240</v>
      </c>
      <c r="B13" s="21" t="s">
        <v>237</v>
      </c>
      <c r="C13" s="21" t="s">
        <v>265</v>
      </c>
      <c r="D13" s="16">
        <v>23147</v>
      </c>
      <c r="E13" s="16">
        <v>22792</v>
      </c>
      <c r="F13" s="16">
        <v>22555</v>
      </c>
      <c r="G13" s="16">
        <v>13167</v>
      </c>
      <c r="H13" s="16">
        <v>677</v>
      </c>
      <c r="I13" s="16">
        <v>7922</v>
      </c>
      <c r="J13" s="16">
        <v>789</v>
      </c>
      <c r="K13" s="16">
        <v>237</v>
      </c>
      <c r="L13" s="16">
        <v>355</v>
      </c>
      <c r="M13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8" orientation="portrait" r:id="rId1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2D1A07D-5399-40EF-8C15-2E2091493D5C}">
  <sheetPr>
    <pageSetUpPr fitToPage="1"/>
  </sheetPr>
  <dimension ref="A1:M13"/>
  <sheetViews>
    <sheetView zoomScaleNormal="100" workbookViewId="0">
      <pane xSplit="3" ySplit="10" topLeftCell="D11" activePane="bottomRight" state="frozen"/>
      <selection pane="topRight" activeCell="N1" sqref="N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21.875" style="20" bestFit="1" customWidth="1"/>
    <col min="4" max="16384" width="12.625" style="20"/>
  </cols>
  <sheetData>
    <row r="1" spans="1:13" s="11" customFormat="1">
      <c r="A1" s="11" t="s">
        <v>192</v>
      </c>
    </row>
    <row r="2" spans="1:13" s="11" customFormat="1">
      <c r="A2" s="11" t="s">
        <v>693</v>
      </c>
    </row>
    <row r="3" spans="1:13" s="11" customFormat="1"/>
    <row r="4" spans="1:13" s="11" customFormat="1" outlineLevel="1">
      <c r="A4" s="11" t="s">
        <v>510</v>
      </c>
    </row>
    <row r="5" spans="1:13" s="11" customFormat="1">
      <c r="D5" s="12" t="s">
        <v>495</v>
      </c>
      <c r="E5" s="12" t="s">
        <v>495</v>
      </c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</row>
    <row r="6" spans="1:13" s="11" customFormat="1" ht="24">
      <c r="D6" s="12" t="s">
        <v>680</v>
      </c>
      <c r="E6" s="12" t="s">
        <v>680</v>
      </c>
      <c r="F6" s="12" t="s">
        <v>680</v>
      </c>
      <c r="G6" s="12" t="s">
        <v>680</v>
      </c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</row>
    <row r="7" spans="1:13" s="11" customFormat="1">
      <c r="D7" s="12">
        <v>1</v>
      </c>
      <c r="E7" s="12">
        <v>1</v>
      </c>
      <c r="F7" s="12">
        <v>2</v>
      </c>
      <c r="G7" s="12">
        <v>3</v>
      </c>
      <c r="H7" s="12">
        <v>3</v>
      </c>
      <c r="I7" s="12">
        <v>3</v>
      </c>
      <c r="J7" s="12">
        <v>3</v>
      </c>
      <c r="K7" s="12">
        <v>2</v>
      </c>
      <c r="L7" s="12">
        <v>1</v>
      </c>
      <c r="M7" s="12">
        <v>1</v>
      </c>
    </row>
    <row r="8" spans="1:13" s="11" customFormat="1" ht="36">
      <c r="D8" s="12" t="s">
        <v>214</v>
      </c>
      <c r="E8" s="12" t="s">
        <v>681</v>
      </c>
      <c r="F8" s="12" t="s">
        <v>682</v>
      </c>
      <c r="G8" s="12" t="s">
        <v>683</v>
      </c>
      <c r="H8" s="12" t="s">
        <v>684</v>
      </c>
      <c r="I8" s="12" t="s">
        <v>685</v>
      </c>
      <c r="J8" s="12" t="s">
        <v>686</v>
      </c>
      <c r="K8" s="12" t="s">
        <v>687</v>
      </c>
      <c r="L8" s="12" t="s">
        <v>688</v>
      </c>
      <c r="M8" s="12" t="s">
        <v>689</v>
      </c>
    </row>
    <row r="9" spans="1:13" s="11" customFormat="1">
      <c r="D9" s="13" t="s">
        <v>219</v>
      </c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</row>
    <row r="10" spans="1:13" s="11" customFormat="1">
      <c r="A10" s="14" t="s">
        <v>224</v>
      </c>
      <c r="B10" s="14" t="s">
        <v>259</v>
      </c>
      <c r="C10" s="14" t="s">
        <v>260</v>
      </c>
      <c r="D10" s="14" t="s">
        <v>231</v>
      </c>
      <c r="E10" s="14"/>
      <c r="F10" s="14"/>
      <c r="G10" s="14"/>
      <c r="H10" s="14"/>
      <c r="I10" s="14"/>
      <c r="J10" s="14"/>
      <c r="K10" s="14"/>
      <c r="L10" s="14"/>
      <c r="M10" s="14"/>
    </row>
    <row r="11" spans="1:13">
      <c r="A11" s="15" t="s">
        <v>232</v>
      </c>
      <c r="B11" s="15" t="s">
        <v>233</v>
      </c>
      <c r="C11" s="15" t="s">
        <v>262</v>
      </c>
      <c r="D11" s="16">
        <v>86801073</v>
      </c>
      <c r="E11" s="16">
        <v>86153336</v>
      </c>
      <c r="F11" s="16">
        <v>85269920</v>
      </c>
      <c r="G11" s="16">
        <v>56192976</v>
      </c>
      <c r="H11" s="16">
        <v>4010718</v>
      </c>
      <c r="I11" s="16">
        <v>22828457</v>
      </c>
      <c r="J11" s="16">
        <v>2237769</v>
      </c>
      <c r="K11" s="16">
        <v>883416</v>
      </c>
      <c r="L11" s="16">
        <v>647691</v>
      </c>
      <c r="M11" s="16">
        <v>46</v>
      </c>
    </row>
    <row r="12" spans="1:13">
      <c r="A12" s="21" t="s">
        <v>474</v>
      </c>
      <c r="B12" s="21" t="s">
        <v>237</v>
      </c>
      <c r="C12" s="21" t="s">
        <v>475</v>
      </c>
      <c r="D12" s="16">
        <v>581172</v>
      </c>
      <c r="E12" s="16">
        <v>577160</v>
      </c>
      <c r="F12" s="16">
        <v>572757</v>
      </c>
      <c r="G12" s="16">
        <v>327262</v>
      </c>
      <c r="H12" s="16">
        <v>29085</v>
      </c>
      <c r="I12" s="16">
        <v>198418</v>
      </c>
      <c r="J12" s="16">
        <v>17992</v>
      </c>
      <c r="K12" s="16">
        <v>4403</v>
      </c>
      <c r="L12" s="16">
        <v>4012</v>
      </c>
      <c r="M12" s="22" t="s">
        <v>268</v>
      </c>
    </row>
    <row r="13" spans="1:13">
      <c r="A13" s="21" t="s">
        <v>240</v>
      </c>
      <c r="B13" s="21" t="s">
        <v>237</v>
      </c>
      <c r="C13" s="21" t="s">
        <v>265</v>
      </c>
      <c r="D13" s="16">
        <v>52523</v>
      </c>
      <c r="E13" s="16">
        <v>51968</v>
      </c>
      <c r="F13" s="16">
        <v>51544</v>
      </c>
      <c r="G13" s="16">
        <v>33251</v>
      </c>
      <c r="H13" s="16">
        <v>1366</v>
      </c>
      <c r="I13" s="16">
        <v>15489</v>
      </c>
      <c r="J13" s="16">
        <v>1438</v>
      </c>
      <c r="K13" s="16">
        <v>424</v>
      </c>
      <c r="L13" s="16">
        <v>555</v>
      </c>
      <c r="M13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8" orientation="portrait" r:id="rId1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433BD5-45AE-4F89-A494-8366B7A61CAA}">
  <sheetPr>
    <pageSetUpPr fitToPage="1"/>
  </sheetPr>
  <dimension ref="A1:M13"/>
  <sheetViews>
    <sheetView zoomScaleNormal="100" workbookViewId="0">
      <pane xSplit="3" ySplit="10" topLeftCell="D11" activePane="bottomRight" state="frozen"/>
      <selection pane="topRight" activeCell="N1" sqref="N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21.875" style="20" bestFit="1" customWidth="1"/>
    <col min="4" max="16384" width="12.625" style="20"/>
  </cols>
  <sheetData>
    <row r="1" spans="1:13" s="11" customFormat="1">
      <c r="A1" s="11" t="s">
        <v>192</v>
      </c>
    </row>
    <row r="2" spans="1:13" s="11" customFormat="1">
      <c r="A2" s="11" t="s">
        <v>694</v>
      </c>
    </row>
    <row r="3" spans="1:13" s="11" customFormat="1"/>
    <row r="4" spans="1:13" s="11" customFormat="1" outlineLevel="1">
      <c r="A4" s="11" t="s">
        <v>510</v>
      </c>
    </row>
    <row r="5" spans="1:13" s="11" customFormat="1" ht="24">
      <c r="D5" s="12" t="s">
        <v>496</v>
      </c>
      <c r="E5" s="12" t="s">
        <v>496</v>
      </c>
      <c r="F5" s="12" t="s">
        <v>496</v>
      </c>
      <c r="G5" s="12" t="s">
        <v>496</v>
      </c>
      <c r="H5" s="12" t="s">
        <v>496</v>
      </c>
      <c r="I5" s="12" t="s">
        <v>496</v>
      </c>
      <c r="J5" s="12" t="s">
        <v>496</v>
      </c>
      <c r="K5" s="12" t="s">
        <v>496</v>
      </c>
      <c r="L5" s="12" t="s">
        <v>496</v>
      </c>
      <c r="M5" s="12" t="s">
        <v>496</v>
      </c>
    </row>
    <row r="6" spans="1:13" s="11" customFormat="1" ht="24">
      <c r="D6" s="12" t="s">
        <v>680</v>
      </c>
      <c r="E6" s="12" t="s">
        <v>680</v>
      </c>
      <c r="F6" s="12" t="s">
        <v>680</v>
      </c>
      <c r="G6" s="12" t="s">
        <v>680</v>
      </c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</row>
    <row r="7" spans="1:13" s="11" customFormat="1">
      <c r="D7" s="12">
        <v>1</v>
      </c>
      <c r="E7" s="12">
        <v>1</v>
      </c>
      <c r="F7" s="12">
        <v>2</v>
      </c>
      <c r="G7" s="12">
        <v>3</v>
      </c>
      <c r="H7" s="12">
        <v>3</v>
      </c>
      <c r="I7" s="12">
        <v>3</v>
      </c>
      <c r="J7" s="12">
        <v>3</v>
      </c>
      <c r="K7" s="12">
        <v>2</v>
      </c>
      <c r="L7" s="12">
        <v>1</v>
      </c>
      <c r="M7" s="12">
        <v>1</v>
      </c>
    </row>
    <row r="8" spans="1:13" s="11" customFormat="1" ht="36">
      <c r="D8" s="12" t="s">
        <v>214</v>
      </c>
      <c r="E8" s="12" t="s">
        <v>681</v>
      </c>
      <c r="F8" s="12" t="s">
        <v>682</v>
      </c>
      <c r="G8" s="12" t="s">
        <v>683</v>
      </c>
      <c r="H8" s="12" t="s">
        <v>684</v>
      </c>
      <c r="I8" s="12" t="s">
        <v>685</v>
      </c>
      <c r="J8" s="12" t="s">
        <v>686</v>
      </c>
      <c r="K8" s="12" t="s">
        <v>687</v>
      </c>
      <c r="L8" s="12" t="s">
        <v>688</v>
      </c>
      <c r="M8" s="12" t="s">
        <v>689</v>
      </c>
    </row>
    <row r="9" spans="1:13" s="11" customFormat="1">
      <c r="D9" s="13" t="s">
        <v>219</v>
      </c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</row>
    <row r="10" spans="1:13" s="11" customFormat="1">
      <c r="A10" s="14" t="s">
        <v>224</v>
      </c>
      <c r="B10" s="14" t="s">
        <v>259</v>
      </c>
      <c r="C10" s="14" t="s">
        <v>260</v>
      </c>
      <c r="D10" s="14" t="s">
        <v>231</v>
      </c>
      <c r="E10" s="14"/>
      <c r="F10" s="14"/>
      <c r="G10" s="14"/>
      <c r="H10" s="14"/>
      <c r="I10" s="14"/>
      <c r="J10" s="14"/>
      <c r="K10" s="14"/>
      <c r="L10" s="14"/>
      <c r="M10" s="14"/>
    </row>
    <row r="11" spans="1:13">
      <c r="A11" s="15" t="s">
        <v>232</v>
      </c>
      <c r="B11" s="15" t="s">
        <v>233</v>
      </c>
      <c r="C11" s="15" t="s">
        <v>262</v>
      </c>
      <c r="D11" s="17">
        <v>2.11022</v>
      </c>
      <c r="E11" s="17">
        <v>2.1194899999999999</v>
      </c>
      <c r="F11" s="17">
        <v>2.1257299999999999</v>
      </c>
      <c r="G11" s="17">
        <v>2.5238900000000002</v>
      </c>
      <c r="H11" s="17">
        <v>1.86391</v>
      </c>
      <c r="I11" s="17">
        <v>1.58294</v>
      </c>
      <c r="J11" s="17">
        <v>1.7544</v>
      </c>
      <c r="K11" s="17">
        <v>1.65191</v>
      </c>
      <c r="L11" s="17">
        <v>1.33405</v>
      </c>
      <c r="M11" s="17">
        <v>2.7058800000000001</v>
      </c>
    </row>
    <row r="12" spans="1:13">
      <c r="A12" s="21" t="s">
        <v>232</v>
      </c>
      <c r="B12" s="21" t="s">
        <v>237</v>
      </c>
      <c r="C12" s="21" t="s">
        <v>264</v>
      </c>
      <c r="D12" s="17">
        <v>2.1760000000000002</v>
      </c>
      <c r="E12" s="17">
        <v>2.18269</v>
      </c>
      <c r="F12" s="17">
        <v>2.1867700000000001</v>
      </c>
      <c r="G12" s="17">
        <v>2.5864799999999999</v>
      </c>
      <c r="H12" s="17">
        <v>1.9067499999999999</v>
      </c>
      <c r="I12" s="17">
        <v>1.7511300000000001</v>
      </c>
      <c r="J12" s="17">
        <v>1.9188700000000001</v>
      </c>
      <c r="K12" s="17">
        <v>1.77535</v>
      </c>
      <c r="L12" s="17">
        <v>1.5444899999999999</v>
      </c>
      <c r="M12" s="23" t="s">
        <v>268</v>
      </c>
    </row>
    <row r="13" spans="1:13">
      <c r="A13" s="21" t="s">
        <v>240</v>
      </c>
      <c r="B13" s="21" t="s">
        <v>237</v>
      </c>
      <c r="C13" s="21" t="s">
        <v>265</v>
      </c>
      <c r="D13" s="17">
        <v>2.26911</v>
      </c>
      <c r="E13" s="17">
        <v>2.2801</v>
      </c>
      <c r="F13" s="17">
        <v>2.2852600000000001</v>
      </c>
      <c r="G13" s="17">
        <v>2.5253299999999999</v>
      </c>
      <c r="H13" s="17">
        <v>2.0177299999999998</v>
      </c>
      <c r="I13" s="17">
        <v>1.95519</v>
      </c>
      <c r="J13" s="17">
        <v>1.82256</v>
      </c>
      <c r="K13" s="17">
        <v>1.7890299999999999</v>
      </c>
      <c r="L13" s="17">
        <v>1.56338</v>
      </c>
      <c r="M13" s="23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8" orientation="portrait" r:id="rId1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6784F60-7575-4249-BEB5-2381E00B090D}">
  <sheetPr>
    <pageSetUpPr fitToPage="1"/>
  </sheetPr>
  <dimension ref="A1:V40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3.625" style="20" bestFit="1" customWidth="1"/>
    <col min="5" max="16384" width="12.625" style="20"/>
  </cols>
  <sheetData>
    <row r="1" spans="1:22" s="11" customFormat="1">
      <c r="A1" s="11" t="s">
        <v>192</v>
      </c>
    </row>
    <row r="2" spans="1:22" s="11" customFormat="1">
      <c r="A2" s="11" t="s">
        <v>695</v>
      </c>
    </row>
    <row r="3" spans="1:22" s="11" customFormat="1"/>
    <row r="4" spans="1:22" s="11" customFormat="1" hidden="1"/>
    <row r="5" spans="1:22" s="11" customFormat="1"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  <c r="P5" s="12" t="s">
        <v>494</v>
      </c>
      <c r="Q5" s="12" t="s">
        <v>494</v>
      </c>
      <c r="R5" s="12" t="s">
        <v>494</v>
      </c>
      <c r="S5" s="12" t="s">
        <v>494</v>
      </c>
      <c r="T5" s="12" t="s">
        <v>494</v>
      </c>
      <c r="U5" s="12" t="s">
        <v>494</v>
      </c>
      <c r="V5" s="12" t="s">
        <v>494</v>
      </c>
    </row>
    <row r="6" spans="1:22" s="11" customFormat="1" ht="36">
      <c r="E6" s="12" t="s">
        <v>696</v>
      </c>
      <c r="F6" s="12" t="s">
        <v>696</v>
      </c>
      <c r="G6" s="12" t="s">
        <v>696</v>
      </c>
      <c r="H6" s="12" t="s">
        <v>696</v>
      </c>
      <c r="I6" s="12" t="s">
        <v>696</v>
      </c>
      <c r="J6" s="12" t="s">
        <v>696</v>
      </c>
      <c r="K6" s="12" t="s">
        <v>696</v>
      </c>
      <c r="L6" s="12" t="s">
        <v>696</v>
      </c>
      <c r="M6" s="12" t="s">
        <v>696</v>
      </c>
      <c r="N6" s="12" t="s">
        <v>696</v>
      </c>
      <c r="O6" s="12" t="s">
        <v>696</v>
      </c>
      <c r="P6" s="12" t="s">
        <v>696</v>
      </c>
      <c r="Q6" s="12" t="s">
        <v>696</v>
      </c>
      <c r="R6" s="12" t="s">
        <v>696</v>
      </c>
      <c r="S6" s="12" t="s">
        <v>696</v>
      </c>
      <c r="T6" s="12" t="s">
        <v>696</v>
      </c>
      <c r="U6" s="12" t="s">
        <v>696</v>
      </c>
      <c r="V6" s="12" t="s">
        <v>696</v>
      </c>
    </row>
    <row r="7" spans="1:22" s="11" customFormat="1">
      <c r="E7" s="12">
        <v>1</v>
      </c>
      <c r="F7" s="12">
        <v>1</v>
      </c>
      <c r="G7" s="12">
        <v>2</v>
      </c>
      <c r="H7" s="12">
        <v>2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3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2</v>
      </c>
      <c r="U7" s="12">
        <v>1</v>
      </c>
      <c r="V7" s="12">
        <v>1</v>
      </c>
    </row>
    <row r="8" spans="1:22" s="11" customFormat="1" ht="60">
      <c r="E8" s="12" t="s">
        <v>214</v>
      </c>
      <c r="F8" s="12" t="s">
        <v>681</v>
      </c>
      <c r="G8" s="12" t="s">
        <v>697</v>
      </c>
      <c r="H8" s="12" t="s">
        <v>698</v>
      </c>
      <c r="I8" s="12" t="s">
        <v>699</v>
      </c>
      <c r="J8" s="12" t="s">
        <v>700</v>
      </c>
      <c r="K8" s="12" t="s">
        <v>701</v>
      </c>
      <c r="L8" s="12" t="s">
        <v>702</v>
      </c>
      <c r="M8" s="12" t="s">
        <v>703</v>
      </c>
      <c r="N8" s="12" t="s">
        <v>704</v>
      </c>
      <c r="O8" s="12" t="s">
        <v>705</v>
      </c>
      <c r="P8" s="12" t="s">
        <v>706</v>
      </c>
      <c r="Q8" s="12" t="s">
        <v>707</v>
      </c>
      <c r="R8" s="12" t="s">
        <v>708</v>
      </c>
      <c r="S8" s="12" t="s">
        <v>709</v>
      </c>
      <c r="T8" s="12" t="s">
        <v>710</v>
      </c>
      <c r="U8" s="12" t="s">
        <v>688</v>
      </c>
      <c r="V8" s="12" t="s">
        <v>689</v>
      </c>
    </row>
    <row r="9" spans="1:22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  <c r="P9" s="13" t="s">
        <v>223</v>
      </c>
      <c r="Q9" s="13" t="s">
        <v>223</v>
      </c>
      <c r="R9" s="13" t="s">
        <v>223</v>
      </c>
      <c r="S9" s="13" t="s">
        <v>223</v>
      </c>
      <c r="T9" s="13" t="s">
        <v>223</v>
      </c>
      <c r="U9" s="13" t="s">
        <v>223</v>
      </c>
      <c r="V9" s="13" t="s">
        <v>223</v>
      </c>
    </row>
    <row r="10" spans="1:22" s="11" customFormat="1">
      <c r="A10" s="14" t="s">
        <v>224</v>
      </c>
      <c r="B10" s="14" t="s">
        <v>259</v>
      </c>
      <c r="C10" s="14" t="s">
        <v>230</v>
      </c>
      <c r="D10" s="14" t="s">
        <v>68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</row>
    <row r="11" spans="1:22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55704949</v>
      </c>
      <c r="F11" s="16">
        <v>54953523</v>
      </c>
      <c r="G11" s="16">
        <v>29561373</v>
      </c>
      <c r="H11" s="16">
        <v>839309</v>
      </c>
      <c r="I11" s="16">
        <v>24493087</v>
      </c>
      <c r="J11" s="16">
        <v>6682933</v>
      </c>
      <c r="K11" s="16">
        <v>9028169</v>
      </c>
      <c r="L11" s="16">
        <v>5061643</v>
      </c>
      <c r="M11" s="16">
        <v>2682074</v>
      </c>
      <c r="N11" s="16">
        <v>1038268</v>
      </c>
      <c r="O11" s="16">
        <v>12759950</v>
      </c>
      <c r="P11" s="16">
        <v>7668916</v>
      </c>
      <c r="Q11" s="16">
        <v>3121598</v>
      </c>
      <c r="R11" s="16">
        <v>694544</v>
      </c>
      <c r="S11" s="16">
        <v>248079</v>
      </c>
      <c r="T11" s="16">
        <v>59754</v>
      </c>
      <c r="U11" s="16">
        <v>751370</v>
      </c>
      <c r="V11" s="16">
        <v>56</v>
      </c>
    </row>
    <row r="12" spans="1:22">
      <c r="A12" s="21" t="s">
        <v>232</v>
      </c>
      <c r="B12" s="21" t="s">
        <v>233</v>
      </c>
      <c r="C12" s="21" t="s">
        <v>262</v>
      </c>
      <c r="D12" s="21" t="s">
        <v>681</v>
      </c>
      <c r="E12" s="16">
        <v>54953523</v>
      </c>
      <c r="F12" s="16">
        <v>54953523</v>
      </c>
      <c r="G12" s="16">
        <v>29561373</v>
      </c>
      <c r="H12" s="16">
        <v>839309</v>
      </c>
      <c r="I12" s="16">
        <v>24493087</v>
      </c>
      <c r="J12" s="16">
        <v>6682933</v>
      </c>
      <c r="K12" s="16">
        <v>9028169</v>
      </c>
      <c r="L12" s="16">
        <v>5061643</v>
      </c>
      <c r="M12" s="16">
        <v>2682074</v>
      </c>
      <c r="N12" s="16">
        <v>1038268</v>
      </c>
      <c r="O12" s="16">
        <v>12759950</v>
      </c>
      <c r="P12" s="16">
        <v>7668916</v>
      </c>
      <c r="Q12" s="16">
        <v>3121598</v>
      </c>
      <c r="R12" s="16">
        <v>694544</v>
      </c>
      <c r="S12" s="16">
        <v>248079</v>
      </c>
      <c r="T12" s="16">
        <v>59754</v>
      </c>
      <c r="U12" s="22" t="s">
        <v>268</v>
      </c>
      <c r="V12" s="22" t="s">
        <v>268</v>
      </c>
    </row>
    <row r="13" spans="1:22">
      <c r="A13" s="21" t="s">
        <v>232</v>
      </c>
      <c r="B13" s="21" t="s">
        <v>233</v>
      </c>
      <c r="C13" s="21" t="s">
        <v>262</v>
      </c>
      <c r="D13" s="21" t="s">
        <v>682</v>
      </c>
      <c r="E13" s="16">
        <v>54261580</v>
      </c>
      <c r="F13" s="16">
        <v>54261580</v>
      </c>
      <c r="G13" s="16">
        <v>29184513</v>
      </c>
      <c r="H13" s="16">
        <v>823603</v>
      </c>
      <c r="I13" s="16">
        <v>24198247</v>
      </c>
      <c r="J13" s="16">
        <v>6582526</v>
      </c>
      <c r="K13" s="16">
        <v>8914717</v>
      </c>
      <c r="L13" s="16">
        <v>5012785</v>
      </c>
      <c r="M13" s="16">
        <v>2658092</v>
      </c>
      <c r="N13" s="16">
        <v>1030127</v>
      </c>
      <c r="O13" s="16">
        <v>12589896</v>
      </c>
      <c r="P13" s="16">
        <v>7580297</v>
      </c>
      <c r="Q13" s="16">
        <v>3093737</v>
      </c>
      <c r="R13" s="16">
        <v>688776</v>
      </c>
      <c r="S13" s="16">
        <v>245541</v>
      </c>
      <c r="T13" s="16">
        <v>55217</v>
      </c>
      <c r="U13" s="22" t="s">
        <v>268</v>
      </c>
      <c r="V13" s="22" t="s">
        <v>268</v>
      </c>
    </row>
    <row r="14" spans="1:22">
      <c r="A14" s="21" t="s">
        <v>232</v>
      </c>
      <c r="B14" s="21" t="s">
        <v>233</v>
      </c>
      <c r="C14" s="21" t="s">
        <v>262</v>
      </c>
      <c r="D14" s="21" t="s">
        <v>683</v>
      </c>
      <c r="E14" s="16">
        <v>33729416</v>
      </c>
      <c r="F14" s="16">
        <v>33729416</v>
      </c>
      <c r="G14" s="16">
        <v>27831309</v>
      </c>
      <c r="H14" s="16">
        <v>169483</v>
      </c>
      <c r="I14" s="16">
        <v>5700251</v>
      </c>
      <c r="J14" s="16">
        <v>144400</v>
      </c>
      <c r="K14" s="16">
        <v>1163193</v>
      </c>
      <c r="L14" s="16">
        <v>2136482</v>
      </c>
      <c r="M14" s="16">
        <v>1480027</v>
      </c>
      <c r="N14" s="16">
        <v>776149</v>
      </c>
      <c r="O14" s="16">
        <v>1432462</v>
      </c>
      <c r="P14" s="16">
        <v>2112331</v>
      </c>
      <c r="Q14" s="16">
        <v>1543993</v>
      </c>
      <c r="R14" s="16">
        <v>427309</v>
      </c>
      <c r="S14" s="16">
        <v>184156</v>
      </c>
      <c r="T14" s="16">
        <v>28373</v>
      </c>
      <c r="U14" s="22" t="s">
        <v>268</v>
      </c>
      <c r="V14" s="22" t="s">
        <v>268</v>
      </c>
    </row>
    <row r="15" spans="1:22">
      <c r="A15" s="21" t="s">
        <v>232</v>
      </c>
      <c r="B15" s="21" t="s">
        <v>233</v>
      </c>
      <c r="C15" s="21" t="s">
        <v>262</v>
      </c>
      <c r="D15" s="21" t="s">
        <v>684</v>
      </c>
      <c r="E15" s="16">
        <v>2649041</v>
      </c>
      <c r="F15" s="16">
        <v>2649041</v>
      </c>
      <c r="G15" s="16">
        <v>50446</v>
      </c>
      <c r="H15" s="16">
        <v>175028</v>
      </c>
      <c r="I15" s="16">
        <v>2423567</v>
      </c>
      <c r="J15" s="16">
        <v>56460</v>
      </c>
      <c r="K15" s="16">
        <v>1418411</v>
      </c>
      <c r="L15" s="16">
        <v>476436</v>
      </c>
      <c r="M15" s="16">
        <v>421721</v>
      </c>
      <c r="N15" s="16">
        <v>50539</v>
      </c>
      <c r="O15" s="16">
        <v>906797</v>
      </c>
      <c r="P15" s="16">
        <v>1046098</v>
      </c>
      <c r="Q15" s="16">
        <v>359740</v>
      </c>
      <c r="R15" s="16">
        <v>92900</v>
      </c>
      <c r="S15" s="16">
        <v>18032</v>
      </c>
      <c r="T15" s="22" t="s">
        <v>268</v>
      </c>
      <c r="U15" s="22" t="s">
        <v>268</v>
      </c>
      <c r="V15" s="22" t="s">
        <v>268</v>
      </c>
    </row>
    <row r="16" spans="1:22">
      <c r="A16" s="21" t="s">
        <v>232</v>
      </c>
      <c r="B16" s="21" t="s">
        <v>233</v>
      </c>
      <c r="C16" s="21" t="s">
        <v>262</v>
      </c>
      <c r="D16" s="21" t="s">
        <v>685</v>
      </c>
      <c r="E16" s="16">
        <v>16331426</v>
      </c>
      <c r="F16" s="16">
        <v>16331426</v>
      </c>
      <c r="G16" s="16">
        <v>1175790</v>
      </c>
      <c r="H16" s="16">
        <v>448703</v>
      </c>
      <c r="I16" s="16">
        <v>14691063</v>
      </c>
      <c r="J16" s="16">
        <v>6038681</v>
      </c>
      <c r="K16" s="16">
        <v>5707418</v>
      </c>
      <c r="L16" s="16">
        <v>2126438</v>
      </c>
      <c r="M16" s="16">
        <v>646431</v>
      </c>
      <c r="N16" s="16">
        <v>172095</v>
      </c>
      <c r="O16" s="16">
        <v>9530179</v>
      </c>
      <c r="P16" s="16">
        <v>3949499</v>
      </c>
      <c r="Q16" s="16">
        <v>1034235</v>
      </c>
      <c r="R16" s="16">
        <v>140758</v>
      </c>
      <c r="S16" s="16">
        <v>36392</v>
      </c>
      <c r="T16" s="16">
        <v>15870</v>
      </c>
      <c r="U16" s="22" t="s">
        <v>268</v>
      </c>
      <c r="V16" s="22" t="s">
        <v>268</v>
      </c>
    </row>
    <row r="17" spans="1:22">
      <c r="A17" s="21" t="s">
        <v>232</v>
      </c>
      <c r="B17" s="21" t="s">
        <v>233</v>
      </c>
      <c r="C17" s="21" t="s">
        <v>262</v>
      </c>
      <c r="D17" s="21" t="s">
        <v>686</v>
      </c>
      <c r="E17" s="16">
        <v>1551697</v>
      </c>
      <c r="F17" s="16">
        <v>1551697</v>
      </c>
      <c r="G17" s="16">
        <v>126968</v>
      </c>
      <c r="H17" s="16">
        <v>30389</v>
      </c>
      <c r="I17" s="16">
        <v>1383366</v>
      </c>
      <c r="J17" s="16">
        <v>342985</v>
      </c>
      <c r="K17" s="16">
        <v>625695</v>
      </c>
      <c r="L17" s="16">
        <v>273429</v>
      </c>
      <c r="M17" s="16">
        <v>109913</v>
      </c>
      <c r="N17" s="16">
        <v>31344</v>
      </c>
      <c r="O17" s="16">
        <v>720458</v>
      </c>
      <c r="P17" s="16">
        <v>472369</v>
      </c>
      <c r="Q17" s="16">
        <v>155769</v>
      </c>
      <c r="R17" s="16">
        <v>27809</v>
      </c>
      <c r="S17" s="16">
        <v>6961</v>
      </c>
      <c r="T17" s="16">
        <v>10974</v>
      </c>
      <c r="U17" s="22" t="s">
        <v>268</v>
      </c>
      <c r="V17" s="22" t="s">
        <v>268</v>
      </c>
    </row>
    <row r="18" spans="1:22">
      <c r="A18" s="21" t="s">
        <v>232</v>
      </c>
      <c r="B18" s="21" t="s">
        <v>233</v>
      </c>
      <c r="C18" s="21" t="s">
        <v>262</v>
      </c>
      <c r="D18" s="21" t="s">
        <v>687</v>
      </c>
      <c r="E18" s="16">
        <v>691943</v>
      </c>
      <c r="F18" s="16">
        <v>691943</v>
      </c>
      <c r="G18" s="16">
        <v>376860</v>
      </c>
      <c r="H18" s="16">
        <v>15706</v>
      </c>
      <c r="I18" s="16">
        <v>294840</v>
      </c>
      <c r="J18" s="16">
        <v>100407</v>
      </c>
      <c r="K18" s="16">
        <v>113452</v>
      </c>
      <c r="L18" s="16">
        <v>48858</v>
      </c>
      <c r="M18" s="16">
        <v>23982</v>
      </c>
      <c r="N18" s="16">
        <v>8141</v>
      </c>
      <c r="O18" s="16">
        <v>170054</v>
      </c>
      <c r="P18" s="16">
        <v>88619</v>
      </c>
      <c r="Q18" s="16">
        <v>27861</v>
      </c>
      <c r="R18" s="16">
        <v>5768</v>
      </c>
      <c r="S18" s="16">
        <v>2538</v>
      </c>
      <c r="T18" s="16">
        <v>4537</v>
      </c>
      <c r="U18" s="22" t="s">
        <v>268</v>
      </c>
      <c r="V18" s="22" t="s">
        <v>268</v>
      </c>
    </row>
    <row r="19" spans="1:22">
      <c r="A19" s="21" t="s">
        <v>232</v>
      </c>
      <c r="B19" s="21" t="s">
        <v>233</v>
      </c>
      <c r="C19" s="21" t="s">
        <v>262</v>
      </c>
      <c r="D19" s="21" t="s">
        <v>688</v>
      </c>
      <c r="E19" s="16">
        <v>751370</v>
      </c>
      <c r="F19" s="22" t="s">
        <v>268</v>
      </c>
      <c r="G19" s="22" t="s">
        <v>268</v>
      </c>
      <c r="H19" s="22" t="s">
        <v>268</v>
      </c>
      <c r="I19" s="22" t="s">
        <v>268</v>
      </c>
      <c r="J19" s="22" t="s">
        <v>268</v>
      </c>
      <c r="K19" s="22" t="s">
        <v>268</v>
      </c>
      <c r="L19" s="22" t="s">
        <v>268</v>
      </c>
      <c r="M19" s="22" t="s">
        <v>268</v>
      </c>
      <c r="N19" s="22" t="s">
        <v>268</v>
      </c>
      <c r="O19" s="22" t="s">
        <v>268</v>
      </c>
      <c r="P19" s="22" t="s">
        <v>268</v>
      </c>
      <c r="Q19" s="22" t="s">
        <v>268</v>
      </c>
      <c r="R19" s="22" t="s">
        <v>268</v>
      </c>
      <c r="S19" s="22" t="s">
        <v>268</v>
      </c>
      <c r="T19" s="22" t="s">
        <v>268</v>
      </c>
      <c r="U19" s="16">
        <v>751370</v>
      </c>
      <c r="V19" s="22" t="s">
        <v>268</v>
      </c>
    </row>
    <row r="20" spans="1:22">
      <c r="A20" s="21" t="s">
        <v>232</v>
      </c>
      <c r="B20" s="21" t="s">
        <v>233</v>
      </c>
      <c r="C20" s="21" t="s">
        <v>262</v>
      </c>
      <c r="D20" s="21" t="s">
        <v>689</v>
      </c>
      <c r="E20" s="16">
        <v>56</v>
      </c>
      <c r="F20" s="22" t="s">
        <v>268</v>
      </c>
      <c r="G20" s="22" t="s">
        <v>268</v>
      </c>
      <c r="H20" s="22" t="s">
        <v>268</v>
      </c>
      <c r="I20" s="22" t="s">
        <v>268</v>
      </c>
      <c r="J20" s="22" t="s">
        <v>268</v>
      </c>
      <c r="K20" s="22" t="s">
        <v>268</v>
      </c>
      <c r="L20" s="22" t="s">
        <v>268</v>
      </c>
      <c r="M20" s="22" t="s">
        <v>268</v>
      </c>
      <c r="N20" s="22" t="s">
        <v>268</v>
      </c>
      <c r="O20" s="22" t="s">
        <v>268</v>
      </c>
      <c r="P20" s="22" t="s">
        <v>268</v>
      </c>
      <c r="Q20" s="22" t="s">
        <v>268</v>
      </c>
      <c r="R20" s="22" t="s">
        <v>268</v>
      </c>
      <c r="S20" s="22" t="s">
        <v>268</v>
      </c>
      <c r="T20" s="22" t="s">
        <v>268</v>
      </c>
      <c r="U20" s="22" t="s">
        <v>268</v>
      </c>
      <c r="V20" s="16">
        <v>56</v>
      </c>
    </row>
    <row r="21" spans="1:22">
      <c r="A21" s="21" t="s">
        <v>232</v>
      </c>
      <c r="B21" s="21" t="s">
        <v>237</v>
      </c>
      <c r="C21" s="21" t="s">
        <v>264</v>
      </c>
      <c r="D21" s="21" t="s">
        <v>214</v>
      </c>
      <c r="E21" s="16">
        <v>716740</v>
      </c>
      <c r="F21" s="16">
        <v>706446</v>
      </c>
      <c r="G21" s="16">
        <v>448341</v>
      </c>
      <c r="H21" s="16">
        <v>15323</v>
      </c>
      <c r="I21" s="16">
        <v>241951</v>
      </c>
      <c r="J21" s="16">
        <v>84911</v>
      </c>
      <c r="K21" s="16">
        <v>90183</v>
      </c>
      <c r="L21" s="16">
        <v>42947</v>
      </c>
      <c r="M21" s="16">
        <v>20786</v>
      </c>
      <c r="N21" s="16">
        <v>3124</v>
      </c>
      <c r="O21" s="16">
        <v>142734</v>
      </c>
      <c r="P21" s="16">
        <v>68045</v>
      </c>
      <c r="Q21" s="16">
        <v>26450</v>
      </c>
      <c r="R21" s="16">
        <v>4352</v>
      </c>
      <c r="S21" s="16">
        <v>370</v>
      </c>
      <c r="T21" s="16">
        <v>831</v>
      </c>
      <c r="U21" s="16">
        <v>10294</v>
      </c>
      <c r="V21" s="22" t="s">
        <v>268</v>
      </c>
    </row>
    <row r="22" spans="1:22">
      <c r="A22" s="21" t="s">
        <v>232</v>
      </c>
      <c r="B22" s="21" t="s">
        <v>237</v>
      </c>
      <c r="C22" s="21" t="s">
        <v>264</v>
      </c>
      <c r="D22" s="21" t="s">
        <v>681</v>
      </c>
      <c r="E22" s="16">
        <v>706446</v>
      </c>
      <c r="F22" s="16">
        <v>706446</v>
      </c>
      <c r="G22" s="16">
        <v>448341</v>
      </c>
      <c r="H22" s="16">
        <v>15323</v>
      </c>
      <c r="I22" s="16">
        <v>241951</v>
      </c>
      <c r="J22" s="16">
        <v>84911</v>
      </c>
      <c r="K22" s="16">
        <v>90183</v>
      </c>
      <c r="L22" s="16">
        <v>42947</v>
      </c>
      <c r="M22" s="16">
        <v>20786</v>
      </c>
      <c r="N22" s="16">
        <v>3124</v>
      </c>
      <c r="O22" s="16">
        <v>142734</v>
      </c>
      <c r="P22" s="16">
        <v>68045</v>
      </c>
      <c r="Q22" s="16">
        <v>26450</v>
      </c>
      <c r="R22" s="16">
        <v>4352</v>
      </c>
      <c r="S22" s="16">
        <v>370</v>
      </c>
      <c r="T22" s="16">
        <v>831</v>
      </c>
      <c r="U22" s="22" t="s">
        <v>268</v>
      </c>
      <c r="V22" s="22" t="s">
        <v>268</v>
      </c>
    </row>
    <row r="23" spans="1:22">
      <c r="A23" s="21" t="s">
        <v>232</v>
      </c>
      <c r="B23" s="21" t="s">
        <v>237</v>
      </c>
      <c r="C23" s="21" t="s">
        <v>264</v>
      </c>
      <c r="D23" s="21" t="s">
        <v>682</v>
      </c>
      <c r="E23" s="16">
        <v>698728</v>
      </c>
      <c r="F23" s="16">
        <v>698728</v>
      </c>
      <c r="G23" s="16">
        <v>443107</v>
      </c>
      <c r="H23" s="16">
        <v>15159</v>
      </c>
      <c r="I23" s="16">
        <v>239681</v>
      </c>
      <c r="J23" s="16">
        <v>83818</v>
      </c>
      <c r="K23" s="16">
        <v>89318</v>
      </c>
      <c r="L23" s="16">
        <v>42751</v>
      </c>
      <c r="M23" s="16">
        <v>20682</v>
      </c>
      <c r="N23" s="16">
        <v>3112</v>
      </c>
      <c r="O23" s="16">
        <v>141176</v>
      </c>
      <c r="P23" s="16">
        <v>67469</v>
      </c>
      <c r="Q23" s="16">
        <v>26334</v>
      </c>
      <c r="R23" s="16">
        <v>4333</v>
      </c>
      <c r="S23" s="16">
        <v>369</v>
      </c>
      <c r="T23" s="16">
        <v>781</v>
      </c>
      <c r="U23" s="22" t="s">
        <v>268</v>
      </c>
      <c r="V23" s="22" t="s">
        <v>268</v>
      </c>
    </row>
    <row r="24" spans="1:22">
      <c r="A24" s="21" t="s">
        <v>232</v>
      </c>
      <c r="B24" s="21" t="s">
        <v>237</v>
      </c>
      <c r="C24" s="21" t="s">
        <v>264</v>
      </c>
      <c r="D24" s="21" t="s">
        <v>683</v>
      </c>
      <c r="E24" s="16">
        <v>445753</v>
      </c>
      <c r="F24" s="16">
        <v>445753</v>
      </c>
      <c r="G24" s="16">
        <v>413158</v>
      </c>
      <c r="H24" s="16">
        <v>677</v>
      </c>
      <c r="I24" s="16">
        <v>31544</v>
      </c>
      <c r="J24" s="16">
        <v>942</v>
      </c>
      <c r="K24" s="16">
        <v>2674</v>
      </c>
      <c r="L24" s="16">
        <v>12208</v>
      </c>
      <c r="M24" s="16">
        <v>12903</v>
      </c>
      <c r="N24" s="16">
        <v>2817</v>
      </c>
      <c r="O24" s="16">
        <v>6339</v>
      </c>
      <c r="P24" s="16">
        <v>10821</v>
      </c>
      <c r="Q24" s="16">
        <v>11068</v>
      </c>
      <c r="R24" s="16">
        <v>2985</v>
      </c>
      <c r="S24" s="16">
        <v>331</v>
      </c>
      <c r="T24" s="16">
        <v>374</v>
      </c>
      <c r="U24" s="22" t="s">
        <v>268</v>
      </c>
      <c r="V24" s="22" t="s">
        <v>268</v>
      </c>
    </row>
    <row r="25" spans="1:22">
      <c r="A25" s="21" t="s">
        <v>232</v>
      </c>
      <c r="B25" s="21" t="s">
        <v>237</v>
      </c>
      <c r="C25" s="21" t="s">
        <v>264</v>
      </c>
      <c r="D25" s="21" t="s">
        <v>684</v>
      </c>
      <c r="E25" s="16">
        <v>38359</v>
      </c>
      <c r="F25" s="16">
        <v>38359</v>
      </c>
      <c r="G25" s="16">
        <v>1751</v>
      </c>
      <c r="H25" s="16">
        <v>9103</v>
      </c>
      <c r="I25" s="16">
        <v>27505</v>
      </c>
      <c r="J25" s="16">
        <v>1978</v>
      </c>
      <c r="K25" s="16">
        <v>22980</v>
      </c>
      <c r="L25" s="16">
        <v>2316</v>
      </c>
      <c r="M25" s="16">
        <v>231</v>
      </c>
      <c r="N25" s="22" t="s">
        <v>268</v>
      </c>
      <c r="O25" s="16">
        <v>14151</v>
      </c>
      <c r="P25" s="16">
        <v>12348</v>
      </c>
      <c r="Q25" s="16">
        <v>976</v>
      </c>
      <c r="R25" s="16">
        <v>30</v>
      </c>
      <c r="S25" s="22" t="s">
        <v>268</v>
      </c>
      <c r="T25" s="22" t="s">
        <v>268</v>
      </c>
      <c r="U25" s="22" t="s">
        <v>268</v>
      </c>
      <c r="V25" s="22" t="s">
        <v>268</v>
      </c>
    </row>
    <row r="26" spans="1:22">
      <c r="A26" s="21" t="s">
        <v>232</v>
      </c>
      <c r="B26" s="21" t="s">
        <v>237</v>
      </c>
      <c r="C26" s="21" t="s">
        <v>264</v>
      </c>
      <c r="D26" s="21" t="s">
        <v>685</v>
      </c>
      <c r="E26" s="16">
        <v>197019</v>
      </c>
      <c r="F26" s="16">
        <v>197019</v>
      </c>
      <c r="G26" s="16">
        <v>25808</v>
      </c>
      <c r="H26" s="16">
        <v>4993</v>
      </c>
      <c r="I26" s="16">
        <v>165990</v>
      </c>
      <c r="J26" s="16">
        <v>76739</v>
      </c>
      <c r="K26" s="16">
        <v>56347</v>
      </c>
      <c r="L26" s="16">
        <v>25930</v>
      </c>
      <c r="M26" s="16">
        <v>6743</v>
      </c>
      <c r="N26" s="16">
        <v>231</v>
      </c>
      <c r="O26" s="16">
        <v>112348</v>
      </c>
      <c r="P26" s="16">
        <v>39551</v>
      </c>
      <c r="Q26" s="16">
        <v>12952</v>
      </c>
      <c r="R26" s="16">
        <v>1109</v>
      </c>
      <c r="S26" s="16">
        <v>30</v>
      </c>
      <c r="T26" s="16">
        <v>228</v>
      </c>
      <c r="U26" s="22" t="s">
        <v>268</v>
      </c>
      <c r="V26" s="22" t="s">
        <v>268</v>
      </c>
    </row>
    <row r="27" spans="1:22">
      <c r="A27" s="21" t="s">
        <v>232</v>
      </c>
      <c r="B27" s="21" t="s">
        <v>237</v>
      </c>
      <c r="C27" s="21" t="s">
        <v>264</v>
      </c>
      <c r="D27" s="21" t="s">
        <v>686</v>
      </c>
      <c r="E27" s="16">
        <v>17597</v>
      </c>
      <c r="F27" s="16">
        <v>17597</v>
      </c>
      <c r="G27" s="16">
        <v>2390</v>
      </c>
      <c r="H27" s="16">
        <v>386</v>
      </c>
      <c r="I27" s="16">
        <v>14642</v>
      </c>
      <c r="J27" s="16">
        <v>4159</v>
      </c>
      <c r="K27" s="16">
        <v>7317</v>
      </c>
      <c r="L27" s="16">
        <v>2297</v>
      </c>
      <c r="M27" s="16">
        <v>805</v>
      </c>
      <c r="N27" s="16">
        <v>64</v>
      </c>
      <c r="O27" s="16">
        <v>8338</v>
      </c>
      <c r="P27" s="16">
        <v>4749</v>
      </c>
      <c r="Q27" s="16">
        <v>1338</v>
      </c>
      <c r="R27" s="16">
        <v>209</v>
      </c>
      <c r="S27" s="16">
        <v>8</v>
      </c>
      <c r="T27" s="16">
        <v>179</v>
      </c>
      <c r="U27" s="22" t="s">
        <v>268</v>
      </c>
      <c r="V27" s="22" t="s">
        <v>268</v>
      </c>
    </row>
    <row r="28" spans="1:22">
      <c r="A28" s="21" t="s">
        <v>232</v>
      </c>
      <c r="B28" s="21" t="s">
        <v>237</v>
      </c>
      <c r="C28" s="21" t="s">
        <v>264</v>
      </c>
      <c r="D28" s="21" t="s">
        <v>687</v>
      </c>
      <c r="E28" s="16">
        <v>7718</v>
      </c>
      <c r="F28" s="16">
        <v>7718</v>
      </c>
      <c r="G28" s="16">
        <v>5234</v>
      </c>
      <c r="H28" s="16">
        <v>164</v>
      </c>
      <c r="I28" s="16">
        <v>2270</v>
      </c>
      <c r="J28" s="16">
        <v>1093</v>
      </c>
      <c r="K28" s="16">
        <v>865</v>
      </c>
      <c r="L28" s="16">
        <v>196</v>
      </c>
      <c r="M28" s="16">
        <v>104</v>
      </c>
      <c r="N28" s="16">
        <v>12</v>
      </c>
      <c r="O28" s="16">
        <v>1558</v>
      </c>
      <c r="P28" s="16">
        <v>576</v>
      </c>
      <c r="Q28" s="16">
        <v>116</v>
      </c>
      <c r="R28" s="16">
        <v>19</v>
      </c>
      <c r="S28" s="16">
        <v>1</v>
      </c>
      <c r="T28" s="16">
        <v>50</v>
      </c>
      <c r="U28" s="22" t="s">
        <v>268</v>
      </c>
      <c r="V28" s="22" t="s">
        <v>268</v>
      </c>
    </row>
    <row r="29" spans="1:22">
      <c r="A29" s="21" t="s">
        <v>232</v>
      </c>
      <c r="B29" s="21" t="s">
        <v>237</v>
      </c>
      <c r="C29" s="21" t="s">
        <v>264</v>
      </c>
      <c r="D29" s="21" t="s">
        <v>688</v>
      </c>
      <c r="E29" s="16">
        <v>10294</v>
      </c>
      <c r="F29" s="22" t="s">
        <v>268</v>
      </c>
      <c r="G29" s="22" t="s">
        <v>268</v>
      </c>
      <c r="H29" s="22" t="s">
        <v>268</v>
      </c>
      <c r="I29" s="22" t="s">
        <v>268</v>
      </c>
      <c r="J29" s="22" t="s">
        <v>268</v>
      </c>
      <c r="K29" s="22" t="s">
        <v>268</v>
      </c>
      <c r="L29" s="22" t="s">
        <v>268</v>
      </c>
      <c r="M29" s="22" t="s">
        <v>268</v>
      </c>
      <c r="N29" s="22" t="s">
        <v>268</v>
      </c>
      <c r="O29" s="22" t="s">
        <v>268</v>
      </c>
      <c r="P29" s="22" t="s">
        <v>268</v>
      </c>
      <c r="Q29" s="22" t="s">
        <v>268</v>
      </c>
      <c r="R29" s="22" t="s">
        <v>268</v>
      </c>
      <c r="S29" s="22" t="s">
        <v>268</v>
      </c>
      <c r="T29" s="22" t="s">
        <v>268</v>
      </c>
      <c r="U29" s="16">
        <v>10294</v>
      </c>
      <c r="V29" s="22" t="s">
        <v>268</v>
      </c>
    </row>
    <row r="30" spans="1:22">
      <c r="A30" s="21" t="s">
        <v>232</v>
      </c>
      <c r="B30" s="21" t="s">
        <v>237</v>
      </c>
      <c r="C30" s="21" t="s">
        <v>264</v>
      </c>
      <c r="D30" s="21" t="s">
        <v>689</v>
      </c>
      <c r="E30" s="22" t="s">
        <v>268</v>
      </c>
      <c r="F30" s="22" t="s">
        <v>268</v>
      </c>
      <c r="G30" s="22" t="s">
        <v>268</v>
      </c>
      <c r="H30" s="22" t="s">
        <v>268</v>
      </c>
      <c r="I30" s="22" t="s">
        <v>268</v>
      </c>
      <c r="J30" s="22" t="s">
        <v>268</v>
      </c>
      <c r="K30" s="22" t="s">
        <v>268</v>
      </c>
      <c r="L30" s="22" t="s">
        <v>268</v>
      </c>
      <c r="M30" s="22" t="s">
        <v>268</v>
      </c>
      <c r="N30" s="22" t="s">
        <v>268</v>
      </c>
      <c r="O30" s="22" t="s">
        <v>268</v>
      </c>
      <c r="P30" s="22" t="s">
        <v>268</v>
      </c>
      <c r="Q30" s="22" t="s">
        <v>268</v>
      </c>
      <c r="R30" s="22" t="s">
        <v>268</v>
      </c>
      <c r="S30" s="22" t="s">
        <v>268</v>
      </c>
      <c r="T30" s="22" t="s">
        <v>268</v>
      </c>
      <c r="U30" s="22" t="s">
        <v>268</v>
      </c>
      <c r="V30" s="22" t="s">
        <v>268</v>
      </c>
    </row>
    <row r="31" spans="1:22">
      <c r="A31" s="21" t="s">
        <v>240</v>
      </c>
      <c r="B31" s="21" t="s">
        <v>237</v>
      </c>
      <c r="C31" s="21" t="s">
        <v>265</v>
      </c>
      <c r="D31" s="21" t="s">
        <v>214</v>
      </c>
      <c r="E31" s="16">
        <v>48996</v>
      </c>
      <c r="F31" s="16">
        <v>47687</v>
      </c>
      <c r="G31" s="16">
        <v>34849</v>
      </c>
      <c r="H31" s="16">
        <v>875</v>
      </c>
      <c r="I31" s="16">
        <v>11892</v>
      </c>
      <c r="J31" s="16">
        <v>6405</v>
      </c>
      <c r="K31" s="16">
        <v>4413</v>
      </c>
      <c r="L31" s="16">
        <v>461</v>
      </c>
      <c r="M31" s="16">
        <v>580</v>
      </c>
      <c r="N31" s="16">
        <v>33</v>
      </c>
      <c r="O31" s="16">
        <v>9117</v>
      </c>
      <c r="P31" s="16">
        <v>2236</v>
      </c>
      <c r="Q31" s="16">
        <v>414</v>
      </c>
      <c r="R31" s="16">
        <v>124</v>
      </c>
      <c r="S31" s="16">
        <v>1</v>
      </c>
      <c r="T31" s="16">
        <v>71</v>
      </c>
      <c r="U31" s="16">
        <v>1309</v>
      </c>
      <c r="V31" s="22" t="s">
        <v>268</v>
      </c>
    </row>
    <row r="32" spans="1:22">
      <c r="A32" s="21" t="s">
        <v>240</v>
      </c>
      <c r="B32" s="21" t="s">
        <v>237</v>
      </c>
      <c r="C32" s="21" t="s">
        <v>265</v>
      </c>
      <c r="D32" s="21" t="s">
        <v>681</v>
      </c>
      <c r="E32" s="16">
        <v>47687</v>
      </c>
      <c r="F32" s="16">
        <v>47687</v>
      </c>
      <c r="G32" s="16">
        <v>34849</v>
      </c>
      <c r="H32" s="16">
        <v>875</v>
      </c>
      <c r="I32" s="16">
        <v>11892</v>
      </c>
      <c r="J32" s="16">
        <v>6405</v>
      </c>
      <c r="K32" s="16">
        <v>4413</v>
      </c>
      <c r="L32" s="16">
        <v>461</v>
      </c>
      <c r="M32" s="16">
        <v>580</v>
      </c>
      <c r="N32" s="16">
        <v>33</v>
      </c>
      <c r="O32" s="16">
        <v>9117</v>
      </c>
      <c r="P32" s="16">
        <v>2236</v>
      </c>
      <c r="Q32" s="16">
        <v>414</v>
      </c>
      <c r="R32" s="16">
        <v>124</v>
      </c>
      <c r="S32" s="16">
        <v>1</v>
      </c>
      <c r="T32" s="16">
        <v>71</v>
      </c>
      <c r="U32" s="22" t="s">
        <v>268</v>
      </c>
      <c r="V32" s="22" t="s">
        <v>268</v>
      </c>
    </row>
    <row r="33" spans="1:22">
      <c r="A33" s="21" t="s">
        <v>240</v>
      </c>
      <c r="B33" s="21" t="s">
        <v>237</v>
      </c>
      <c r="C33" s="21" t="s">
        <v>265</v>
      </c>
      <c r="D33" s="21" t="s">
        <v>682</v>
      </c>
      <c r="E33" s="16">
        <v>47055</v>
      </c>
      <c r="F33" s="16">
        <v>47055</v>
      </c>
      <c r="G33" s="16">
        <v>34388</v>
      </c>
      <c r="H33" s="16">
        <v>865</v>
      </c>
      <c r="I33" s="16">
        <v>11744</v>
      </c>
      <c r="J33" s="16">
        <v>6345</v>
      </c>
      <c r="K33" s="16">
        <v>4333</v>
      </c>
      <c r="L33" s="16">
        <v>458</v>
      </c>
      <c r="M33" s="16">
        <v>575</v>
      </c>
      <c r="N33" s="16">
        <v>33</v>
      </c>
      <c r="O33" s="16">
        <v>9010</v>
      </c>
      <c r="P33" s="16">
        <v>2199</v>
      </c>
      <c r="Q33" s="16">
        <v>411</v>
      </c>
      <c r="R33" s="16">
        <v>123</v>
      </c>
      <c r="S33" s="16">
        <v>1</v>
      </c>
      <c r="T33" s="16">
        <v>58</v>
      </c>
      <c r="U33" s="22" t="s">
        <v>268</v>
      </c>
      <c r="V33" s="22" t="s">
        <v>268</v>
      </c>
    </row>
    <row r="34" spans="1:22">
      <c r="A34" s="21" t="s">
        <v>240</v>
      </c>
      <c r="B34" s="21" t="s">
        <v>237</v>
      </c>
      <c r="C34" s="21" t="s">
        <v>265</v>
      </c>
      <c r="D34" s="21" t="s">
        <v>683</v>
      </c>
      <c r="E34" s="16">
        <v>32370</v>
      </c>
      <c r="F34" s="16">
        <v>32370</v>
      </c>
      <c r="G34" s="16">
        <v>31641</v>
      </c>
      <c r="H34" s="16">
        <v>38</v>
      </c>
      <c r="I34" s="16">
        <v>672</v>
      </c>
      <c r="J34" s="16">
        <v>73</v>
      </c>
      <c r="K34" s="16">
        <v>30</v>
      </c>
      <c r="L34" s="16">
        <v>115</v>
      </c>
      <c r="M34" s="16">
        <v>454</v>
      </c>
      <c r="N34" s="22" t="s">
        <v>268</v>
      </c>
      <c r="O34" s="16">
        <v>159</v>
      </c>
      <c r="P34" s="16">
        <v>189</v>
      </c>
      <c r="Q34" s="16">
        <v>238</v>
      </c>
      <c r="R34" s="16">
        <v>86</v>
      </c>
      <c r="S34" s="22" t="s">
        <v>268</v>
      </c>
      <c r="T34" s="16">
        <v>19</v>
      </c>
      <c r="U34" s="22" t="s">
        <v>268</v>
      </c>
      <c r="V34" s="22" t="s">
        <v>268</v>
      </c>
    </row>
    <row r="35" spans="1:22">
      <c r="A35" s="21" t="s">
        <v>240</v>
      </c>
      <c r="B35" s="21" t="s">
        <v>237</v>
      </c>
      <c r="C35" s="21" t="s">
        <v>265</v>
      </c>
      <c r="D35" s="21" t="s">
        <v>684</v>
      </c>
      <c r="E35" s="16">
        <v>1113</v>
      </c>
      <c r="F35" s="16">
        <v>1113</v>
      </c>
      <c r="G35" s="16">
        <v>16</v>
      </c>
      <c r="H35" s="16">
        <v>447</v>
      </c>
      <c r="I35" s="16">
        <v>650</v>
      </c>
      <c r="J35" s="16">
        <v>37</v>
      </c>
      <c r="K35" s="16">
        <v>613</v>
      </c>
      <c r="L35" s="22" t="s">
        <v>268</v>
      </c>
      <c r="M35" s="22" t="s">
        <v>268</v>
      </c>
      <c r="N35" s="22" t="s">
        <v>268</v>
      </c>
      <c r="O35" s="16">
        <v>385</v>
      </c>
      <c r="P35" s="16">
        <v>265</v>
      </c>
      <c r="Q35" s="22" t="s">
        <v>268</v>
      </c>
      <c r="R35" s="22" t="s">
        <v>268</v>
      </c>
      <c r="S35" s="22" t="s">
        <v>268</v>
      </c>
      <c r="T35" s="22" t="s">
        <v>268</v>
      </c>
      <c r="U35" s="22" t="s">
        <v>268</v>
      </c>
      <c r="V35" s="22" t="s">
        <v>268</v>
      </c>
    </row>
    <row r="36" spans="1:22">
      <c r="A36" s="21" t="s">
        <v>240</v>
      </c>
      <c r="B36" s="21" t="s">
        <v>237</v>
      </c>
      <c r="C36" s="21" t="s">
        <v>265</v>
      </c>
      <c r="D36" s="21" t="s">
        <v>685</v>
      </c>
      <c r="E36" s="16">
        <v>12390</v>
      </c>
      <c r="F36" s="16">
        <v>12390</v>
      </c>
      <c r="G36" s="16">
        <v>2505</v>
      </c>
      <c r="H36" s="16">
        <v>355</v>
      </c>
      <c r="I36" s="16">
        <v>9504</v>
      </c>
      <c r="J36" s="16">
        <v>5829</v>
      </c>
      <c r="K36" s="16">
        <v>3261</v>
      </c>
      <c r="L36" s="16">
        <v>294</v>
      </c>
      <c r="M36" s="16">
        <v>93</v>
      </c>
      <c r="N36" s="16">
        <v>27</v>
      </c>
      <c r="O36" s="16">
        <v>7811</v>
      </c>
      <c r="P36" s="16">
        <v>1515</v>
      </c>
      <c r="Q36" s="16">
        <v>149</v>
      </c>
      <c r="R36" s="16">
        <v>28</v>
      </c>
      <c r="S36" s="16">
        <v>1</v>
      </c>
      <c r="T36" s="16">
        <v>26</v>
      </c>
      <c r="U36" s="22" t="s">
        <v>268</v>
      </c>
      <c r="V36" s="22" t="s">
        <v>268</v>
      </c>
    </row>
    <row r="37" spans="1:22">
      <c r="A37" s="21" t="s">
        <v>240</v>
      </c>
      <c r="B37" s="21" t="s">
        <v>237</v>
      </c>
      <c r="C37" s="21" t="s">
        <v>265</v>
      </c>
      <c r="D37" s="21" t="s">
        <v>686</v>
      </c>
      <c r="E37" s="16">
        <v>1182</v>
      </c>
      <c r="F37" s="16">
        <v>1182</v>
      </c>
      <c r="G37" s="16">
        <v>226</v>
      </c>
      <c r="H37" s="16">
        <v>25</v>
      </c>
      <c r="I37" s="16">
        <v>918</v>
      </c>
      <c r="J37" s="16">
        <v>406</v>
      </c>
      <c r="K37" s="16">
        <v>429</v>
      </c>
      <c r="L37" s="16">
        <v>49</v>
      </c>
      <c r="M37" s="16">
        <v>28</v>
      </c>
      <c r="N37" s="16">
        <v>6</v>
      </c>
      <c r="O37" s="16">
        <v>655</v>
      </c>
      <c r="P37" s="16">
        <v>230</v>
      </c>
      <c r="Q37" s="16">
        <v>24</v>
      </c>
      <c r="R37" s="16">
        <v>9</v>
      </c>
      <c r="S37" s="22" t="s">
        <v>268</v>
      </c>
      <c r="T37" s="16">
        <v>13</v>
      </c>
      <c r="U37" s="22" t="s">
        <v>268</v>
      </c>
      <c r="V37" s="22" t="s">
        <v>268</v>
      </c>
    </row>
    <row r="38" spans="1:22">
      <c r="A38" s="21" t="s">
        <v>240</v>
      </c>
      <c r="B38" s="21" t="s">
        <v>237</v>
      </c>
      <c r="C38" s="21" t="s">
        <v>265</v>
      </c>
      <c r="D38" s="21" t="s">
        <v>687</v>
      </c>
      <c r="E38" s="16">
        <v>632</v>
      </c>
      <c r="F38" s="16">
        <v>632</v>
      </c>
      <c r="G38" s="16">
        <v>461</v>
      </c>
      <c r="H38" s="16">
        <v>10</v>
      </c>
      <c r="I38" s="16">
        <v>148</v>
      </c>
      <c r="J38" s="16">
        <v>60</v>
      </c>
      <c r="K38" s="16">
        <v>80</v>
      </c>
      <c r="L38" s="16">
        <v>3</v>
      </c>
      <c r="M38" s="16">
        <v>5</v>
      </c>
      <c r="N38" s="22" t="s">
        <v>268</v>
      </c>
      <c r="O38" s="16">
        <v>107</v>
      </c>
      <c r="P38" s="16">
        <v>37</v>
      </c>
      <c r="Q38" s="16">
        <v>3</v>
      </c>
      <c r="R38" s="16">
        <v>1</v>
      </c>
      <c r="S38" s="22" t="s">
        <v>268</v>
      </c>
      <c r="T38" s="16">
        <v>13</v>
      </c>
      <c r="U38" s="22" t="s">
        <v>268</v>
      </c>
      <c r="V38" s="22" t="s">
        <v>268</v>
      </c>
    </row>
    <row r="39" spans="1:22">
      <c r="A39" s="21" t="s">
        <v>240</v>
      </c>
      <c r="B39" s="21" t="s">
        <v>237</v>
      </c>
      <c r="C39" s="21" t="s">
        <v>265</v>
      </c>
      <c r="D39" s="21" t="s">
        <v>688</v>
      </c>
      <c r="E39" s="16">
        <v>1309</v>
      </c>
      <c r="F39" s="22" t="s">
        <v>268</v>
      </c>
      <c r="G39" s="22" t="s">
        <v>268</v>
      </c>
      <c r="H39" s="22" t="s">
        <v>268</v>
      </c>
      <c r="I39" s="22" t="s">
        <v>268</v>
      </c>
      <c r="J39" s="22" t="s">
        <v>268</v>
      </c>
      <c r="K39" s="22" t="s">
        <v>268</v>
      </c>
      <c r="L39" s="22" t="s">
        <v>268</v>
      </c>
      <c r="M39" s="22" t="s">
        <v>268</v>
      </c>
      <c r="N39" s="22" t="s">
        <v>268</v>
      </c>
      <c r="O39" s="22" t="s">
        <v>268</v>
      </c>
      <c r="P39" s="22" t="s">
        <v>268</v>
      </c>
      <c r="Q39" s="22" t="s">
        <v>268</v>
      </c>
      <c r="R39" s="22" t="s">
        <v>268</v>
      </c>
      <c r="S39" s="22" t="s">
        <v>268</v>
      </c>
      <c r="T39" s="22" t="s">
        <v>268</v>
      </c>
      <c r="U39" s="16">
        <v>1309</v>
      </c>
      <c r="V39" s="22" t="s">
        <v>268</v>
      </c>
    </row>
    <row r="40" spans="1:22">
      <c r="A40" s="21" t="s">
        <v>240</v>
      </c>
      <c r="B40" s="21" t="s">
        <v>237</v>
      </c>
      <c r="C40" s="21" t="s">
        <v>265</v>
      </c>
      <c r="D40" s="21" t="s">
        <v>689</v>
      </c>
      <c r="E40" s="22" t="s">
        <v>268</v>
      </c>
      <c r="F40" s="22" t="s">
        <v>268</v>
      </c>
      <c r="G40" s="22" t="s">
        <v>268</v>
      </c>
      <c r="H40" s="22" t="s">
        <v>268</v>
      </c>
      <c r="I40" s="22" t="s">
        <v>268</v>
      </c>
      <c r="J40" s="22" t="s">
        <v>268</v>
      </c>
      <c r="K40" s="22" t="s">
        <v>268</v>
      </c>
      <c r="L40" s="22" t="s">
        <v>268</v>
      </c>
      <c r="M40" s="22" t="s">
        <v>268</v>
      </c>
      <c r="N40" s="22" t="s">
        <v>268</v>
      </c>
      <c r="O40" s="22" t="s">
        <v>268</v>
      </c>
      <c r="P40" s="22" t="s">
        <v>268</v>
      </c>
      <c r="Q40" s="22" t="s">
        <v>268</v>
      </c>
      <c r="R40" s="22" t="s">
        <v>268</v>
      </c>
      <c r="S40" s="22" t="s">
        <v>268</v>
      </c>
      <c r="T40" s="22" t="s">
        <v>268</v>
      </c>
      <c r="U40" s="22" t="s">
        <v>268</v>
      </c>
      <c r="V4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1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6155F2-469F-440F-B928-6AA181BBD2B1}">
  <sheetPr>
    <pageSetUpPr fitToPage="1"/>
  </sheetPr>
  <dimension ref="A1:DL30"/>
  <sheetViews>
    <sheetView zoomScaleNormal="100" workbookViewId="0">
      <pane xSplit="5" ySplit="12" topLeftCell="F13" activePane="bottomRight" state="frozen"/>
      <selection pane="topRight" activeCell="V1" sqref="V1"/>
      <selection pane="bottomLeft" activeCell="A23" sqref="A23"/>
      <selection pane="bottomRight" activeCell="A10" sqref="A10"/>
    </sheetView>
  </sheetViews>
  <sheetFormatPr defaultColWidth="12.625" defaultRowHeight="12" outlineLevelRow="1"/>
  <cols>
    <col min="1" max="1" width="17.5" style="20" customWidth="1"/>
    <col min="2" max="2" width="8.75" style="20" customWidth="1"/>
    <col min="3" max="3" width="2.375" style="20" bestFit="1" customWidth="1"/>
    <col min="4" max="4" width="10.5" style="20" bestFit="1" customWidth="1"/>
    <col min="5" max="5" width="22.5" style="20" customWidth="1"/>
    <col min="6" max="16384" width="12.625" style="20"/>
  </cols>
  <sheetData>
    <row r="1" spans="1:116" s="11" customFormat="1">
      <c r="A1" s="11" t="s">
        <v>192</v>
      </c>
    </row>
    <row r="2" spans="1:116" s="11" customFormat="1">
      <c r="A2" s="11" t="s">
        <v>396</v>
      </c>
    </row>
    <row r="3" spans="1:116" s="11" customFormat="1"/>
    <row r="4" spans="1:116" s="11" customFormat="1" outlineLevel="1">
      <c r="A4" s="11" t="s">
        <v>277</v>
      </c>
    </row>
    <row r="5" spans="1:116" s="11" customFormat="1" outlineLevel="1">
      <c r="A5" s="11" t="s">
        <v>278</v>
      </c>
    </row>
    <row r="6" spans="1:116" s="11" customFormat="1" outlineLevel="1">
      <c r="A6" s="11" t="s">
        <v>397</v>
      </c>
    </row>
    <row r="7" spans="1:116" s="11" customFormat="1">
      <c r="F7" s="12" t="s">
        <v>200</v>
      </c>
      <c r="G7" s="12" t="s">
        <v>200</v>
      </c>
      <c r="H7" s="12" t="s">
        <v>200</v>
      </c>
      <c r="I7" s="12" t="s">
        <v>200</v>
      </c>
      <c r="J7" s="12" t="s">
        <v>200</v>
      </c>
      <c r="K7" s="12" t="s">
        <v>200</v>
      </c>
      <c r="L7" s="12" t="s">
        <v>200</v>
      </c>
      <c r="M7" s="12" t="s">
        <v>200</v>
      </c>
      <c r="N7" s="12" t="s">
        <v>200</v>
      </c>
      <c r="O7" s="12" t="s">
        <v>200</v>
      </c>
      <c r="P7" s="12" t="s">
        <v>200</v>
      </c>
      <c r="Q7" s="12" t="s">
        <v>200</v>
      </c>
      <c r="R7" s="12" t="s">
        <v>200</v>
      </c>
      <c r="S7" s="12" t="s">
        <v>200</v>
      </c>
      <c r="T7" s="12" t="s">
        <v>200</v>
      </c>
      <c r="U7" s="12" t="s">
        <v>200</v>
      </c>
      <c r="V7" s="12" t="s">
        <v>200</v>
      </c>
      <c r="W7" s="12" t="s">
        <v>200</v>
      </c>
      <c r="X7" s="12" t="s">
        <v>200</v>
      </c>
      <c r="Y7" s="12" t="s">
        <v>200</v>
      </c>
      <c r="Z7" s="12" t="s">
        <v>200</v>
      </c>
      <c r="AA7" s="12" t="s">
        <v>200</v>
      </c>
      <c r="AB7" s="12" t="s">
        <v>200</v>
      </c>
      <c r="AC7" s="12" t="s">
        <v>200</v>
      </c>
      <c r="AD7" s="12" t="s">
        <v>200</v>
      </c>
      <c r="AE7" s="12" t="s">
        <v>200</v>
      </c>
      <c r="AF7" s="12" t="s">
        <v>200</v>
      </c>
      <c r="AG7" s="12" t="s">
        <v>200</v>
      </c>
      <c r="AH7" s="12" t="s">
        <v>200</v>
      </c>
      <c r="AI7" s="12" t="s">
        <v>200</v>
      </c>
      <c r="AJ7" s="12" t="s">
        <v>200</v>
      </c>
      <c r="AK7" s="12" t="s">
        <v>200</v>
      </c>
      <c r="AL7" s="12" t="s">
        <v>200</v>
      </c>
      <c r="AM7" s="12" t="s">
        <v>200</v>
      </c>
      <c r="AN7" s="12" t="s">
        <v>200</v>
      </c>
      <c r="AO7" s="12" t="s">
        <v>200</v>
      </c>
      <c r="AP7" s="12" t="s">
        <v>200</v>
      </c>
      <c r="AQ7" s="12" t="s">
        <v>200</v>
      </c>
      <c r="AR7" s="12" t="s">
        <v>200</v>
      </c>
      <c r="AS7" s="12" t="s">
        <v>200</v>
      </c>
      <c r="AT7" s="12" t="s">
        <v>200</v>
      </c>
      <c r="AU7" s="12" t="s">
        <v>200</v>
      </c>
      <c r="AV7" s="12" t="s">
        <v>200</v>
      </c>
      <c r="AW7" s="12" t="s">
        <v>200</v>
      </c>
      <c r="AX7" s="12" t="s">
        <v>200</v>
      </c>
      <c r="AY7" s="12" t="s">
        <v>200</v>
      </c>
      <c r="AZ7" s="12" t="s">
        <v>200</v>
      </c>
      <c r="BA7" s="12" t="s">
        <v>200</v>
      </c>
      <c r="BB7" s="12" t="s">
        <v>200</v>
      </c>
      <c r="BC7" s="12" t="s">
        <v>200</v>
      </c>
      <c r="BD7" s="12" t="s">
        <v>200</v>
      </c>
      <c r="BE7" s="12" t="s">
        <v>200</v>
      </c>
      <c r="BF7" s="12" t="s">
        <v>200</v>
      </c>
      <c r="BG7" s="12" t="s">
        <v>200</v>
      </c>
      <c r="BH7" s="12" t="s">
        <v>200</v>
      </c>
      <c r="BI7" s="12" t="s">
        <v>200</v>
      </c>
      <c r="BJ7" s="12" t="s">
        <v>200</v>
      </c>
      <c r="BK7" s="12" t="s">
        <v>200</v>
      </c>
      <c r="BL7" s="12" t="s">
        <v>200</v>
      </c>
      <c r="BM7" s="12" t="s">
        <v>200</v>
      </c>
      <c r="BN7" s="12" t="s">
        <v>200</v>
      </c>
      <c r="BO7" s="12" t="s">
        <v>200</v>
      </c>
      <c r="BP7" s="12" t="s">
        <v>200</v>
      </c>
      <c r="BQ7" s="12" t="s">
        <v>200</v>
      </c>
      <c r="BR7" s="12" t="s">
        <v>200</v>
      </c>
      <c r="BS7" s="12" t="s">
        <v>200</v>
      </c>
      <c r="BT7" s="12" t="s">
        <v>200</v>
      </c>
      <c r="BU7" s="12" t="s">
        <v>200</v>
      </c>
      <c r="BV7" s="12" t="s">
        <v>200</v>
      </c>
      <c r="BW7" s="12" t="s">
        <v>200</v>
      </c>
      <c r="BX7" s="12" t="s">
        <v>200</v>
      </c>
      <c r="BY7" s="12" t="s">
        <v>200</v>
      </c>
      <c r="BZ7" s="12" t="s">
        <v>200</v>
      </c>
      <c r="CA7" s="12" t="s">
        <v>200</v>
      </c>
      <c r="CB7" s="12" t="s">
        <v>200</v>
      </c>
      <c r="CC7" s="12" t="s">
        <v>200</v>
      </c>
      <c r="CD7" s="12" t="s">
        <v>200</v>
      </c>
      <c r="CE7" s="12" t="s">
        <v>200</v>
      </c>
      <c r="CF7" s="12" t="s">
        <v>200</v>
      </c>
      <c r="CG7" s="12" t="s">
        <v>200</v>
      </c>
      <c r="CH7" s="12" t="s">
        <v>200</v>
      </c>
      <c r="CI7" s="12" t="s">
        <v>200</v>
      </c>
      <c r="CJ7" s="12" t="s">
        <v>200</v>
      </c>
      <c r="CK7" s="12" t="s">
        <v>200</v>
      </c>
      <c r="CL7" s="12" t="s">
        <v>200</v>
      </c>
      <c r="CM7" s="12" t="s">
        <v>200</v>
      </c>
      <c r="CN7" s="12" t="s">
        <v>200</v>
      </c>
      <c r="CO7" s="12" t="s">
        <v>200</v>
      </c>
      <c r="CP7" s="12" t="s">
        <v>200</v>
      </c>
      <c r="CQ7" s="12" t="s">
        <v>200</v>
      </c>
      <c r="CR7" s="12" t="s">
        <v>200</v>
      </c>
      <c r="CS7" s="12" t="s">
        <v>200</v>
      </c>
      <c r="CT7" s="12" t="s">
        <v>200</v>
      </c>
      <c r="CU7" s="12" t="s">
        <v>200</v>
      </c>
      <c r="CV7" s="12" t="s">
        <v>200</v>
      </c>
      <c r="CW7" s="12" t="s">
        <v>200</v>
      </c>
      <c r="CX7" s="12" t="s">
        <v>200</v>
      </c>
      <c r="CY7" s="12" t="s">
        <v>200</v>
      </c>
      <c r="CZ7" s="12" t="s">
        <v>200</v>
      </c>
      <c r="DA7" s="12" t="s">
        <v>200</v>
      </c>
      <c r="DB7" s="12" t="s">
        <v>200</v>
      </c>
      <c r="DC7" s="12" t="s">
        <v>200</v>
      </c>
      <c r="DD7" s="12" t="s">
        <v>200</v>
      </c>
      <c r="DE7" s="12" t="s">
        <v>200</v>
      </c>
      <c r="DF7" s="12" t="s">
        <v>200</v>
      </c>
      <c r="DG7" s="12" t="s">
        <v>200</v>
      </c>
      <c r="DH7" s="12" t="s">
        <v>200</v>
      </c>
      <c r="DI7" s="12" t="s">
        <v>200</v>
      </c>
      <c r="DJ7" s="12" t="s">
        <v>200</v>
      </c>
      <c r="DK7" s="12" t="s">
        <v>280</v>
      </c>
      <c r="DL7" s="12" t="s">
        <v>281</v>
      </c>
    </row>
    <row r="8" spans="1:116" s="11" customFormat="1">
      <c r="F8" s="12" t="s">
        <v>282</v>
      </c>
      <c r="G8" s="12" t="s">
        <v>282</v>
      </c>
      <c r="H8" s="12" t="s">
        <v>282</v>
      </c>
      <c r="I8" s="12" t="s">
        <v>282</v>
      </c>
      <c r="J8" s="12" t="s">
        <v>282</v>
      </c>
      <c r="K8" s="12" t="s">
        <v>282</v>
      </c>
      <c r="L8" s="12" t="s">
        <v>282</v>
      </c>
      <c r="M8" s="12" t="s">
        <v>282</v>
      </c>
      <c r="N8" s="12" t="s">
        <v>282</v>
      </c>
      <c r="O8" s="12" t="s">
        <v>282</v>
      </c>
      <c r="P8" s="12" t="s">
        <v>282</v>
      </c>
      <c r="Q8" s="12" t="s">
        <v>282</v>
      </c>
      <c r="R8" s="12" t="s">
        <v>282</v>
      </c>
      <c r="S8" s="12" t="s">
        <v>282</v>
      </c>
      <c r="T8" s="12" t="s">
        <v>282</v>
      </c>
      <c r="U8" s="12" t="s">
        <v>282</v>
      </c>
      <c r="V8" s="12" t="s">
        <v>282</v>
      </c>
      <c r="W8" s="12" t="s">
        <v>282</v>
      </c>
      <c r="X8" s="12" t="s">
        <v>282</v>
      </c>
      <c r="Y8" s="12" t="s">
        <v>282</v>
      </c>
      <c r="Z8" s="12" t="s">
        <v>282</v>
      </c>
      <c r="AA8" s="12" t="s">
        <v>282</v>
      </c>
      <c r="AB8" s="12" t="s">
        <v>282</v>
      </c>
      <c r="AC8" s="12" t="s">
        <v>282</v>
      </c>
      <c r="AD8" s="12" t="s">
        <v>282</v>
      </c>
      <c r="AE8" s="12" t="s">
        <v>282</v>
      </c>
      <c r="AF8" s="12" t="s">
        <v>282</v>
      </c>
      <c r="AG8" s="12" t="s">
        <v>282</v>
      </c>
      <c r="AH8" s="12" t="s">
        <v>282</v>
      </c>
      <c r="AI8" s="12" t="s">
        <v>282</v>
      </c>
      <c r="AJ8" s="12" t="s">
        <v>282</v>
      </c>
      <c r="AK8" s="12" t="s">
        <v>282</v>
      </c>
      <c r="AL8" s="12" t="s">
        <v>282</v>
      </c>
      <c r="AM8" s="12" t="s">
        <v>282</v>
      </c>
      <c r="AN8" s="12" t="s">
        <v>282</v>
      </c>
      <c r="AO8" s="12" t="s">
        <v>282</v>
      </c>
      <c r="AP8" s="12" t="s">
        <v>282</v>
      </c>
      <c r="AQ8" s="12" t="s">
        <v>282</v>
      </c>
      <c r="AR8" s="12" t="s">
        <v>282</v>
      </c>
      <c r="AS8" s="12" t="s">
        <v>282</v>
      </c>
      <c r="AT8" s="12" t="s">
        <v>282</v>
      </c>
      <c r="AU8" s="12" t="s">
        <v>282</v>
      </c>
      <c r="AV8" s="12" t="s">
        <v>282</v>
      </c>
      <c r="AW8" s="12" t="s">
        <v>282</v>
      </c>
      <c r="AX8" s="12" t="s">
        <v>282</v>
      </c>
      <c r="AY8" s="12" t="s">
        <v>282</v>
      </c>
      <c r="AZ8" s="12" t="s">
        <v>282</v>
      </c>
      <c r="BA8" s="12" t="s">
        <v>282</v>
      </c>
      <c r="BB8" s="12" t="s">
        <v>282</v>
      </c>
      <c r="BC8" s="12" t="s">
        <v>282</v>
      </c>
      <c r="BD8" s="12" t="s">
        <v>282</v>
      </c>
      <c r="BE8" s="12" t="s">
        <v>282</v>
      </c>
      <c r="BF8" s="12" t="s">
        <v>282</v>
      </c>
      <c r="BG8" s="12" t="s">
        <v>282</v>
      </c>
      <c r="BH8" s="12" t="s">
        <v>282</v>
      </c>
      <c r="BI8" s="12" t="s">
        <v>282</v>
      </c>
      <c r="BJ8" s="12" t="s">
        <v>282</v>
      </c>
      <c r="BK8" s="12" t="s">
        <v>282</v>
      </c>
      <c r="BL8" s="12" t="s">
        <v>282</v>
      </c>
      <c r="BM8" s="12" t="s">
        <v>282</v>
      </c>
      <c r="BN8" s="12" t="s">
        <v>282</v>
      </c>
      <c r="BO8" s="12" t="s">
        <v>282</v>
      </c>
      <c r="BP8" s="12" t="s">
        <v>282</v>
      </c>
      <c r="BQ8" s="12" t="s">
        <v>282</v>
      </c>
      <c r="BR8" s="12" t="s">
        <v>282</v>
      </c>
      <c r="BS8" s="12" t="s">
        <v>282</v>
      </c>
      <c r="BT8" s="12" t="s">
        <v>282</v>
      </c>
      <c r="BU8" s="12" t="s">
        <v>282</v>
      </c>
      <c r="BV8" s="12" t="s">
        <v>282</v>
      </c>
      <c r="BW8" s="12" t="s">
        <v>282</v>
      </c>
      <c r="BX8" s="12" t="s">
        <v>282</v>
      </c>
      <c r="BY8" s="12" t="s">
        <v>282</v>
      </c>
      <c r="BZ8" s="12" t="s">
        <v>282</v>
      </c>
      <c r="CA8" s="12" t="s">
        <v>282</v>
      </c>
      <c r="CB8" s="12" t="s">
        <v>282</v>
      </c>
      <c r="CC8" s="12" t="s">
        <v>282</v>
      </c>
      <c r="CD8" s="12" t="s">
        <v>282</v>
      </c>
      <c r="CE8" s="12" t="s">
        <v>282</v>
      </c>
      <c r="CF8" s="12" t="s">
        <v>282</v>
      </c>
      <c r="CG8" s="12" t="s">
        <v>282</v>
      </c>
      <c r="CH8" s="12" t="s">
        <v>282</v>
      </c>
      <c r="CI8" s="12" t="s">
        <v>282</v>
      </c>
      <c r="CJ8" s="12" t="s">
        <v>282</v>
      </c>
      <c r="CK8" s="12" t="s">
        <v>282</v>
      </c>
      <c r="CL8" s="12" t="s">
        <v>282</v>
      </c>
      <c r="CM8" s="12" t="s">
        <v>282</v>
      </c>
      <c r="CN8" s="12" t="s">
        <v>282</v>
      </c>
      <c r="CO8" s="12" t="s">
        <v>282</v>
      </c>
      <c r="CP8" s="12" t="s">
        <v>282</v>
      </c>
      <c r="CQ8" s="12" t="s">
        <v>282</v>
      </c>
      <c r="CR8" s="12" t="s">
        <v>282</v>
      </c>
      <c r="CS8" s="12" t="s">
        <v>282</v>
      </c>
      <c r="CT8" s="12" t="s">
        <v>282</v>
      </c>
      <c r="CU8" s="12" t="s">
        <v>282</v>
      </c>
      <c r="CV8" s="12" t="s">
        <v>282</v>
      </c>
      <c r="CW8" s="12" t="s">
        <v>282</v>
      </c>
      <c r="CX8" s="12" t="s">
        <v>282</v>
      </c>
      <c r="CY8" s="12" t="s">
        <v>282</v>
      </c>
      <c r="CZ8" s="12" t="s">
        <v>282</v>
      </c>
      <c r="DA8" s="12" t="s">
        <v>282</v>
      </c>
      <c r="DB8" s="12" t="s">
        <v>282</v>
      </c>
      <c r="DC8" s="12" t="s">
        <v>282</v>
      </c>
      <c r="DD8" s="12" t="s">
        <v>282</v>
      </c>
      <c r="DE8" s="12" t="s">
        <v>282</v>
      </c>
      <c r="DF8" s="12" t="s">
        <v>282</v>
      </c>
      <c r="DG8" s="12" t="s">
        <v>282</v>
      </c>
      <c r="DH8" s="12" t="s">
        <v>282</v>
      </c>
      <c r="DI8" s="12" t="s">
        <v>282</v>
      </c>
      <c r="DJ8" s="12" t="s">
        <v>282</v>
      </c>
      <c r="DK8" s="12"/>
      <c r="DL8" s="12"/>
    </row>
    <row r="9" spans="1:116" s="11" customFormat="1">
      <c r="F9" s="12">
        <v>1</v>
      </c>
      <c r="G9" s="12">
        <v>1</v>
      </c>
      <c r="H9" s="12">
        <v>1</v>
      </c>
      <c r="I9" s="12">
        <v>1</v>
      </c>
      <c r="J9" s="12">
        <v>1</v>
      </c>
      <c r="K9" s="12">
        <v>1</v>
      </c>
      <c r="L9" s="12">
        <v>1</v>
      </c>
      <c r="M9" s="12">
        <v>1</v>
      </c>
      <c r="N9" s="12">
        <v>1</v>
      </c>
      <c r="O9" s="12">
        <v>1</v>
      </c>
      <c r="P9" s="12">
        <v>1</v>
      </c>
      <c r="Q9" s="12">
        <v>1</v>
      </c>
      <c r="R9" s="12">
        <v>1</v>
      </c>
      <c r="S9" s="12">
        <v>1</v>
      </c>
      <c r="T9" s="12">
        <v>1</v>
      </c>
      <c r="U9" s="12">
        <v>1</v>
      </c>
      <c r="V9" s="12">
        <v>1</v>
      </c>
      <c r="W9" s="12">
        <v>1</v>
      </c>
      <c r="X9" s="12">
        <v>1</v>
      </c>
      <c r="Y9" s="12">
        <v>1</v>
      </c>
      <c r="Z9" s="12">
        <v>1</v>
      </c>
      <c r="AA9" s="12">
        <v>1</v>
      </c>
      <c r="AB9" s="12">
        <v>1</v>
      </c>
      <c r="AC9" s="12">
        <v>1</v>
      </c>
      <c r="AD9" s="12">
        <v>1</v>
      </c>
      <c r="AE9" s="12">
        <v>1</v>
      </c>
      <c r="AF9" s="12">
        <v>1</v>
      </c>
      <c r="AG9" s="12">
        <v>1</v>
      </c>
      <c r="AH9" s="12">
        <v>1</v>
      </c>
      <c r="AI9" s="12">
        <v>1</v>
      </c>
      <c r="AJ9" s="12">
        <v>1</v>
      </c>
      <c r="AK9" s="12">
        <v>1</v>
      </c>
      <c r="AL9" s="12">
        <v>1</v>
      </c>
      <c r="AM9" s="12">
        <v>1</v>
      </c>
      <c r="AN9" s="12">
        <v>1</v>
      </c>
      <c r="AO9" s="12">
        <v>1</v>
      </c>
      <c r="AP9" s="12">
        <v>1</v>
      </c>
      <c r="AQ9" s="12">
        <v>1</v>
      </c>
      <c r="AR9" s="12">
        <v>1</v>
      </c>
      <c r="AS9" s="12">
        <v>1</v>
      </c>
      <c r="AT9" s="12">
        <v>1</v>
      </c>
      <c r="AU9" s="12">
        <v>1</v>
      </c>
      <c r="AV9" s="12">
        <v>1</v>
      </c>
      <c r="AW9" s="12">
        <v>1</v>
      </c>
      <c r="AX9" s="12">
        <v>1</v>
      </c>
      <c r="AY9" s="12">
        <v>1</v>
      </c>
      <c r="AZ9" s="12">
        <v>1</v>
      </c>
      <c r="BA9" s="12">
        <v>1</v>
      </c>
      <c r="BB9" s="12">
        <v>1</v>
      </c>
      <c r="BC9" s="12">
        <v>1</v>
      </c>
      <c r="BD9" s="12">
        <v>1</v>
      </c>
      <c r="BE9" s="12">
        <v>1</v>
      </c>
      <c r="BF9" s="12">
        <v>1</v>
      </c>
      <c r="BG9" s="12">
        <v>1</v>
      </c>
      <c r="BH9" s="12">
        <v>1</v>
      </c>
      <c r="BI9" s="12">
        <v>1</v>
      </c>
      <c r="BJ9" s="12">
        <v>1</v>
      </c>
      <c r="BK9" s="12">
        <v>1</v>
      </c>
      <c r="BL9" s="12">
        <v>1</v>
      </c>
      <c r="BM9" s="12">
        <v>1</v>
      </c>
      <c r="BN9" s="12">
        <v>1</v>
      </c>
      <c r="BO9" s="12">
        <v>1</v>
      </c>
      <c r="BP9" s="12">
        <v>1</v>
      </c>
      <c r="BQ9" s="12">
        <v>1</v>
      </c>
      <c r="BR9" s="12">
        <v>1</v>
      </c>
      <c r="BS9" s="12">
        <v>1</v>
      </c>
      <c r="BT9" s="12">
        <v>1</v>
      </c>
      <c r="BU9" s="12">
        <v>1</v>
      </c>
      <c r="BV9" s="12">
        <v>1</v>
      </c>
      <c r="BW9" s="12">
        <v>1</v>
      </c>
      <c r="BX9" s="12">
        <v>1</v>
      </c>
      <c r="BY9" s="12">
        <v>1</v>
      </c>
      <c r="BZ9" s="12">
        <v>1</v>
      </c>
      <c r="CA9" s="12">
        <v>1</v>
      </c>
      <c r="CB9" s="12">
        <v>1</v>
      </c>
      <c r="CC9" s="12">
        <v>1</v>
      </c>
      <c r="CD9" s="12">
        <v>1</v>
      </c>
      <c r="CE9" s="12">
        <v>1</v>
      </c>
      <c r="CF9" s="12">
        <v>1</v>
      </c>
      <c r="CG9" s="12">
        <v>1</v>
      </c>
      <c r="CH9" s="12">
        <v>1</v>
      </c>
      <c r="CI9" s="12">
        <v>1</v>
      </c>
      <c r="CJ9" s="12">
        <v>1</v>
      </c>
      <c r="CK9" s="12">
        <v>1</v>
      </c>
      <c r="CL9" s="12">
        <v>1</v>
      </c>
      <c r="CM9" s="12">
        <v>1</v>
      </c>
      <c r="CN9" s="12">
        <v>1</v>
      </c>
      <c r="CO9" s="12">
        <v>1</v>
      </c>
      <c r="CP9" s="12">
        <v>1</v>
      </c>
      <c r="CQ9" s="12">
        <v>1</v>
      </c>
      <c r="CR9" s="12">
        <v>1</v>
      </c>
      <c r="CS9" s="12">
        <v>1</v>
      </c>
      <c r="CT9" s="12">
        <v>1</v>
      </c>
      <c r="CU9" s="12">
        <v>1</v>
      </c>
      <c r="CV9" s="12">
        <v>1</v>
      </c>
      <c r="CW9" s="12">
        <v>1</v>
      </c>
      <c r="CX9" s="12">
        <v>1</v>
      </c>
      <c r="CY9" s="12">
        <v>1</v>
      </c>
      <c r="CZ9" s="12">
        <v>1</v>
      </c>
      <c r="DA9" s="12">
        <v>1</v>
      </c>
      <c r="DB9" s="12">
        <v>1</v>
      </c>
      <c r="DC9" s="12">
        <v>1</v>
      </c>
      <c r="DD9" s="12">
        <v>1</v>
      </c>
      <c r="DE9" s="12">
        <v>1</v>
      </c>
      <c r="DF9" s="12">
        <v>1</v>
      </c>
      <c r="DG9" s="12">
        <v>1</v>
      </c>
      <c r="DH9" s="12">
        <v>1</v>
      </c>
      <c r="DI9" s="12">
        <v>1</v>
      </c>
      <c r="DJ9" s="12">
        <v>1</v>
      </c>
      <c r="DK9" s="12"/>
      <c r="DL9" s="12"/>
    </row>
    <row r="10" spans="1:116" s="11" customFormat="1" ht="24">
      <c r="F10" s="12" t="s">
        <v>283</v>
      </c>
      <c r="G10" s="12" t="s">
        <v>284</v>
      </c>
      <c r="H10" s="12" t="s">
        <v>285</v>
      </c>
      <c r="I10" s="12" t="s">
        <v>286</v>
      </c>
      <c r="J10" s="12" t="s">
        <v>287</v>
      </c>
      <c r="K10" s="12" t="s">
        <v>288</v>
      </c>
      <c r="L10" s="12" t="s">
        <v>289</v>
      </c>
      <c r="M10" s="12" t="s">
        <v>290</v>
      </c>
      <c r="N10" s="12" t="s">
        <v>291</v>
      </c>
      <c r="O10" s="12" t="s">
        <v>292</v>
      </c>
      <c r="P10" s="12" t="s">
        <v>293</v>
      </c>
      <c r="Q10" s="12" t="s">
        <v>294</v>
      </c>
      <c r="R10" s="12" t="s">
        <v>295</v>
      </c>
      <c r="S10" s="12" t="s">
        <v>296</v>
      </c>
      <c r="T10" s="12" t="s">
        <v>297</v>
      </c>
      <c r="U10" s="12" t="s">
        <v>298</v>
      </c>
      <c r="V10" s="12" t="s">
        <v>299</v>
      </c>
      <c r="W10" s="12" t="s">
        <v>300</v>
      </c>
      <c r="X10" s="12" t="s">
        <v>301</v>
      </c>
      <c r="Y10" s="12" t="s">
        <v>302</v>
      </c>
      <c r="Z10" s="12" t="s">
        <v>303</v>
      </c>
      <c r="AA10" s="12" t="s">
        <v>304</v>
      </c>
      <c r="AB10" s="12" t="s">
        <v>305</v>
      </c>
      <c r="AC10" s="12" t="s">
        <v>306</v>
      </c>
      <c r="AD10" s="12" t="s">
        <v>307</v>
      </c>
      <c r="AE10" s="12" t="s">
        <v>308</v>
      </c>
      <c r="AF10" s="12" t="s">
        <v>309</v>
      </c>
      <c r="AG10" s="12" t="s">
        <v>310</v>
      </c>
      <c r="AH10" s="12" t="s">
        <v>311</v>
      </c>
      <c r="AI10" s="12" t="s">
        <v>312</v>
      </c>
      <c r="AJ10" s="12" t="s">
        <v>313</v>
      </c>
      <c r="AK10" s="12" t="s">
        <v>314</v>
      </c>
      <c r="AL10" s="12" t="s">
        <v>315</v>
      </c>
      <c r="AM10" s="12" t="s">
        <v>316</v>
      </c>
      <c r="AN10" s="12" t="s">
        <v>317</v>
      </c>
      <c r="AO10" s="12" t="s">
        <v>318</v>
      </c>
      <c r="AP10" s="12" t="s">
        <v>319</v>
      </c>
      <c r="AQ10" s="12" t="s">
        <v>320</v>
      </c>
      <c r="AR10" s="12" t="s">
        <v>321</v>
      </c>
      <c r="AS10" s="12" t="s">
        <v>322</v>
      </c>
      <c r="AT10" s="12" t="s">
        <v>323</v>
      </c>
      <c r="AU10" s="12" t="s">
        <v>324</v>
      </c>
      <c r="AV10" s="12" t="s">
        <v>325</v>
      </c>
      <c r="AW10" s="12" t="s">
        <v>326</v>
      </c>
      <c r="AX10" s="12" t="s">
        <v>327</v>
      </c>
      <c r="AY10" s="12" t="s">
        <v>328</v>
      </c>
      <c r="AZ10" s="12" t="s">
        <v>329</v>
      </c>
      <c r="BA10" s="12" t="s">
        <v>330</v>
      </c>
      <c r="BB10" s="12" t="s">
        <v>331</v>
      </c>
      <c r="BC10" s="12" t="s">
        <v>332</v>
      </c>
      <c r="BD10" s="12" t="s">
        <v>333</v>
      </c>
      <c r="BE10" s="12" t="s">
        <v>334</v>
      </c>
      <c r="BF10" s="12" t="s">
        <v>335</v>
      </c>
      <c r="BG10" s="12" t="s">
        <v>336</v>
      </c>
      <c r="BH10" s="12" t="s">
        <v>337</v>
      </c>
      <c r="BI10" s="12" t="s">
        <v>338</v>
      </c>
      <c r="BJ10" s="12" t="s">
        <v>339</v>
      </c>
      <c r="BK10" s="12" t="s">
        <v>340</v>
      </c>
      <c r="BL10" s="12" t="s">
        <v>341</v>
      </c>
      <c r="BM10" s="12" t="s">
        <v>342</v>
      </c>
      <c r="BN10" s="12" t="s">
        <v>343</v>
      </c>
      <c r="BO10" s="12" t="s">
        <v>344</v>
      </c>
      <c r="BP10" s="12" t="s">
        <v>345</v>
      </c>
      <c r="BQ10" s="12" t="s">
        <v>346</v>
      </c>
      <c r="BR10" s="12" t="s">
        <v>347</v>
      </c>
      <c r="BS10" s="12" t="s">
        <v>348</v>
      </c>
      <c r="BT10" s="12" t="s">
        <v>349</v>
      </c>
      <c r="BU10" s="12" t="s">
        <v>350</v>
      </c>
      <c r="BV10" s="12" t="s">
        <v>351</v>
      </c>
      <c r="BW10" s="12" t="s">
        <v>352</v>
      </c>
      <c r="BX10" s="12" t="s">
        <v>353</v>
      </c>
      <c r="BY10" s="12" t="s">
        <v>354</v>
      </c>
      <c r="BZ10" s="12" t="s">
        <v>355</v>
      </c>
      <c r="CA10" s="12" t="s">
        <v>356</v>
      </c>
      <c r="CB10" s="12" t="s">
        <v>357</v>
      </c>
      <c r="CC10" s="12" t="s">
        <v>358</v>
      </c>
      <c r="CD10" s="12" t="s">
        <v>359</v>
      </c>
      <c r="CE10" s="12" t="s">
        <v>360</v>
      </c>
      <c r="CF10" s="12" t="s">
        <v>361</v>
      </c>
      <c r="CG10" s="12" t="s">
        <v>362</v>
      </c>
      <c r="CH10" s="12" t="s">
        <v>363</v>
      </c>
      <c r="CI10" s="12" t="s">
        <v>364</v>
      </c>
      <c r="CJ10" s="12" t="s">
        <v>365</v>
      </c>
      <c r="CK10" s="12" t="s">
        <v>366</v>
      </c>
      <c r="CL10" s="12" t="s">
        <v>367</v>
      </c>
      <c r="CM10" s="12" t="s">
        <v>368</v>
      </c>
      <c r="CN10" s="12" t="s">
        <v>369</v>
      </c>
      <c r="CO10" s="12" t="s">
        <v>370</v>
      </c>
      <c r="CP10" s="12" t="s">
        <v>371</v>
      </c>
      <c r="CQ10" s="12" t="s">
        <v>372</v>
      </c>
      <c r="CR10" s="12" t="s">
        <v>373</v>
      </c>
      <c r="CS10" s="12" t="s">
        <v>374</v>
      </c>
      <c r="CT10" s="12" t="s">
        <v>375</v>
      </c>
      <c r="CU10" s="12" t="s">
        <v>376</v>
      </c>
      <c r="CV10" s="12" t="s">
        <v>377</v>
      </c>
      <c r="CW10" s="12" t="s">
        <v>378</v>
      </c>
      <c r="CX10" s="12" t="s">
        <v>379</v>
      </c>
      <c r="CY10" s="12" t="s">
        <v>380</v>
      </c>
      <c r="CZ10" s="12" t="s">
        <v>381</v>
      </c>
      <c r="DA10" s="12" t="s">
        <v>382</v>
      </c>
      <c r="DB10" s="12" t="s">
        <v>383</v>
      </c>
      <c r="DC10" s="12" t="s">
        <v>384</v>
      </c>
      <c r="DD10" s="12" t="s">
        <v>385</v>
      </c>
      <c r="DE10" s="12" t="s">
        <v>386</v>
      </c>
      <c r="DF10" s="12" t="s">
        <v>387</v>
      </c>
      <c r="DG10" s="12" t="s">
        <v>388</v>
      </c>
      <c r="DH10" s="12" t="s">
        <v>389</v>
      </c>
      <c r="DI10" s="12" t="s">
        <v>390</v>
      </c>
      <c r="DJ10" s="12" t="s">
        <v>391</v>
      </c>
      <c r="DK10" s="12"/>
      <c r="DL10" s="12"/>
    </row>
    <row r="11" spans="1:116" s="11" customFormat="1">
      <c r="F11" s="13" t="s">
        <v>219</v>
      </c>
      <c r="G11" s="13" t="s">
        <v>219</v>
      </c>
      <c r="H11" s="13" t="s">
        <v>219</v>
      </c>
      <c r="I11" s="13" t="s">
        <v>219</v>
      </c>
      <c r="J11" s="13" t="s">
        <v>219</v>
      </c>
      <c r="K11" s="13" t="s">
        <v>219</v>
      </c>
      <c r="L11" s="13" t="s">
        <v>219</v>
      </c>
      <c r="M11" s="13" t="s">
        <v>219</v>
      </c>
      <c r="N11" s="13" t="s">
        <v>219</v>
      </c>
      <c r="O11" s="13" t="s">
        <v>219</v>
      </c>
      <c r="P11" s="13" t="s">
        <v>219</v>
      </c>
      <c r="Q11" s="13" t="s">
        <v>219</v>
      </c>
      <c r="R11" s="13" t="s">
        <v>219</v>
      </c>
      <c r="S11" s="13" t="s">
        <v>219</v>
      </c>
      <c r="T11" s="13" t="s">
        <v>219</v>
      </c>
      <c r="U11" s="13" t="s">
        <v>219</v>
      </c>
      <c r="V11" s="13" t="s">
        <v>219</v>
      </c>
      <c r="W11" s="13" t="s">
        <v>219</v>
      </c>
      <c r="X11" s="13" t="s">
        <v>219</v>
      </c>
      <c r="Y11" s="13" t="s">
        <v>219</v>
      </c>
      <c r="Z11" s="13" t="s">
        <v>219</v>
      </c>
      <c r="AA11" s="13" t="s">
        <v>219</v>
      </c>
      <c r="AB11" s="13" t="s">
        <v>219</v>
      </c>
      <c r="AC11" s="13" t="s">
        <v>219</v>
      </c>
      <c r="AD11" s="13" t="s">
        <v>219</v>
      </c>
      <c r="AE11" s="13" t="s">
        <v>219</v>
      </c>
      <c r="AF11" s="13" t="s">
        <v>219</v>
      </c>
      <c r="AG11" s="13" t="s">
        <v>219</v>
      </c>
      <c r="AH11" s="13" t="s">
        <v>219</v>
      </c>
      <c r="AI11" s="13" t="s">
        <v>219</v>
      </c>
      <c r="AJ11" s="13" t="s">
        <v>219</v>
      </c>
      <c r="AK11" s="13" t="s">
        <v>219</v>
      </c>
      <c r="AL11" s="13" t="s">
        <v>219</v>
      </c>
      <c r="AM11" s="13" t="s">
        <v>219</v>
      </c>
      <c r="AN11" s="13" t="s">
        <v>219</v>
      </c>
      <c r="AO11" s="13" t="s">
        <v>219</v>
      </c>
      <c r="AP11" s="13" t="s">
        <v>219</v>
      </c>
      <c r="AQ11" s="13" t="s">
        <v>219</v>
      </c>
      <c r="AR11" s="13" t="s">
        <v>219</v>
      </c>
      <c r="AS11" s="13" t="s">
        <v>219</v>
      </c>
      <c r="AT11" s="13" t="s">
        <v>219</v>
      </c>
      <c r="AU11" s="13" t="s">
        <v>219</v>
      </c>
      <c r="AV11" s="13" t="s">
        <v>219</v>
      </c>
      <c r="AW11" s="13" t="s">
        <v>219</v>
      </c>
      <c r="AX11" s="13" t="s">
        <v>219</v>
      </c>
      <c r="AY11" s="13" t="s">
        <v>219</v>
      </c>
      <c r="AZ11" s="13" t="s">
        <v>219</v>
      </c>
      <c r="BA11" s="13" t="s">
        <v>219</v>
      </c>
      <c r="BB11" s="13" t="s">
        <v>219</v>
      </c>
      <c r="BC11" s="13" t="s">
        <v>219</v>
      </c>
      <c r="BD11" s="13" t="s">
        <v>219</v>
      </c>
      <c r="BE11" s="13" t="s">
        <v>219</v>
      </c>
      <c r="BF11" s="13" t="s">
        <v>219</v>
      </c>
      <c r="BG11" s="13" t="s">
        <v>219</v>
      </c>
      <c r="BH11" s="13" t="s">
        <v>219</v>
      </c>
      <c r="BI11" s="13" t="s">
        <v>219</v>
      </c>
      <c r="BJ11" s="13" t="s">
        <v>219</v>
      </c>
      <c r="BK11" s="13" t="s">
        <v>219</v>
      </c>
      <c r="BL11" s="13" t="s">
        <v>219</v>
      </c>
      <c r="BM11" s="13" t="s">
        <v>219</v>
      </c>
      <c r="BN11" s="13" t="s">
        <v>219</v>
      </c>
      <c r="BO11" s="13" t="s">
        <v>219</v>
      </c>
      <c r="BP11" s="13" t="s">
        <v>219</v>
      </c>
      <c r="BQ11" s="13" t="s">
        <v>219</v>
      </c>
      <c r="BR11" s="13" t="s">
        <v>219</v>
      </c>
      <c r="BS11" s="13" t="s">
        <v>219</v>
      </c>
      <c r="BT11" s="13" t="s">
        <v>219</v>
      </c>
      <c r="BU11" s="13" t="s">
        <v>219</v>
      </c>
      <c r="BV11" s="13" t="s">
        <v>219</v>
      </c>
      <c r="BW11" s="13" t="s">
        <v>219</v>
      </c>
      <c r="BX11" s="13" t="s">
        <v>219</v>
      </c>
      <c r="BY11" s="13" t="s">
        <v>219</v>
      </c>
      <c r="BZ11" s="13" t="s">
        <v>219</v>
      </c>
      <c r="CA11" s="13" t="s">
        <v>219</v>
      </c>
      <c r="CB11" s="13" t="s">
        <v>219</v>
      </c>
      <c r="CC11" s="13" t="s">
        <v>219</v>
      </c>
      <c r="CD11" s="13" t="s">
        <v>219</v>
      </c>
      <c r="CE11" s="13" t="s">
        <v>219</v>
      </c>
      <c r="CF11" s="13" t="s">
        <v>219</v>
      </c>
      <c r="CG11" s="13" t="s">
        <v>219</v>
      </c>
      <c r="CH11" s="13" t="s">
        <v>219</v>
      </c>
      <c r="CI11" s="13" t="s">
        <v>219</v>
      </c>
      <c r="CJ11" s="13" t="s">
        <v>219</v>
      </c>
      <c r="CK11" s="13" t="s">
        <v>219</v>
      </c>
      <c r="CL11" s="13" t="s">
        <v>219</v>
      </c>
      <c r="CM11" s="13" t="s">
        <v>219</v>
      </c>
      <c r="CN11" s="13" t="s">
        <v>219</v>
      </c>
      <c r="CO11" s="13" t="s">
        <v>219</v>
      </c>
      <c r="CP11" s="13" t="s">
        <v>219</v>
      </c>
      <c r="CQ11" s="13" t="s">
        <v>219</v>
      </c>
      <c r="CR11" s="13" t="s">
        <v>219</v>
      </c>
      <c r="CS11" s="13" t="s">
        <v>219</v>
      </c>
      <c r="CT11" s="13" t="s">
        <v>219</v>
      </c>
      <c r="CU11" s="13" t="s">
        <v>219</v>
      </c>
      <c r="CV11" s="13" t="s">
        <v>219</v>
      </c>
      <c r="CW11" s="13" t="s">
        <v>219</v>
      </c>
      <c r="CX11" s="13" t="s">
        <v>219</v>
      </c>
      <c r="CY11" s="13" t="s">
        <v>219</v>
      </c>
      <c r="CZ11" s="13" t="s">
        <v>219</v>
      </c>
      <c r="DA11" s="13" t="s">
        <v>219</v>
      </c>
      <c r="DB11" s="13" t="s">
        <v>219</v>
      </c>
      <c r="DC11" s="13" t="s">
        <v>219</v>
      </c>
      <c r="DD11" s="13" t="s">
        <v>219</v>
      </c>
      <c r="DE11" s="13" t="s">
        <v>219</v>
      </c>
      <c r="DF11" s="13" t="s">
        <v>219</v>
      </c>
      <c r="DG11" s="13" t="s">
        <v>219</v>
      </c>
      <c r="DH11" s="13" t="s">
        <v>219</v>
      </c>
      <c r="DI11" s="13" t="s">
        <v>219</v>
      </c>
      <c r="DJ11" s="13" t="s">
        <v>219</v>
      </c>
      <c r="DK11" s="13" t="s">
        <v>392</v>
      </c>
      <c r="DL11" s="13" t="s">
        <v>392</v>
      </c>
    </row>
    <row r="12" spans="1:116" s="11" customFormat="1">
      <c r="A12" s="14" t="s">
        <v>393</v>
      </c>
      <c r="B12" s="14" t="s">
        <v>212</v>
      </c>
      <c r="C12" s="14" t="s">
        <v>224</v>
      </c>
      <c r="D12" s="14" t="s">
        <v>259</v>
      </c>
      <c r="E12" s="14" t="s">
        <v>260</v>
      </c>
      <c r="F12" s="14" t="s">
        <v>231</v>
      </c>
      <c r="G12" s="14"/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S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E12" s="14"/>
      <c r="AF12" s="14"/>
      <c r="AG12" s="14"/>
      <c r="AH12" s="14"/>
      <c r="AI12" s="14"/>
      <c r="AJ12" s="14"/>
      <c r="AK12" s="14"/>
      <c r="AL12" s="14"/>
      <c r="AM12" s="14"/>
      <c r="AN12" s="14"/>
      <c r="AO12" s="14"/>
      <c r="AP12" s="14"/>
      <c r="AQ12" s="14"/>
      <c r="AR12" s="14"/>
      <c r="AS12" s="14"/>
      <c r="AT12" s="14"/>
      <c r="AU12" s="14"/>
      <c r="AV12" s="14"/>
      <c r="AW12" s="14"/>
      <c r="AX12" s="14"/>
      <c r="AY12" s="14"/>
      <c r="AZ12" s="14"/>
      <c r="BA12" s="14"/>
      <c r="BB12" s="14"/>
      <c r="BC12" s="14"/>
      <c r="BD12" s="14"/>
      <c r="BE12" s="14"/>
      <c r="BF12" s="14"/>
      <c r="BG12" s="14"/>
      <c r="BH12" s="14"/>
      <c r="BI12" s="14"/>
      <c r="BJ12" s="14"/>
      <c r="BK12" s="14"/>
      <c r="BL12" s="14"/>
      <c r="BM12" s="14"/>
      <c r="BN12" s="14"/>
      <c r="BO12" s="14"/>
      <c r="BP12" s="14"/>
      <c r="BQ12" s="14"/>
      <c r="BR12" s="14"/>
      <c r="BS12" s="14"/>
      <c r="BT12" s="14"/>
      <c r="BU12" s="14"/>
      <c r="BV12" s="14"/>
      <c r="BW12" s="14"/>
      <c r="BX12" s="14"/>
      <c r="BY12" s="14"/>
      <c r="BZ12" s="14"/>
      <c r="CA12" s="14"/>
      <c r="CB12" s="14"/>
      <c r="CC12" s="14"/>
      <c r="CD12" s="14"/>
      <c r="CE12" s="14"/>
      <c r="CF12" s="14"/>
      <c r="CG12" s="14"/>
      <c r="CH12" s="14"/>
      <c r="CI12" s="14"/>
      <c r="CJ12" s="14"/>
      <c r="CK12" s="14"/>
      <c r="CL12" s="14"/>
      <c r="CM12" s="14"/>
      <c r="CN12" s="14"/>
      <c r="CO12" s="14"/>
      <c r="CP12" s="14"/>
      <c r="CQ12" s="14"/>
      <c r="CR12" s="14"/>
      <c r="CS12" s="14"/>
      <c r="CT12" s="14"/>
      <c r="CU12" s="14"/>
      <c r="CV12" s="14"/>
      <c r="CW12" s="14"/>
      <c r="CX12" s="14"/>
      <c r="CY12" s="14"/>
      <c r="CZ12" s="14"/>
      <c r="DA12" s="14"/>
      <c r="DB12" s="14"/>
      <c r="DC12" s="14"/>
      <c r="DD12" s="14"/>
      <c r="DE12" s="14"/>
      <c r="DF12" s="14"/>
      <c r="DG12" s="14"/>
      <c r="DH12" s="14"/>
      <c r="DI12" s="14"/>
      <c r="DJ12" s="14"/>
      <c r="DK12" s="14"/>
      <c r="DL12" s="14"/>
    </row>
    <row r="13" spans="1:116">
      <c r="A13" s="15" t="s">
        <v>394</v>
      </c>
      <c r="B13" s="15" t="s">
        <v>214</v>
      </c>
      <c r="C13" s="15" t="s">
        <v>232</v>
      </c>
      <c r="D13" s="15" t="s">
        <v>233</v>
      </c>
      <c r="E13" s="15" t="s">
        <v>262</v>
      </c>
      <c r="F13" s="16">
        <v>88285927</v>
      </c>
      <c r="G13" s="16">
        <v>624621</v>
      </c>
      <c r="H13" s="16">
        <v>642243</v>
      </c>
      <c r="I13" s="16">
        <v>667741</v>
      </c>
      <c r="J13" s="16">
        <v>678956</v>
      </c>
      <c r="K13" s="16">
        <v>703407</v>
      </c>
      <c r="L13" s="16">
        <v>716585</v>
      </c>
      <c r="M13" s="16">
        <v>710507</v>
      </c>
      <c r="N13" s="16">
        <v>724637</v>
      </c>
      <c r="O13" s="16">
        <v>722613</v>
      </c>
      <c r="P13" s="16">
        <v>738057</v>
      </c>
      <c r="Q13" s="16">
        <v>742543</v>
      </c>
      <c r="R13" s="16">
        <v>744348</v>
      </c>
      <c r="S13" s="16">
        <v>755421</v>
      </c>
      <c r="T13" s="16">
        <v>748884</v>
      </c>
      <c r="U13" s="16">
        <v>740228</v>
      </c>
      <c r="V13" s="16">
        <v>738869</v>
      </c>
      <c r="W13" s="16">
        <v>767565</v>
      </c>
      <c r="X13" s="16">
        <v>774221</v>
      </c>
      <c r="Y13" s="16">
        <v>824153</v>
      </c>
      <c r="Z13" s="16">
        <v>868331</v>
      </c>
      <c r="AA13" s="16">
        <v>890963</v>
      </c>
      <c r="AB13" s="16">
        <v>895748</v>
      </c>
      <c r="AC13" s="16">
        <v>915414</v>
      </c>
      <c r="AD13" s="16">
        <v>920770</v>
      </c>
      <c r="AE13" s="16">
        <v>919371</v>
      </c>
      <c r="AF13" s="16">
        <v>932815</v>
      </c>
      <c r="AG13" s="16">
        <v>934572</v>
      </c>
      <c r="AH13" s="16">
        <v>918183</v>
      </c>
      <c r="AI13" s="16">
        <v>929524</v>
      </c>
      <c r="AJ13" s="16">
        <v>922592</v>
      </c>
      <c r="AK13" s="16">
        <v>937532</v>
      </c>
      <c r="AL13" s="16">
        <v>948183</v>
      </c>
      <c r="AM13" s="16">
        <v>974777</v>
      </c>
      <c r="AN13" s="16">
        <v>995163</v>
      </c>
      <c r="AO13" s="16">
        <v>1005814</v>
      </c>
      <c r="AP13" s="16">
        <v>1039433</v>
      </c>
      <c r="AQ13" s="16">
        <v>1071430</v>
      </c>
      <c r="AR13" s="16">
        <v>1084250</v>
      </c>
      <c r="AS13" s="16">
        <v>1082012</v>
      </c>
      <c r="AT13" s="16">
        <v>1088492</v>
      </c>
      <c r="AU13" s="16">
        <v>1135067</v>
      </c>
      <c r="AV13" s="16">
        <v>1161312</v>
      </c>
      <c r="AW13" s="16">
        <v>1203475</v>
      </c>
      <c r="AX13" s="16">
        <v>1233739</v>
      </c>
      <c r="AY13" s="16">
        <v>1290633</v>
      </c>
      <c r="AZ13" s="16">
        <v>1346337</v>
      </c>
      <c r="BA13" s="16">
        <v>1425929</v>
      </c>
      <c r="BB13" s="16">
        <v>1457702</v>
      </c>
      <c r="BC13" s="16">
        <v>1433093</v>
      </c>
      <c r="BD13" s="16">
        <v>1392996</v>
      </c>
      <c r="BE13" s="16">
        <v>1348420</v>
      </c>
      <c r="BF13" s="16">
        <v>1327555</v>
      </c>
      <c r="BG13" s="16">
        <v>1285113</v>
      </c>
      <c r="BH13" s="16">
        <v>1274274</v>
      </c>
      <c r="BI13" s="16">
        <v>993823</v>
      </c>
      <c r="BJ13" s="16">
        <v>1207326</v>
      </c>
      <c r="BK13" s="16">
        <v>1119358</v>
      </c>
      <c r="BL13" s="16">
        <v>1077626</v>
      </c>
      <c r="BM13" s="16">
        <v>1028452</v>
      </c>
      <c r="BN13" s="16">
        <v>989758</v>
      </c>
      <c r="BO13" s="16">
        <v>980015</v>
      </c>
      <c r="BP13" s="16">
        <v>977242</v>
      </c>
      <c r="BQ13" s="16">
        <v>938596</v>
      </c>
      <c r="BR13" s="16">
        <v>897798</v>
      </c>
      <c r="BS13" s="16">
        <v>930500</v>
      </c>
      <c r="BT13" s="16">
        <v>950077</v>
      </c>
      <c r="BU13" s="16">
        <v>944447</v>
      </c>
      <c r="BV13" s="16">
        <v>995812</v>
      </c>
      <c r="BW13" s="16">
        <v>1048155</v>
      </c>
      <c r="BX13" s="16">
        <v>1108305</v>
      </c>
      <c r="BY13" s="16">
        <v>1190446</v>
      </c>
      <c r="BZ13" s="16">
        <v>1310488</v>
      </c>
      <c r="CA13" s="16">
        <v>1295042</v>
      </c>
      <c r="CB13" s="16">
        <v>1226722</v>
      </c>
      <c r="CC13" s="16">
        <v>764282</v>
      </c>
      <c r="CD13" s="16">
        <v>810175</v>
      </c>
      <c r="CE13" s="16">
        <v>976733</v>
      </c>
      <c r="CF13" s="16">
        <v>932780</v>
      </c>
      <c r="CG13" s="16">
        <v>938917</v>
      </c>
      <c r="CH13" s="16">
        <v>891356</v>
      </c>
      <c r="CI13" s="16">
        <v>780523</v>
      </c>
      <c r="CJ13" s="16">
        <v>654455</v>
      </c>
      <c r="CK13" s="16">
        <v>663730</v>
      </c>
      <c r="CL13" s="16">
        <v>651094</v>
      </c>
      <c r="CM13" s="16">
        <v>620604</v>
      </c>
      <c r="CN13" s="16">
        <v>552208</v>
      </c>
      <c r="CO13" s="16">
        <v>481826</v>
      </c>
      <c r="CP13" s="16">
        <v>442573</v>
      </c>
      <c r="CQ13" s="16">
        <v>390340</v>
      </c>
      <c r="CR13" s="16">
        <v>335519</v>
      </c>
      <c r="CS13" s="16">
        <v>280576</v>
      </c>
      <c r="CT13" s="16">
        <v>237688</v>
      </c>
      <c r="CU13" s="16">
        <v>197997</v>
      </c>
      <c r="CV13" s="16">
        <v>148564</v>
      </c>
      <c r="CW13" s="16">
        <v>118558</v>
      </c>
      <c r="CX13" s="16">
        <v>88442</v>
      </c>
      <c r="CY13" s="16">
        <v>63360</v>
      </c>
      <c r="CZ13" s="16">
        <v>46164</v>
      </c>
      <c r="DA13" s="16">
        <v>32856</v>
      </c>
      <c r="DB13" s="16">
        <v>22654</v>
      </c>
      <c r="DC13" s="16">
        <v>39738</v>
      </c>
      <c r="DD13" s="16">
        <v>2555614</v>
      </c>
      <c r="DE13" s="16">
        <v>10660791</v>
      </c>
      <c r="DF13" s="16">
        <v>52836316</v>
      </c>
      <c r="DG13" s="16">
        <v>22233206</v>
      </c>
      <c r="DH13" s="16">
        <v>11399430</v>
      </c>
      <c r="DI13" s="16">
        <v>3479063</v>
      </c>
      <c r="DJ13" s="16">
        <v>53909973</v>
      </c>
      <c r="DK13" s="17">
        <v>46.275820000000003</v>
      </c>
      <c r="DL13" s="17">
        <v>47.018999999999998</v>
      </c>
    </row>
    <row r="14" spans="1:116">
      <c r="A14" s="21" t="s">
        <v>394</v>
      </c>
      <c r="B14" s="21" t="s">
        <v>214</v>
      </c>
      <c r="C14" s="21" t="s">
        <v>232</v>
      </c>
      <c r="D14" s="21" t="s">
        <v>237</v>
      </c>
      <c r="E14" s="21" t="s">
        <v>264</v>
      </c>
      <c r="F14" s="16">
        <v>865846</v>
      </c>
      <c r="G14" s="16">
        <v>7121</v>
      </c>
      <c r="H14" s="16">
        <v>7254</v>
      </c>
      <c r="I14" s="16">
        <v>7534</v>
      </c>
      <c r="J14" s="16">
        <v>7540</v>
      </c>
      <c r="K14" s="16">
        <v>7758</v>
      </c>
      <c r="L14" s="16">
        <v>7932</v>
      </c>
      <c r="M14" s="16">
        <v>8056</v>
      </c>
      <c r="N14" s="16">
        <v>8043</v>
      </c>
      <c r="O14" s="16">
        <v>8234</v>
      </c>
      <c r="P14" s="16">
        <v>8169</v>
      </c>
      <c r="Q14" s="16">
        <v>8377</v>
      </c>
      <c r="R14" s="16">
        <v>8370</v>
      </c>
      <c r="S14" s="16">
        <v>8559</v>
      </c>
      <c r="T14" s="16">
        <v>8439</v>
      </c>
      <c r="U14" s="16">
        <v>8246</v>
      </c>
      <c r="V14" s="16">
        <v>8467</v>
      </c>
      <c r="W14" s="16">
        <v>9226</v>
      </c>
      <c r="X14" s="16">
        <v>9380</v>
      </c>
      <c r="Y14" s="16">
        <v>9159</v>
      </c>
      <c r="Z14" s="16">
        <v>8933</v>
      </c>
      <c r="AA14" s="16">
        <v>8795</v>
      </c>
      <c r="AB14" s="16">
        <v>8672</v>
      </c>
      <c r="AC14" s="16">
        <v>8713</v>
      </c>
      <c r="AD14" s="16">
        <v>8352</v>
      </c>
      <c r="AE14" s="16">
        <v>8221</v>
      </c>
      <c r="AF14" s="16">
        <v>8036</v>
      </c>
      <c r="AG14" s="16">
        <v>8161</v>
      </c>
      <c r="AH14" s="16">
        <v>8495</v>
      </c>
      <c r="AI14" s="16">
        <v>8527</v>
      </c>
      <c r="AJ14" s="16">
        <v>8323</v>
      </c>
      <c r="AK14" s="16">
        <v>8576</v>
      </c>
      <c r="AL14" s="16">
        <v>8820</v>
      </c>
      <c r="AM14" s="16">
        <v>9163</v>
      </c>
      <c r="AN14" s="16">
        <v>9347</v>
      </c>
      <c r="AO14" s="16">
        <v>9634</v>
      </c>
      <c r="AP14" s="16">
        <v>10074</v>
      </c>
      <c r="AQ14" s="16">
        <v>10406</v>
      </c>
      <c r="AR14" s="16">
        <v>10340</v>
      </c>
      <c r="AS14" s="16">
        <v>10588</v>
      </c>
      <c r="AT14" s="16">
        <v>10549</v>
      </c>
      <c r="AU14" s="16">
        <v>10923</v>
      </c>
      <c r="AV14" s="16">
        <v>11297</v>
      </c>
      <c r="AW14" s="16">
        <v>11555</v>
      </c>
      <c r="AX14" s="16">
        <v>11798</v>
      </c>
      <c r="AY14" s="16">
        <v>12316</v>
      </c>
      <c r="AZ14" s="16">
        <v>12438</v>
      </c>
      <c r="BA14" s="16">
        <v>12982</v>
      </c>
      <c r="BB14" s="16">
        <v>12934</v>
      </c>
      <c r="BC14" s="16">
        <v>12572</v>
      </c>
      <c r="BD14" s="16">
        <v>11867</v>
      </c>
      <c r="BE14" s="16">
        <v>11332</v>
      </c>
      <c r="BF14" s="16">
        <v>11371</v>
      </c>
      <c r="BG14" s="16">
        <v>11263</v>
      </c>
      <c r="BH14" s="16">
        <v>11678</v>
      </c>
      <c r="BI14" s="16">
        <v>8984</v>
      </c>
      <c r="BJ14" s="16">
        <v>11127</v>
      </c>
      <c r="BK14" s="16">
        <v>10447</v>
      </c>
      <c r="BL14" s="16">
        <v>10397</v>
      </c>
      <c r="BM14" s="16">
        <v>10054</v>
      </c>
      <c r="BN14" s="16">
        <v>10173</v>
      </c>
      <c r="BO14" s="16">
        <v>10281</v>
      </c>
      <c r="BP14" s="16">
        <v>10554</v>
      </c>
      <c r="BQ14" s="16">
        <v>10091</v>
      </c>
      <c r="BR14" s="16">
        <v>9859</v>
      </c>
      <c r="BS14" s="16">
        <v>10575</v>
      </c>
      <c r="BT14" s="16">
        <v>10442</v>
      </c>
      <c r="BU14" s="16">
        <v>10394</v>
      </c>
      <c r="BV14" s="16">
        <v>10687</v>
      </c>
      <c r="BW14" s="16">
        <v>10915</v>
      </c>
      <c r="BX14" s="16">
        <v>11588</v>
      </c>
      <c r="BY14" s="16">
        <v>11855</v>
      </c>
      <c r="BZ14" s="16">
        <v>12681</v>
      </c>
      <c r="CA14" s="16">
        <v>12012</v>
      </c>
      <c r="CB14" s="16">
        <v>11306</v>
      </c>
      <c r="CC14" s="16">
        <v>7093</v>
      </c>
      <c r="CD14" s="16">
        <v>7429</v>
      </c>
      <c r="CE14" s="16">
        <v>8500</v>
      </c>
      <c r="CF14" s="16">
        <v>8004</v>
      </c>
      <c r="CG14" s="16">
        <v>7774</v>
      </c>
      <c r="CH14" s="16">
        <v>7920</v>
      </c>
      <c r="CI14" s="16">
        <v>7087</v>
      </c>
      <c r="CJ14" s="16">
        <v>6090</v>
      </c>
      <c r="CK14" s="16">
        <v>6227</v>
      </c>
      <c r="CL14" s="16">
        <v>6526</v>
      </c>
      <c r="CM14" s="16">
        <v>6054</v>
      </c>
      <c r="CN14" s="16">
        <v>5609</v>
      </c>
      <c r="CO14" s="16">
        <v>5049</v>
      </c>
      <c r="CP14" s="16">
        <v>4834</v>
      </c>
      <c r="CQ14" s="16">
        <v>4254</v>
      </c>
      <c r="CR14" s="16">
        <v>3708</v>
      </c>
      <c r="CS14" s="16">
        <v>3225</v>
      </c>
      <c r="CT14" s="16">
        <v>2891</v>
      </c>
      <c r="CU14" s="16">
        <v>2328</v>
      </c>
      <c r="CV14" s="16">
        <v>1843</v>
      </c>
      <c r="CW14" s="16">
        <v>1491</v>
      </c>
      <c r="CX14" s="16">
        <v>1140</v>
      </c>
      <c r="CY14" s="16">
        <v>849</v>
      </c>
      <c r="CZ14" s="16">
        <v>626</v>
      </c>
      <c r="DA14" s="16">
        <v>445</v>
      </c>
      <c r="DB14" s="16">
        <v>313</v>
      </c>
      <c r="DC14" s="16">
        <v>542</v>
      </c>
      <c r="DD14" s="16">
        <v>20658</v>
      </c>
      <c r="DE14" s="16">
        <v>119632</v>
      </c>
      <c r="DF14" s="16">
        <v>505825</v>
      </c>
      <c r="DG14" s="16">
        <v>219731</v>
      </c>
      <c r="DH14" s="16">
        <v>110758</v>
      </c>
      <c r="DI14" s="16">
        <v>39147</v>
      </c>
      <c r="DJ14" s="16">
        <v>514686</v>
      </c>
      <c r="DK14" s="17">
        <v>45.685769999999998</v>
      </c>
      <c r="DL14" s="17">
        <v>46.437370000000001</v>
      </c>
    </row>
    <row r="15" spans="1:116">
      <c r="A15" s="21" t="s">
        <v>394</v>
      </c>
      <c r="B15" s="21" t="s">
        <v>214</v>
      </c>
      <c r="C15" s="21" t="s">
        <v>240</v>
      </c>
      <c r="D15" s="21" t="s">
        <v>237</v>
      </c>
      <c r="E15" s="21" t="s">
        <v>265</v>
      </c>
      <c r="F15" s="16">
        <v>54592</v>
      </c>
      <c r="G15" s="16">
        <v>385</v>
      </c>
      <c r="H15" s="16">
        <v>339</v>
      </c>
      <c r="I15" s="16">
        <v>406</v>
      </c>
      <c r="J15" s="16">
        <v>443</v>
      </c>
      <c r="K15" s="16">
        <v>476</v>
      </c>
      <c r="L15" s="16">
        <v>468</v>
      </c>
      <c r="M15" s="16">
        <v>491</v>
      </c>
      <c r="N15" s="16">
        <v>478</v>
      </c>
      <c r="O15" s="16">
        <v>517</v>
      </c>
      <c r="P15" s="16">
        <v>507</v>
      </c>
      <c r="Q15" s="16">
        <v>486</v>
      </c>
      <c r="R15" s="16">
        <v>536</v>
      </c>
      <c r="S15" s="16">
        <v>562</v>
      </c>
      <c r="T15" s="16">
        <v>523</v>
      </c>
      <c r="U15" s="16">
        <v>515</v>
      </c>
      <c r="V15" s="16">
        <v>585</v>
      </c>
      <c r="W15" s="16">
        <v>690</v>
      </c>
      <c r="X15" s="16">
        <v>685</v>
      </c>
      <c r="Y15" s="16">
        <v>545</v>
      </c>
      <c r="Z15" s="16">
        <v>416</v>
      </c>
      <c r="AA15" s="16">
        <v>404</v>
      </c>
      <c r="AB15" s="16">
        <v>371</v>
      </c>
      <c r="AC15" s="16">
        <v>373</v>
      </c>
      <c r="AD15" s="16">
        <v>375</v>
      </c>
      <c r="AE15" s="16">
        <v>397</v>
      </c>
      <c r="AF15" s="16">
        <v>401</v>
      </c>
      <c r="AG15" s="16">
        <v>394</v>
      </c>
      <c r="AH15" s="16">
        <v>475</v>
      </c>
      <c r="AI15" s="16">
        <v>445</v>
      </c>
      <c r="AJ15" s="16">
        <v>419</v>
      </c>
      <c r="AK15" s="16">
        <v>458</v>
      </c>
      <c r="AL15" s="16">
        <v>511</v>
      </c>
      <c r="AM15" s="16">
        <v>477</v>
      </c>
      <c r="AN15" s="16">
        <v>511</v>
      </c>
      <c r="AO15" s="16">
        <v>564</v>
      </c>
      <c r="AP15" s="16">
        <v>579</v>
      </c>
      <c r="AQ15" s="16">
        <v>578</v>
      </c>
      <c r="AR15" s="16">
        <v>601</v>
      </c>
      <c r="AS15" s="16">
        <v>651</v>
      </c>
      <c r="AT15" s="16">
        <v>613</v>
      </c>
      <c r="AU15" s="16">
        <v>594</v>
      </c>
      <c r="AV15" s="16">
        <v>659</v>
      </c>
      <c r="AW15" s="16">
        <v>675</v>
      </c>
      <c r="AX15" s="16">
        <v>695</v>
      </c>
      <c r="AY15" s="16">
        <v>732</v>
      </c>
      <c r="AZ15" s="16">
        <v>733</v>
      </c>
      <c r="BA15" s="16">
        <v>714</v>
      </c>
      <c r="BB15" s="16">
        <v>748</v>
      </c>
      <c r="BC15" s="16">
        <v>728</v>
      </c>
      <c r="BD15" s="16">
        <v>754</v>
      </c>
      <c r="BE15" s="16">
        <v>710</v>
      </c>
      <c r="BF15" s="16">
        <v>694</v>
      </c>
      <c r="BG15" s="16">
        <v>704</v>
      </c>
      <c r="BH15" s="16">
        <v>767</v>
      </c>
      <c r="BI15" s="16">
        <v>551</v>
      </c>
      <c r="BJ15" s="16">
        <v>767</v>
      </c>
      <c r="BK15" s="16">
        <v>695</v>
      </c>
      <c r="BL15" s="16">
        <v>636</v>
      </c>
      <c r="BM15" s="16">
        <v>662</v>
      </c>
      <c r="BN15" s="16">
        <v>665</v>
      </c>
      <c r="BO15" s="16">
        <v>709</v>
      </c>
      <c r="BP15" s="16">
        <v>758</v>
      </c>
      <c r="BQ15" s="16">
        <v>684</v>
      </c>
      <c r="BR15" s="16">
        <v>718</v>
      </c>
      <c r="BS15" s="16">
        <v>750</v>
      </c>
      <c r="BT15" s="16">
        <v>732</v>
      </c>
      <c r="BU15" s="16">
        <v>785</v>
      </c>
      <c r="BV15" s="16">
        <v>786</v>
      </c>
      <c r="BW15" s="16">
        <v>820</v>
      </c>
      <c r="BX15" s="16">
        <v>826</v>
      </c>
      <c r="BY15" s="16">
        <v>874</v>
      </c>
      <c r="BZ15" s="16">
        <v>988</v>
      </c>
      <c r="CA15" s="16">
        <v>880</v>
      </c>
      <c r="CB15" s="16">
        <v>850</v>
      </c>
      <c r="CC15" s="16">
        <v>522</v>
      </c>
      <c r="CD15" s="16">
        <v>559</v>
      </c>
      <c r="CE15" s="16">
        <v>686</v>
      </c>
      <c r="CF15" s="16">
        <v>614</v>
      </c>
      <c r="CG15" s="16">
        <v>656</v>
      </c>
      <c r="CH15" s="16">
        <v>593</v>
      </c>
      <c r="CI15" s="16">
        <v>505</v>
      </c>
      <c r="CJ15" s="16">
        <v>492</v>
      </c>
      <c r="CK15" s="16">
        <v>473</v>
      </c>
      <c r="CL15" s="16">
        <v>507</v>
      </c>
      <c r="CM15" s="16">
        <v>503</v>
      </c>
      <c r="CN15" s="16">
        <v>462</v>
      </c>
      <c r="CO15" s="16">
        <v>396</v>
      </c>
      <c r="CP15" s="16">
        <v>402</v>
      </c>
      <c r="CQ15" s="16">
        <v>371</v>
      </c>
      <c r="CR15" s="16">
        <v>259</v>
      </c>
      <c r="CS15" s="16">
        <v>275</v>
      </c>
      <c r="CT15" s="16">
        <v>200</v>
      </c>
      <c r="CU15" s="16">
        <v>177</v>
      </c>
      <c r="CV15" s="16">
        <v>125</v>
      </c>
      <c r="CW15" s="16">
        <v>103</v>
      </c>
      <c r="CX15" s="16">
        <v>72</v>
      </c>
      <c r="CY15" s="16">
        <v>60</v>
      </c>
      <c r="CZ15" s="16">
        <v>44</v>
      </c>
      <c r="DA15" s="16">
        <v>29</v>
      </c>
      <c r="DB15" s="16">
        <v>23</v>
      </c>
      <c r="DC15" s="16">
        <v>36</v>
      </c>
      <c r="DD15" s="16">
        <v>755</v>
      </c>
      <c r="DE15" s="16">
        <v>7132</v>
      </c>
      <c r="DF15" s="16">
        <v>30020</v>
      </c>
      <c r="DG15" s="16">
        <v>16685</v>
      </c>
      <c r="DH15" s="16">
        <v>8622</v>
      </c>
      <c r="DI15" s="16">
        <v>3034</v>
      </c>
      <c r="DJ15" s="16">
        <v>31048</v>
      </c>
      <c r="DK15" s="17">
        <v>48.415990000000001</v>
      </c>
      <c r="DL15" s="17">
        <v>50.333100000000002</v>
      </c>
    </row>
    <row r="16" spans="1:116">
      <c r="A16" s="21" t="s">
        <v>394</v>
      </c>
      <c r="B16" s="21" t="s">
        <v>215</v>
      </c>
      <c r="C16" s="21" t="s">
        <v>232</v>
      </c>
      <c r="D16" s="21" t="s">
        <v>233</v>
      </c>
      <c r="E16" s="21" t="s">
        <v>262</v>
      </c>
      <c r="F16" s="16">
        <v>42973052</v>
      </c>
      <c r="G16" s="16">
        <v>319337</v>
      </c>
      <c r="H16" s="16">
        <v>328830</v>
      </c>
      <c r="I16" s="16">
        <v>341594</v>
      </c>
      <c r="J16" s="16">
        <v>347227</v>
      </c>
      <c r="K16" s="16">
        <v>360058</v>
      </c>
      <c r="L16" s="16">
        <v>366799</v>
      </c>
      <c r="M16" s="16">
        <v>364099</v>
      </c>
      <c r="N16" s="16">
        <v>370189</v>
      </c>
      <c r="O16" s="16">
        <v>369307</v>
      </c>
      <c r="P16" s="16">
        <v>377936</v>
      </c>
      <c r="Q16" s="16">
        <v>380047</v>
      </c>
      <c r="R16" s="16">
        <v>380566</v>
      </c>
      <c r="S16" s="16">
        <v>386386</v>
      </c>
      <c r="T16" s="16">
        <v>383210</v>
      </c>
      <c r="U16" s="16">
        <v>377925</v>
      </c>
      <c r="V16" s="16">
        <v>377912</v>
      </c>
      <c r="W16" s="16">
        <v>391387</v>
      </c>
      <c r="X16" s="16">
        <v>395776</v>
      </c>
      <c r="Y16" s="16">
        <v>419811</v>
      </c>
      <c r="Z16" s="16">
        <v>440270</v>
      </c>
      <c r="AA16" s="16">
        <v>450922</v>
      </c>
      <c r="AB16" s="16">
        <v>451067</v>
      </c>
      <c r="AC16" s="16">
        <v>461977</v>
      </c>
      <c r="AD16" s="16">
        <v>463878</v>
      </c>
      <c r="AE16" s="16">
        <v>463161</v>
      </c>
      <c r="AF16" s="16">
        <v>468969</v>
      </c>
      <c r="AG16" s="16">
        <v>470400</v>
      </c>
      <c r="AH16" s="16">
        <v>463182</v>
      </c>
      <c r="AI16" s="16">
        <v>469249</v>
      </c>
      <c r="AJ16" s="16">
        <v>465408</v>
      </c>
      <c r="AK16" s="16">
        <v>473332</v>
      </c>
      <c r="AL16" s="16">
        <v>477962</v>
      </c>
      <c r="AM16" s="16">
        <v>492765</v>
      </c>
      <c r="AN16" s="16">
        <v>502282</v>
      </c>
      <c r="AO16" s="16">
        <v>508048</v>
      </c>
      <c r="AP16" s="16">
        <v>523493</v>
      </c>
      <c r="AQ16" s="16">
        <v>539409</v>
      </c>
      <c r="AR16" s="16">
        <v>544966</v>
      </c>
      <c r="AS16" s="16">
        <v>542974</v>
      </c>
      <c r="AT16" s="16">
        <v>546443</v>
      </c>
      <c r="AU16" s="16">
        <v>569732</v>
      </c>
      <c r="AV16" s="16">
        <v>582391</v>
      </c>
      <c r="AW16" s="16">
        <v>603012</v>
      </c>
      <c r="AX16" s="16">
        <v>618363</v>
      </c>
      <c r="AY16" s="16">
        <v>647135</v>
      </c>
      <c r="AZ16" s="16">
        <v>674542</v>
      </c>
      <c r="BA16" s="16">
        <v>715015</v>
      </c>
      <c r="BB16" s="16">
        <v>727989</v>
      </c>
      <c r="BC16" s="16">
        <v>717318</v>
      </c>
      <c r="BD16" s="16">
        <v>696313</v>
      </c>
      <c r="BE16" s="16">
        <v>674498</v>
      </c>
      <c r="BF16" s="16">
        <v>664053</v>
      </c>
      <c r="BG16" s="16">
        <v>643753</v>
      </c>
      <c r="BH16" s="16">
        <v>638155</v>
      </c>
      <c r="BI16" s="16">
        <v>495701</v>
      </c>
      <c r="BJ16" s="16">
        <v>602983</v>
      </c>
      <c r="BK16" s="16">
        <v>559209</v>
      </c>
      <c r="BL16" s="16">
        <v>537177</v>
      </c>
      <c r="BM16" s="16">
        <v>512498</v>
      </c>
      <c r="BN16" s="16">
        <v>492408</v>
      </c>
      <c r="BO16" s="16">
        <v>484755</v>
      </c>
      <c r="BP16" s="16">
        <v>483235</v>
      </c>
      <c r="BQ16" s="16">
        <v>462020</v>
      </c>
      <c r="BR16" s="16">
        <v>439785</v>
      </c>
      <c r="BS16" s="16">
        <v>453944</v>
      </c>
      <c r="BT16" s="16">
        <v>462254</v>
      </c>
      <c r="BU16" s="16">
        <v>456344</v>
      </c>
      <c r="BV16" s="16">
        <v>476380</v>
      </c>
      <c r="BW16" s="16">
        <v>499390</v>
      </c>
      <c r="BX16" s="16">
        <v>524458</v>
      </c>
      <c r="BY16" s="16">
        <v>558652</v>
      </c>
      <c r="BZ16" s="16">
        <v>611118</v>
      </c>
      <c r="CA16" s="16">
        <v>598828</v>
      </c>
      <c r="CB16" s="16">
        <v>564747</v>
      </c>
      <c r="CC16" s="16">
        <v>348164</v>
      </c>
      <c r="CD16" s="16">
        <v>363705</v>
      </c>
      <c r="CE16" s="16">
        <v>434766</v>
      </c>
      <c r="CF16" s="16">
        <v>413205</v>
      </c>
      <c r="CG16" s="16">
        <v>411152</v>
      </c>
      <c r="CH16" s="16">
        <v>387394</v>
      </c>
      <c r="CI16" s="16">
        <v>334277</v>
      </c>
      <c r="CJ16" s="16">
        <v>276856</v>
      </c>
      <c r="CK16" s="16">
        <v>274946</v>
      </c>
      <c r="CL16" s="16">
        <v>264988</v>
      </c>
      <c r="CM16" s="16">
        <v>246898</v>
      </c>
      <c r="CN16" s="16">
        <v>213133</v>
      </c>
      <c r="CO16" s="16">
        <v>179453</v>
      </c>
      <c r="CP16" s="16">
        <v>158370</v>
      </c>
      <c r="CQ16" s="16">
        <v>134320</v>
      </c>
      <c r="CR16" s="16">
        <v>109634</v>
      </c>
      <c r="CS16" s="16">
        <v>87162</v>
      </c>
      <c r="CT16" s="16">
        <v>69690</v>
      </c>
      <c r="CU16" s="16">
        <v>54814</v>
      </c>
      <c r="CV16" s="16">
        <v>39569</v>
      </c>
      <c r="CW16" s="16">
        <v>29426</v>
      </c>
      <c r="CX16" s="16">
        <v>20190</v>
      </c>
      <c r="CY16" s="16">
        <v>13015</v>
      </c>
      <c r="CZ16" s="16">
        <v>8358</v>
      </c>
      <c r="DA16" s="16">
        <v>5240</v>
      </c>
      <c r="DB16" s="16">
        <v>3281</v>
      </c>
      <c r="DC16" s="16">
        <v>5142</v>
      </c>
      <c r="DD16" s="16">
        <v>1379196</v>
      </c>
      <c r="DE16" s="16">
        <v>5453510</v>
      </c>
      <c r="DF16" s="16">
        <v>26501027</v>
      </c>
      <c r="DG16" s="16">
        <v>9639319</v>
      </c>
      <c r="DH16" s="16">
        <v>4538984</v>
      </c>
      <c r="DI16" s="16">
        <v>1130797</v>
      </c>
      <c r="DJ16" s="16">
        <v>26894697</v>
      </c>
      <c r="DK16" s="17">
        <v>44.798110000000001</v>
      </c>
      <c r="DL16" s="17">
        <v>45.76755</v>
      </c>
    </row>
    <row r="17" spans="1:116">
      <c r="A17" s="21" t="s">
        <v>394</v>
      </c>
      <c r="B17" s="21" t="s">
        <v>215</v>
      </c>
      <c r="C17" s="21" t="s">
        <v>232</v>
      </c>
      <c r="D17" s="21" t="s">
        <v>237</v>
      </c>
      <c r="E17" s="21" t="s">
        <v>264</v>
      </c>
      <c r="F17" s="16">
        <v>409254</v>
      </c>
      <c r="G17" s="16">
        <v>3579</v>
      </c>
      <c r="H17" s="16">
        <v>3777</v>
      </c>
      <c r="I17" s="16">
        <v>3822</v>
      </c>
      <c r="J17" s="16">
        <v>3844</v>
      </c>
      <c r="K17" s="16">
        <v>3965</v>
      </c>
      <c r="L17" s="16">
        <v>3992</v>
      </c>
      <c r="M17" s="16">
        <v>4117</v>
      </c>
      <c r="N17" s="16">
        <v>4173</v>
      </c>
      <c r="O17" s="16">
        <v>4295</v>
      </c>
      <c r="P17" s="16">
        <v>4168</v>
      </c>
      <c r="Q17" s="16">
        <v>4208</v>
      </c>
      <c r="R17" s="16">
        <v>4225</v>
      </c>
      <c r="S17" s="16">
        <v>4354</v>
      </c>
      <c r="T17" s="16">
        <v>4287</v>
      </c>
      <c r="U17" s="16">
        <v>4196</v>
      </c>
      <c r="V17" s="16">
        <v>4389</v>
      </c>
      <c r="W17" s="16">
        <v>4834</v>
      </c>
      <c r="X17" s="16">
        <v>4801</v>
      </c>
      <c r="Y17" s="16">
        <v>4688</v>
      </c>
      <c r="Z17" s="16">
        <v>4467</v>
      </c>
      <c r="AA17" s="16">
        <v>4464</v>
      </c>
      <c r="AB17" s="16">
        <v>4309</v>
      </c>
      <c r="AC17" s="16">
        <v>4401</v>
      </c>
      <c r="AD17" s="16">
        <v>4129</v>
      </c>
      <c r="AE17" s="16">
        <v>4084</v>
      </c>
      <c r="AF17" s="16">
        <v>3938</v>
      </c>
      <c r="AG17" s="16">
        <v>3928</v>
      </c>
      <c r="AH17" s="16">
        <v>4133</v>
      </c>
      <c r="AI17" s="16">
        <v>4126</v>
      </c>
      <c r="AJ17" s="16">
        <v>4036</v>
      </c>
      <c r="AK17" s="16">
        <v>4197</v>
      </c>
      <c r="AL17" s="16">
        <v>4277</v>
      </c>
      <c r="AM17" s="16">
        <v>4478</v>
      </c>
      <c r="AN17" s="16">
        <v>4502</v>
      </c>
      <c r="AO17" s="16">
        <v>4767</v>
      </c>
      <c r="AP17" s="16">
        <v>4886</v>
      </c>
      <c r="AQ17" s="16">
        <v>5036</v>
      </c>
      <c r="AR17" s="16">
        <v>5045</v>
      </c>
      <c r="AS17" s="16">
        <v>5157</v>
      </c>
      <c r="AT17" s="16">
        <v>5078</v>
      </c>
      <c r="AU17" s="16">
        <v>5281</v>
      </c>
      <c r="AV17" s="16">
        <v>5443</v>
      </c>
      <c r="AW17" s="16">
        <v>5537</v>
      </c>
      <c r="AX17" s="16">
        <v>5734</v>
      </c>
      <c r="AY17" s="16">
        <v>5986</v>
      </c>
      <c r="AZ17" s="16">
        <v>5951</v>
      </c>
      <c r="BA17" s="16">
        <v>6288</v>
      </c>
      <c r="BB17" s="16">
        <v>6161</v>
      </c>
      <c r="BC17" s="16">
        <v>6088</v>
      </c>
      <c r="BD17" s="16">
        <v>5735</v>
      </c>
      <c r="BE17" s="16">
        <v>5446</v>
      </c>
      <c r="BF17" s="16">
        <v>5369</v>
      </c>
      <c r="BG17" s="16">
        <v>5308</v>
      </c>
      <c r="BH17" s="16">
        <v>5369</v>
      </c>
      <c r="BI17" s="16">
        <v>4198</v>
      </c>
      <c r="BJ17" s="16">
        <v>5279</v>
      </c>
      <c r="BK17" s="16">
        <v>4936</v>
      </c>
      <c r="BL17" s="16">
        <v>4853</v>
      </c>
      <c r="BM17" s="16">
        <v>4751</v>
      </c>
      <c r="BN17" s="16">
        <v>4790</v>
      </c>
      <c r="BO17" s="16">
        <v>4913</v>
      </c>
      <c r="BP17" s="16">
        <v>5032</v>
      </c>
      <c r="BQ17" s="16">
        <v>4796</v>
      </c>
      <c r="BR17" s="16">
        <v>4636</v>
      </c>
      <c r="BS17" s="16">
        <v>5056</v>
      </c>
      <c r="BT17" s="16">
        <v>4929</v>
      </c>
      <c r="BU17" s="16">
        <v>4934</v>
      </c>
      <c r="BV17" s="16">
        <v>5002</v>
      </c>
      <c r="BW17" s="16">
        <v>5089</v>
      </c>
      <c r="BX17" s="16">
        <v>5408</v>
      </c>
      <c r="BY17" s="16">
        <v>5376</v>
      </c>
      <c r="BZ17" s="16">
        <v>5738</v>
      </c>
      <c r="CA17" s="16">
        <v>5455</v>
      </c>
      <c r="CB17" s="16">
        <v>5171</v>
      </c>
      <c r="CC17" s="16">
        <v>3173</v>
      </c>
      <c r="CD17" s="16">
        <v>3264</v>
      </c>
      <c r="CE17" s="16">
        <v>3682</v>
      </c>
      <c r="CF17" s="16">
        <v>3360</v>
      </c>
      <c r="CG17" s="16">
        <v>3244</v>
      </c>
      <c r="CH17" s="16">
        <v>3206</v>
      </c>
      <c r="CI17" s="16">
        <v>2825</v>
      </c>
      <c r="CJ17" s="16">
        <v>2474</v>
      </c>
      <c r="CK17" s="16">
        <v>2380</v>
      </c>
      <c r="CL17" s="16">
        <v>2538</v>
      </c>
      <c r="CM17" s="16">
        <v>2345</v>
      </c>
      <c r="CN17" s="16">
        <v>2074</v>
      </c>
      <c r="CO17" s="16">
        <v>1824</v>
      </c>
      <c r="CP17" s="16">
        <v>1699</v>
      </c>
      <c r="CQ17" s="16">
        <v>1426</v>
      </c>
      <c r="CR17" s="16">
        <v>1183</v>
      </c>
      <c r="CS17" s="16">
        <v>966</v>
      </c>
      <c r="CT17" s="16">
        <v>885</v>
      </c>
      <c r="CU17" s="16">
        <v>632</v>
      </c>
      <c r="CV17" s="16">
        <v>447</v>
      </c>
      <c r="CW17" s="16">
        <v>358</v>
      </c>
      <c r="CX17" s="16">
        <v>232</v>
      </c>
      <c r="CY17" s="16">
        <v>189</v>
      </c>
      <c r="CZ17" s="16">
        <v>104</v>
      </c>
      <c r="DA17" s="16">
        <v>73</v>
      </c>
      <c r="DB17" s="16">
        <v>49</v>
      </c>
      <c r="DC17" s="16">
        <v>65</v>
      </c>
      <c r="DD17" s="16">
        <v>11367</v>
      </c>
      <c r="DE17" s="16">
        <v>61002</v>
      </c>
      <c r="DF17" s="16">
        <v>245086</v>
      </c>
      <c r="DG17" s="16">
        <v>91799</v>
      </c>
      <c r="DH17" s="16">
        <v>41524</v>
      </c>
      <c r="DI17" s="16">
        <v>12206</v>
      </c>
      <c r="DJ17" s="16">
        <v>247269</v>
      </c>
      <c r="DK17" s="17">
        <v>43.802399999999999</v>
      </c>
      <c r="DL17" s="17">
        <v>44.634230000000002</v>
      </c>
    </row>
    <row r="18" spans="1:116">
      <c r="A18" s="21" t="s">
        <v>394</v>
      </c>
      <c r="B18" s="21" t="s">
        <v>215</v>
      </c>
      <c r="C18" s="21" t="s">
        <v>240</v>
      </c>
      <c r="D18" s="21" t="s">
        <v>237</v>
      </c>
      <c r="E18" s="21" t="s">
        <v>265</v>
      </c>
      <c r="F18" s="16">
        <v>25564</v>
      </c>
      <c r="G18" s="16">
        <v>198</v>
      </c>
      <c r="H18" s="16">
        <v>161</v>
      </c>
      <c r="I18" s="16">
        <v>189</v>
      </c>
      <c r="J18" s="16">
        <v>241</v>
      </c>
      <c r="K18" s="16">
        <v>239</v>
      </c>
      <c r="L18" s="16">
        <v>214</v>
      </c>
      <c r="M18" s="16">
        <v>228</v>
      </c>
      <c r="N18" s="16">
        <v>237</v>
      </c>
      <c r="O18" s="16">
        <v>274</v>
      </c>
      <c r="P18" s="16">
        <v>257</v>
      </c>
      <c r="Q18" s="16">
        <v>248</v>
      </c>
      <c r="R18" s="16">
        <v>268</v>
      </c>
      <c r="S18" s="16">
        <v>301</v>
      </c>
      <c r="T18" s="16">
        <v>258</v>
      </c>
      <c r="U18" s="16">
        <v>254</v>
      </c>
      <c r="V18" s="16">
        <v>334</v>
      </c>
      <c r="W18" s="16">
        <v>368</v>
      </c>
      <c r="X18" s="16">
        <v>375</v>
      </c>
      <c r="Y18" s="16">
        <v>285</v>
      </c>
      <c r="Z18" s="16">
        <v>199</v>
      </c>
      <c r="AA18" s="16">
        <v>195</v>
      </c>
      <c r="AB18" s="16">
        <v>190</v>
      </c>
      <c r="AC18" s="16">
        <v>195</v>
      </c>
      <c r="AD18" s="16">
        <v>205</v>
      </c>
      <c r="AE18" s="16">
        <v>202</v>
      </c>
      <c r="AF18" s="16">
        <v>208</v>
      </c>
      <c r="AG18" s="16">
        <v>189</v>
      </c>
      <c r="AH18" s="16">
        <v>241</v>
      </c>
      <c r="AI18" s="16">
        <v>221</v>
      </c>
      <c r="AJ18" s="16">
        <v>218</v>
      </c>
      <c r="AK18" s="16">
        <v>226</v>
      </c>
      <c r="AL18" s="16">
        <v>226</v>
      </c>
      <c r="AM18" s="16">
        <v>246</v>
      </c>
      <c r="AN18" s="16">
        <v>239</v>
      </c>
      <c r="AO18" s="16">
        <v>298</v>
      </c>
      <c r="AP18" s="16">
        <v>282</v>
      </c>
      <c r="AQ18" s="16">
        <v>291</v>
      </c>
      <c r="AR18" s="16">
        <v>291</v>
      </c>
      <c r="AS18" s="16">
        <v>327</v>
      </c>
      <c r="AT18" s="16">
        <v>278</v>
      </c>
      <c r="AU18" s="16">
        <v>289</v>
      </c>
      <c r="AV18" s="16">
        <v>308</v>
      </c>
      <c r="AW18" s="16">
        <v>321</v>
      </c>
      <c r="AX18" s="16">
        <v>310</v>
      </c>
      <c r="AY18" s="16">
        <v>368</v>
      </c>
      <c r="AZ18" s="16">
        <v>335</v>
      </c>
      <c r="BA18" s="16">
        <v>362</v>
      </c>
      <c r="BB18" s="16">
        <v>360</v>
      </c>
      <c r="BC18" s="16">
        <v>351</v>
      </c>
      <c r="BD18" s="16">
        <v>366</v>
      </c>
      <c r="BE18" s="16">
        <v>348</v>
      </c>
      <c r="BF18" s="16">
        <v>335</v>
      </c>
      <c r="BG18" s="16">
        <v>328</v>
      </c>
      <c r="BH18" s="16">
        <v>355</v>
      </c>
      <c r="BI18" s="16">
        <v>260</v>
      </c>
      <c r="BJ18" s="16">
        <v>363</v>
      </c>
      <c r="BK18" s="16">
        <v>325</v>
      </c>
      <c r="BL18" s="16">
        <v>310</v>
      </c>
      <c r="BM18" s="16">
        <v>309</v>
      </c>
      <c r="BN18" s="16">
        <v>309</v>
      </c>
      <c r="BO18" s="16">
        <v>342</v>
      </c>
      <c r="BP18" s="16">
        <v>342</v>
      </c>
      <c r="BQ18" s="16">
        <v>334</v>
      </c>
      <c r="BR18" s="16">
        <v>344</v>
      </c>
      <c r="BS18" s="16">
        <v>365</v>
      </c>
      <c r="BT18" s="16">
        <v>352</v>
      </c>
      <c r="BU18" s="16">
        <v>369</v>
      </c>
      <c r="BV18" s="16">
        <v>341</v>
      </c>
      <c r="BW18" s="16">
        <v>395</v>
      </c>
      <c r="BX18" s="16">
        <v>391</v>
      </c>
      <c r="BY18" s="16">
        <v>393</v>
      </c>
      <c r="BZ18" s="16">
        <v>488</v>
      </c>
      <c r="CA18" s="16">
        <v>379</v>
      </c>
      <c r="CB18" s="16">
        <v>391</v>
      </c>
      <c r="CC18" s="16">
        <v>226</v>
      </c>
      <c r="CD18" s="16">
        <v>251</v>
      </c>
      <c r="CE18" s="16">
        <v>315</v>
      </c>
      <c r="CF18" s="16">
        <v>239</v>
      </c>
      <c r="CG18" s="16">
        <v>273</v>
      </c>
      <c r="CH18" s="16">
        <v>231</v>
      </c>
      <c r="CI18" s="16">
        <v>191</v>
      </c>
      <c r="CJ18" s="16">
        <v>204</v>
      </c>
      <c r="CK18" s="16">
        <v>177</v>
      </c>
      <c r="CL18" s="16">
        <v>205</v>
      </c>
      <c r="CM18" s="16">
        <v>173</v>
      </c>
      <c r="CN18" s="16">
        <v>186</v>
      </c>
      <c r="CO18" s="16">
        <v>155</v>
      </c>
      <c r="CP18" s="16">
        <v>139</v>
      </c>
      <c r="CQ18" s="16">
        <v>119</v>
      </c>
      <c r="CR18" s="16">
        <v>78</v>
      </c>
      <c r="CS18" s="16">
        <v>79</v>
      </c>
      <c r="CT18" s="16">
        <v>71</v>
      </c>
      <c r="CU18" s="16">
        <v>44</v>
      </c>
      <c r="CV18" s="16">
        <v>29</v>
      </c>
      <c r="CW18" s="16">
        <v>28</v>
      </c>
      <c r="CX18" s="16">
        <v>5</v>
      </c>
      <c r="CY18" s="16">
        <v>14</v>
      </c>
      <c r="CZ18" s="16">
        <v>6</v>
      </c>
      <c r="DA18" s="16">
        <v>3</v>
      </c>
      <c r="DB18" s="16">
        <v>5</v>
      </c>
      <c r="DC18" s="16">
        <v>3</v>
      </c>
      <c r="DD18" s="16">
        <v>381</v>
      </c>
      <c r="DE18" s="16">
        <v>3567</v>
      </c>
      <c r="DF18" s="16">
        <v>14668</v>
      </c>
      <c r="DG18" s="16">
        <v>6948</v>
      </c>
      <c r="DH18" s="16">
        <v>3223</v>
      </c>
      <c r="DI18" s="16">
        <v>964</v>
      </c>
      <c r="DJ18" s="16">
        <v>14955</v>
      </c>
      <c r="DK18" s="17">
        <v>46.33699</v>
      </c>
      <c r="DL18" s="17">
        <v>48.121079999999999</v>
      </c>
    </row>
    <row r="19" spans="1:116">
      <c r="A19" s="21" t="s">
        <v>394</v>
      </c>
      <c r="B19" s="21" t="s">
        <v>216</v>
      </c>
      <c r="C19" s="21" t="s">
        <v>232</v>
      </c>
      <c r="D19" s="21" t="s">
        <v>233</v>
      </c>
      <c r="E19" s="21" t="s">
        <v>262</v>
      </c>
      <c r="F19" s="16">
        <v>45312875</v>
      </c>
      <c r="G19" s="16">
        <v>305284</v>
      </c>
      <c r="H19" s="16">
        <v>313413</v>
      </c>
      <c r="I19" s="16">
        <v>326147</v>
      </c>
      <c r="J19" s="16">
        <v>331729</v>
      </c>
      <c r="K19" s="16">
        <v>343349</v>
      </c>
      <c r="L19" s="16">
        <v>349786</v>
      </c>
      <c r="M19" s="16">
        <v>346408</v>
      </c>
      <c r="N19" s="16">
        <v>354448</v>
      </c>
      <c r="O19" s="16">
        <v>353306</v>
      </c>
      <c r="P19" s="16">
        <v>360121</v>
      </c>
      <c r="Q19" s="16">
        <v>362496</v>
      </c>
      <c r="R19" s="16">
        <v>363782</v>
      </c>
      <c r="S19" s="16">
        <v>369035</v>
      </c>
      <c r="T19" s="16">
        <v>365674</v>
      </c>
      <c r="U19" s="16">
        <v>362303</v>
      </c>
      <c r="V19" s="16">
        <v>360957</v>
      </c>
      <c r="W19" s="16">
        <v>376178</v>
      </c>
      <c r="X19" s="16">
        <v>378445</v>
      </c>
      <c r="Y19" s="16">
        <v>404342</v>
      </c>
      <c r="Z19" s="16">
        <v>428061</v>
      </c>
      <c r="AA19" s="16">
        <v>440041</v>
      </c>
      <c r="AB19" s="16">
        <v>444681</v>
      </c>
      <c r="AC19" s="16">
        <v>453437</v>
      </c>
      <c r="AD19" s="16">
        <v>456892</v>
      </c>
      <c r="AE19" s="16">
        <v>456210</v>
      </c>
      <c r="AF19" s="16">
        <v>463846</v>
      </c>
      <c r="AG19" s="16">
        <v>464172</v>
      </c>
      <c r="AH19" s="16">
        <v>455001</v>
      </c>
      <c r="AI19" s="16">
        <v>460275</v>
      </c>
      <c r="AJ19" s="16">
        <v>457184</v>
      </c>
      <c r="AK19" s="16">
        <v>464200</v>
      </c>
      <c r="AL19" s="16">
        <v>470221</v>
      </c>
      <c r="AM19" s="16">
        <v>482012</v>
      </c>
      <c r="AN19" s="16">
        <v>492881</v>
      </c>
      <c r="AO19" s="16">
        <v>497766</v>
      </c>
      <c r="AP19" s="16">
        <v>515940</v>
      </c>
      <c r="AQ19" s="16">
        <v>532021</v>
      </c>
      <c r="AR19" s="16">
        <v>539284</v>
      </c>
      <c r="AS19" s="16">
        <v>539038</v>
      </c>
      <c r="AT19" s="16">
        <v>542049</v>
      </c>
      <c r="AU19" s="16">
        <v>565335</v>
      </c>
      <c r="AV19" s="16">
        <v>578921</v>
      </c>
      <c r="AW19" s="16">
        <v>600463</v>
      </c>
      <c r="AX19" s="16">
        <v>615376</v>
      </c>
      <c r="AY19" s="16">
        <v>643498</v>
      </c>
      <c r="AZ19" s="16">
        <v>671795</v>
      </c>
      <c r="BA19" s="16">
        <v>710914</v>
      </c>
      <c r="BB19" s="16">
        <v>729713</v>
      </c>
      <c r="BC19" s="16">
        <v>715775</v>
      </c>
      <c r="BD19" s="16">
        <v>696683</v>
      </c>
      <c r="BE19" s="16">
        <v>673922</v>
      </c>
      <c r="BF19" s="16">
        <v>663502</v>
      </c>
      <c r="BG19" s="16">
        <v>641360</v>
      </c>
      <c r="BH19" s="16">
        <v>636119</v>
      </c>
      <c r="BI19" s="16">
        <v>498122</v>
      </c>
      <c r="BJ19" s="16">
        <v>604343</v>
      </c>
      <c r="BK19" s="16">
        <v>560149</v>
      </c>
      <c r="BL19" s="16">
        <v>540449</v>
      </c>
      <c r="BM19" s="16">
        <v>515954</v>
      </c>
      <c r="BN19" s="16">
        <v>497350</v>
      </c>
      <c r="BO19" s="16">
        <v>495260</v>
      </c>
      <c r="BP19" s="16">
        <v>494007</v>
      </c>
      <c r="BQ19" s="16">
        <v>476576</v>
      </c>
      <c r="BR19" s="16">
        <v>458013</v>
      </c>
      <c r="BS19" s="16">
        <v>476556</v>
      </c>
      <c r="BT19" s="16">
        <v>487823</v>
      </c>
      <c r="BU19" s="16">
        <v>488103</v>
      </c>
      <c r="BV19" s="16">
        <v>519432</v>
      </c>
      <c r="BW19" s="16">
        <v>548765</v>
      </c>
      <c r="BX19" s="16">
        <v>583847</v>
      </c>
      <c r="BY19" s="16">
        <v>631794</v>
      </c>
      <c r="BZ19" s="16">
        <v>699370</v>
      </c>
      <c r="CA19" s="16">
        <v>696214</v>
      </c>
      <c r="CB19" s="16">
        <v>661975</v>
      </c>
      <c r="CC19" s="16">
        <v>416118</v>
      </c>
      <c r="CD19" s="16">
        <v>446470</v>
      </c>
      <c r="CE19" s="16">
        <v>541967</v>
      </c>
      <c r="CF19" s="16">
        <v>519575</v>
      </c>
      <c r="CG19" s="16">
        <v>527765</v>
      </c>
      <c r="CH19" s="16">
        <v>503962</v>
      </c>
      <c r="CI19" s="16">
        <v>446246</v>
      </c>
      <c r="CJ19" s="16">
        <v>377599</v>
      </c>
      <c r="CK19" s="16">
        <v>388784</v>
      </c>
      <c r="CL19" s="16">
        <v>386106</v>
      </c>
      <c r="CM19" s="16">
        <v>373706</v>
      </c>
      <c r="CN19" s="16">
        <v>339075</v>
      </c>
      <c r="CO19" s="16">
        <v>302373</v>
      </c>
      <c r="CP19" s="16">
        <v>284203</v>
      </c>
      <c r="CQ19" s="16">
        <v>256020</v>
      </c>
      <c r="CR19" s="16">
        <v>225885</v>
      </c>
      <c r="CS19" s="16">
        <v>193414</v>
      </c>
      <c r="CT19" s="16">
        <v>167998</v>
      </c>
      <c r="CU19" s="16">
        <v>143183</v>
      </c>
      <c r="CV19" s="16">
        <v>108995</v>
      </c>
      <c r="CW19" s="16">
        <v>89132</v>
      </c>
      <c r="CX19" s="16">
        <v>68252</v>
      </c>
      <c r="CY19" s="16">
        <v>50345</v>
      </c>
      <c r="CZ19" s="16">
        <v>37806</v>
      </c>
      <c r="DA19" s="16">
        <v>27616</v>
      </c>
      <c r="DB19" s="16">
        <v>19373</v>
      </c>
      <c r="DC19" s="16">
        <v>34596</v>
      </c>
      <c r="DD19" s="16">
        <v>1176418</v>
      </c>
      <c r="DE19" s="16">
        <v>5207281</v>
      </c>
      <c r="DF19" s="16">
        <v>26335289</v>
      </c>
      <c r="DG19" s="16">
        <v>12593887</v>
      </c>
      <c r="DH19" s="16">
        <v>6860446</v>
      </c>
      <c r="DI19" s="16">
        <v>2348266</v>
      </c>
      <c r="DJ19" s="16">
        <v>27015276</v>
      </c>
      <c r="DK19" s="17">
        <v>47.668399999999998</v>
      </c>
      <c r="DL19" s="17">
        <v>48.237220000000001</v>
      </c>
    </row>
    <row r="20" spans="1:116">
      <c r="A20" s="21" t="s">
        <v>394</v>
      </c>
      <c r="B20" s="21" t="s">
        <v>216</v>
      </c>
      <c r="C20" s="21" t="s">
        <v>232</v>
      </c>
      <c r="D20" s="21" t="s">
        <v>237</v>
      </c>
      <c r="E20" s="21" t="s">
        <v>264</v>
      </c>
      <c r="F20" s="16">
        <v>456592</v>
      </c>
      <c r="G20" s="16">
        <v>3542</v>
      </c>
      <c r="H20" s="16">
        <v>3477</v>
      </c>
      <c r="I20" s="16">
        <v>3712</v>
      </c>
      <c r="J20" s="16">
        <v>3696</v>
      </c>
      <c r="K20" s="16">
        <v>3793</v>
      </c>
      <c r="L20" s="16">
        <v>3940</v>
      </c>
      <c r="M20" s="16">
        <v>3939</v>
      </c>
      <c r="N20" s="16">
        <v>3870</v>
      </c>
      <c r="O20" s="16">
        <v>3939</v>
      </c>
      <c r="P20" s="16">
        <v>4001</v>
      </c>
      <c r="Q20" s="16">
        <v>4169</v>
      </c>
      <c r="R20" s="16">
        <v>4145</v>
      </c>
      <c r="S20" s="16">
        <v>4205</v>
      </c>
      <c r="T20" s="16">
        <v>4152</v>
      </c>
      <c r="U20" s="16">
        <v>4050</v>
      </c>
      <c r="V20" s="16">
        <v>4078</v>
      </c>
      <c r="W20" s="16">
        <v>4392</v>
      </c>
      <c r="X20" s="16">
        <v>4579</v>
      </c>
      <c r="Y20" s="16">
        <v>4471</v>
      </c>
      <c r="Z20" s="16">
        <v>4466</v>
      </c>
      <c r="AA20" s="16">
        <v>4331</v>
      </c>
      <c r="AB20" s="16">
        <v>4363</v>
      </c>
      <c r="AC20" s="16">
        <v>4312</v>
      </c>
      <c r="AD20" s="16">
        <v>4223</v>
      </c>
      <c r="AE20" s="16">
        <v>4137</v>
      </c>
      <c r="AF20" s="16">
        <v>4098</v>
      </c>
      <c r="AG20" s="16">
        <v>4233</v>
      </c>
      <c r="AH20" s="16">
        <v>4362</v>
      </c>
      <c r="AI20" s="16">
        <v>4401</v>
      </c>
      <c r="AJ20" s="16">
        <v>4287</v>
      </c>
      <c r="AK20" s="16">
        <v>4379</v>
      </c>
      <c r="AL20" s="16">
        <v>4543</v>
      </c>
      <c r="AM20" s="16">
        <v>4685</v>
      </c>
      <c r="AN20" s="16">
        <v>4845</v>
      </c>
      <c r="AO20" s="16">
        <v>4867</v>
      </c>
      <c r="AP20" s="16">
        <v>5188</v>
      </c>
      <c r="AQ20" s="16">
        <v>5370</v>
      </c>
      <c r="AR20" s="16">
        <v>5295</v>
      </c>
      <c r="AS20" s="16">
        <v>5431</v>
      </c>
      <c r="AT20" s="16">
        <v>5471</v>
      </c>
      <c r="AU20" s="16">
        <v>5642</v>
      </c>
      <c r="AV20" s="16">
        <v>5854</v>
      </c>
      <c r="AW20" s="16">
        <v>6018</v>
      </c>
      <c r="AX20" s="16">
        <v>6064</v>
      </c>
      <c r="AY20" s="16">
        <v>6330</v>
      </c>
      <c r="AZ20" s="16">
        <v>6487</v>
      </c>
      <c r="BA20" s="16">
        <v>6694</v>
      </c>
      <c r="BB20" s="16">
        <v>6773</v>
      </c>
      <c r="BC20" s="16">
        <v>6484</v>
      </c>
      <c r="BD20" s="16">
        <v>6132</v>
      </c>
      <c r="BE20" s="16">
        <v>5886</v>
      </c>
      <c r="BF20" s="16">
        <v>6002</v>
      </c>
      <c r="BG20" s="16">
        <v>5955</v>
      </c>
      <c r="BH20" s="16">
        <v>6309</v>
      </c>
      <c r="BI20" s="16">
        <v>4786</v>
      </c>
      <c r="BJ20" s="16">
        <v>5848</v>
      </c>
      <c r="BK20" s="16">
        <v>5511</v>
      </c>
      <c r="BL20" s="16">
        <v>5544</v>
      </c>
      <c r="BM20" s="16">
        <v>5303</v>
      </c>
      <c r="BN20" s="16">
        <v>5383</v>
      </c>
      <c r="BO20" s="16">
        <v>5368</v>
      </c>
      <c r="BP20" s="16">
        <v>5522</v>
      </c>
      <c r="BQ20" s="16">
        <v>5295</v>
      </c>
      <c r="BR20" s="16">
        <v>5223</v>
      </c>
      <c r="BS20" s="16">
        <v>5519</v>
      </c>
      <c r="BT20" s="16">
        <v>5513</v>
      </c>
      <c r="BU20" s="16">
        <v>5460</v>
      </c>
      <c r="BV20" s="16">
        <v>5685</v>
      </c>
      <c r="BW20" s="16">
        <v>5826</v>
      </c>
      <c r="BX20" s="16">
        <v>6180</v>
      </c>
      <c r="BY20" s="16">
        <v>6479</v>
      </c>
      <c r="BZ20" s="16">
        <v>6943</v>
      </c>
      <c r="CA20" s="16">
        <v>6557</v>
      </c>
      <c r="CB20" s="16">
        <v>6135</v>
      </c>
      <c r="CC20" s="16">
        <v>3920</v>
      </c>
      <c r="CD20" s="16">
        <v>4165</v>
      </c>
      <c r="CE20" s="16">
        <v>4818</v>
      </c>
      <c r="CF20" s="16">
        <v>4644</v>
      </c>
      <c r="CG20" s="16">
        <v>4530</v>
      </c>
      <c r="CH20" s="16">
        <v>4714</v>
      </c>
      <c r="CI20" s="16">
        <v>4262</v>
      </c>
      <c r="CJ20" s="16">
        <v>3616</v>
      </c>
      <c r="CK20" s="16">
        <v>3847</v>
      </c>
      <c r="CL20" s="16">
        <v>3988</v>
      </c>
      <c r="CM20" s="16">
        <v>3709</v>
      </c>
      <c r="CN20" s="16">
        <v>3535</v>
      </c>
      <c r="CO20" s="16">
        <v>3225</v>
      </c>
      <c r="CP20" s="16">
        <v>3135</v>
      </c>
      <c r="CQ20" s="16">
        <v>2828</v>
      </c>
      <c r="CR20" s="16">
        <v>2525</v>
      </c>
      <c r="CS20" s="16">
        <v>2259</v>
      </c>
      <c r="CT20" s="16">
        <v>2006</v>
      </c>
      <c r="CU20" s="16">
        <v>1696</v>
      </c>
      <c r="CV20" s="16">
        <v>1396</v>
      </c>
      <c r="CW20" s="16">
        <v>1133</v>
      </c>
      <c r="CX20" s="16">
        <v>908</v>
      </c>
      <c r="CY20" s="16">
        <v>660</v>
      </c>
      <c r="CZ20" s="16">
        <v>522</v>
      </c>
      <c r="DA20" s="16">
        <v>372</v>
      </c>
      <c r="DB20" s="16">
        <v>264</v>
      </c>
      <c r="DC20" s="16">
        <v>477</v>
      </c>
      <c r="DD20" s="16">
        <v>9291</v>
      </c>
      <c r="DE20" s="16">
        <v>58630</v>
      </c>
      <c r="DF20" s="16">
        <v>260739</v>
      </c>
      <c r="DG20" s="16">
        <v>127932</v>
      </c>
      <c r="DH20" s="16">
        <v>69234</v>
      </c>
      <c r="DI20" s="16">
        <v>26941</v>
      </c>
      <c r="DJ20" s="16">
        <v>267417</v>
      </c>
      <c r="DK20" s="17">
        <v>47.361069999999998</v>
      </c>
      <c r="DL20" s="17">
        <v>48.054209999999998</v>
      </c>
    </row>
    <row r="21" spans="1:116">
      <c r="A21" s="21" t="s">
        <v>394</v>
      </c>
      <c r="B21" s="21" t="s">
        <v>216</v>
      </c>
      <c r="C21" s="21" t="s">
        <v>240</v>
      </c>
      <c r="D21" s="21" t="s">
        <v>237</v>
      </c>
      <c r="E21" s="21" t="s">
        <v>265</v>
      </c>
      <c r="F21" s="16">
        <v>29028</v>
      </c>
      <c r="G21" s="16">
        <v>187</v>
      </c>
      <c r="H21" s="16">
        <v>178</v>
      </c>
      <c r="I21" s="16">
        <v>217</v>
      </c>
      <c r="J21" s="16">
        <v>202</v>
      </c>
      <c r="K21" s="16">
        <v>237</v>
      </c>
      <c r="L21" s="16">
        <v>254</v>
      </c>
      <c r="M21" s="16">
        <v>263</v>
      </c>
      <c r="N21" s="16">
        <v>241</v>
      </c>
      <c r="O21" s="16">
        <v>243</v>
      </c>
      <c r="P21" s="16">
        <v>250</v>
      </c>
      <c r="Q21" s="16">
        <v>238</v>
      </c>
      <c r="R21" s="16">
        <v>268</v>
      </c>
      <c r="S21" s="16">
        <v>261</v>
      </c>
      <c r="T21" s="16">
        <v>265</v>
      </c>
      <c r="U21" s="16">
        <v>261</v>
      </c>
      <c r="V21" s="16">
        <v>251</v>
      </c>
      <c r="W21" s="16">
        <v>322</v>
      </c>
      <c r="X21" s="16">
        <v>310</v>
      </c>
      <c r="Y21" s="16">
        <v>260</v>
      </c>
      <c r="Z21" s="16">
        <v>217</v>
      </c>
      <c r="AA21" s="16">
        <v>209</v>
      </c>
      <c r="AB21" s="16">
        <v>181</v>
      </c>
      <c r="AC21" s="16">
        <v>178</v>
      </c>
      <c r="AD21" s="16">
        <v>170</v>
      </c>
      <c r="AE21" s="16">
        <v>195</v>
      </c>
      <c r="AF21" s="16">
        <v>193</v>
      </c>
      <c r="AG21" s="16">
        <v>205</v>
      </c>
      <c r="AH21" s="16">
        <v>234</v>
      </c>
      <c r="AI21" s="16">
        <v>224</v>
      </c>
      <c r="AJ21" s="16">
        <v>201</v>
      </c>
      <c r="AK21" s="16">
        <v>232</v>
      </c>
      <c r="AL21" s="16">
        <v>285</v>
      </c>
      <c r="AM21" s="16">
        <v>231</v>
      </c>
      <c r="AN21" s="16">
        <v>272</v>
      </c>
      <c r="AO21" s="16">
        <v>266</v>
      </c>
      <c r="AP21" s="16">
        <v>297</v>
      </c>
      <c r="AQ21" s="16">
        <v>287</v>
      </c>
      <c r="AR21" s="16">
        <v>310</v>
      </c>
      <c r="AS21" s="16">
        <v>324</v>
      </c>
      <c r="AT21" s="16">
        <v>335</v>
      </c>
      <c r="AU21" s="16">
        <v>305</v>
      </c>
      <c r="AV21" s="16">
        <v>351</v>
      </c>
      <c r="AW21" s="16">
        <v>354</v>
      </c>
      <c r="AX21" s="16">
        <v>385</v>
      </c>
      <c r="AY21" s="16">
        <v>364</v>
      </c>
      <c r="AZ21" s="16">
        <v>398</v>
      </c>
      <c r="BA21" s="16">
        <v>352</v>
      </c>
      <c r="BB21" s="16">
        <v>388</v>
      </c>
      <c r="BC21" s="16">
        <v>377</v>
      </c>
      <c r="BD21" s="16">
        <v>388</v>
      </c>
      <c r="BE21" s="16">
        <v>362</v>
      </c>
      <c r="BF21" s="16">
        <v>359</v>
      </c>
      <c r="BG21" s="16">
        <v>376</v>
      </c>
      <c r="BH21" s="16">
        <v>412</v>
      </c>
      <c r="BI21" s="16">
        <v>291</v>
      </c>
      <c r="BJ21" s="16">
        <v>404</v>
      </c>
      <c r="BK21" s="16">
        <v>370</v>
      </c>
      <c r="BL21" s="16">
        <v>326</v>
      </c>
      <c r="BM21" s="16">
        <v>353</v>
      </c>
      <c r="BN21" s="16">
        <v>356</v>
      </c>
      <c r="BO21" s="16">
        <v>367</v>
      </c>
      <c r="BP21" s="16">
        <v>416</v>
      </c>
      <c r="BQ21" s="16">
        <v>350</v>
      </c>
      <c r="BR21" s="16">
        <v>374</v>
      </c>
      <c r="BS21" s="16">
        <v>385</v>
      </c>
      <c r="BT21" s="16">
        <v>380</v>
      </c>
      <c r="BU21" s="16">
        <v>416</v>
      </c>
      <c r="BV21" s="16">
        <v>445</v>
      </c>
      <c r="BW21" s="16">
        <v>425</v>
      </c>
      <c r="BX21" s="16">
        <v>435</v>
      </c>
      <c r="BY21" s="16">
        <v>481</v>
      </c>
      <c r="BZ21" s="16">
        <v>500</v>
      </c>
      <c r="CA21" s="16">
        <v>501</v>
      </c>
      <c r="CB21" s="16">
        <v>459</v>
      </c>
      <c r="CC21" s="16">
        <v>296</v>
      </c>
      <c r="CD21" s="16">
        <v>308</v>
      </c>
      <c r="CE21" s="16">
        <v>371</v>
      </c>
      <c r="CF21" s="16">
        <v>375</v>
      </c>
      <c r="CG21" s="16">
        <v>383</v>
      </c>
      <c r="CH21" s="16">
        <v>362</v>
      </c>
      <c r="CI21" s="16">
        <v>314</v>
      </c>
      <c r="CJ21" s="16">
        <v>288</v>
      </c>
      <c r="CK21" s="16">
        <v>296</v>
      </c>
      <c r="CL21" s="16">
        <v>302</v>
      </c>
      <c r="CM21" s="16">
        <v>330</v>
      </c>
      <c r="CN21" s="16">
        <v>276</v>
      </c>
      <c r="CO21" s="16">
        <v>241</v>
      </c>
      <c r="CP21" s="16">
        <v>263</v>
      </c>
      <c r="CQ21" s="16">
        <v>252</v>
      </c>
      <c r="CR21" s="16">
        <v>181</v>
      </c>
      <c r="CS21" s="16">
        <v>196</v>
      </c>
      <c r="CT21" s="16">
        <v>129</v>
      </c>
      <c r="CU21" s="16">
        <v>133</v>
      </c>
      <c r="CV21" s="16">
        <v>96</v>
      </c>
      <c r="CW21" s="16">
        <v>75</v>
      </c>
      <c r="CX21" s="16">
        <v>67</v>
      </c>
      <c r="CY21" s="16">
        <v>46</v>
      </c>
      <c r="CZ21" s="16">
        <v>38</v>
      </c>
      <c r="DA21" s="16">
        <v>26</v>
      </c>
      <c r="DB21" s="16">
        <v>18</v>
      </c>
      <c r="DC21" s="16">
        <v>33</v>
      </c>
      <c r="DD21" s="16">
        <v>374</v>
      </c>
      <c r="DE21" s="16">
        <v>3565</v>
      </c>
      <c r="DF21" s="16">
        <v>15352</v>
      </c>
      <c r="DG21" s="16">
        <v>9737</v>
      </c>
      <c r="DH21" s="16">
        <v>5399</v>
      </c>
      <c r="DI21" s="16">
        <v>2070</v>
      </c>
      <c r="DJ21" s="16">
        <v>16093</v>
      </c>
      <c r="DK21" s="17">
        <v>50.243139999999997</v>
      </c>
      <c r="DL21" s="17">
        <v>52.505319999999998</v>
      </c>
    </row>
    <row r="22" spans="1:116">
      <c r="A22" s="21" t="s">
        <v>395</v>
      </c>
      <c r="B22" s="21" t="s">
        <v>214</v>
      </c>
      <c r="C22" s="21" t="s">
        <v>232</v>
      </c>
      <c r="D22" s="21" t="s">
        <v>233</v>
      </c>
      <c r="E22" s="21" t="s">
        <v>262</v>
      </c>
      <c r="F22" s="16">
        <v>84387079</v>
      </c>
      <c r="G22" s="16">
        <v>609416</v>
      </c>
      <c r="H22" s="16">
        <v>626055</v>
      </c>
      <c r="I22" s="16">
        <v>652133</v>
      </c>
      <c r="J22" s="16">
        <v>662808</v>
      </c>
      <c r="K22" s="16">
        <v>687187</v>
      </c>
      <c r="L22" s="16">
        <v>701279</v>
      </c>
      <c r="M22" s="16">
        <v>694923</v>
      </c>
      <c r="N22" s="16">
        <v>709885</v>
      </c>
      <c r="O22" s="16">
        <v>708141</v>
      </c>
      <c r="P22" s="16">
        <v>724944</v>
      </c>
      <c r="Q22" s="16">
        <v>730058</v>
      </c>
      <c r="R22" s="16">
        <v>732302</v>
      </c>
      <c r="S22" s="16">
        <v>743296</v>
      </c>
      <c r="T22" s="16">
        <v>737286</v>
      </c>
      <c r="U22" s="16">
        <v>729315</v>
      </c>
      <c r="V22" s="16">
        <v>728114</v>
      </c>
      <c r="W22" s="16">
        <v>756818</v>
      </c>
      <c r="X22" s="16">
        <v>763350</v>
      </c>
      <c r="Y22" s="16">
        <v>810949</v>
      </c>
      <c r="Z22" s="16">
        <v>842512</v>
      </c>
      <c r="AA22" s="16">
        <v>849113</v>
      </c>
      <c r="AB22" s="16">
        <v>851388</v>
      </c>
      <c r="AC22" s="16">
        <v>865671</v>
      </c>
      <c r="AD22" s="16">
        <v>864267</v>
      </c>
      <c r="AE22" s="16">
        <v>859630</v>
      </c>
      <c r="AF22" s="16">
        <v>872838</v>
      </c>
      <c r="AG22" s="16">
        <v>876891</v>
      </c>
      <c r="AH22" s="16">
        <v>860641</v>
      </c>
      <c r="AI22" s="16">
        <v>875303</v>
      </c>
      <c r="AJ22" s="16">
        <v>870226</v>
      </c>
      <c r="AK22" s="16">
        <v>882022</v>
      </c>
      <c r="AL22" s="16">
        <v>895665</v>
      </c>
      <c r="AM22" s="16">
        <v>926969</v>
      </c>
      <c r="AN22" s="16">
        <v>949760</v>
      </c>
      <c r="AO22" s="16">
        <v>963688</v>
      </c>
      <c r="AP22" s="16">
        <v>999042</v>
      </c>
      <c r="AQ22" s="16">
        <v>1031361</v>
      </c>
      <c r="AR22" s="16">
        <v>1043780</v>
      </c>
      <c r="AS22" s="16">
        <v>1040563</v>
      </c>
      <c r="AT22" s="16">
        <v>1052261</v>
      </c>
      <c r="AU22" s="16">
        <v>1099757</v>
      </c>
      <c r="AV22" s="16">
        <v>1126909</v>
      </c>
      <c r="AW22" s="16">
        <v>1171577</v>
      </c>
      <c r="AX22" s="16">
        <v>1203532</v>
      </c>
      <c r="AY22" s="16">
        <v>1261191</v>
      </c>
      <c r="AZ22" s="16">
        <v>1317786</v>
      </c>
      <c r="BA22" s="16">
        <v>1397683</v>
      </c>
      <c r="BB22" s="16">
        <v>1429247</v>
      </c>
      <c r="BC22" s="16">
        <v>1404699</v>
      </c>
      <c r="BD22" s="16">
        <v>1364682</v>
      </c>
      <c r="BE22" s="16">
        <v>1320401</v>
      </c>
      <c r="BF22" s="16">
        <v>1300317</v>
      </c>
      <c r="BG22" s="16">
        <v>1258961</v>
      </c>
      <c r="BH22" s="16">
        <v>1251439</v>
      </c>
      <c r="BI22" s="16">
        <v>972101</v>
      </c>
      <c r="BJ22" s="16">
        <v>1185636</v>
      </c>
      <c r="BK22" s="16">
        <v>1098095</v>
      </c>
      <c r="BL22" s="16">
        <v>1056879</v>
      </c>
      <c r="BM22" s="16">
        <v>1010656</v>
      </c>
      <c r="BN22" s="16">
        <v>973748</v>
      </c>
      <c r="BO22" s="16">
        <v>964492</v>
      </c>
      <c r="BP22" s="16">
        <v>963378</v>
      </c>
      <c r="BQ22" s="16">
        <v>925165</v>
      </c>
      <c r="BR22" s="16">
        <v>884916</v>
      </c>
      <c r="BS22" s="16">
        <v>918013</v>
      </c>
      <c r="BT22" s="16">
        <v>938139</v>
      </c>
      <c r="BU22" s="16">
        <v>933590</v>
      </c>
      <c r="BV22" s="16">
        <v>985708</v>
      </c>
      <c r="BW22" s="16">
        <v>1038266</v>
      </c>
      <c r="BX22" s="16">
        <v>1099293</v>
      </c>
      <c r="BY22" s="16">
        <v>1181629</v>
      </c>
      <c r="BZ22" s="16">
        <v>1301868</v>
      </c>
      <c r="CA22" s="16">
        <v>1286743</v>
      </c>
      <c r="CB22" s="16">
        <v>1219089</v>
      </c>
      <c r="CC22" s="16">
        <v>758229</v>
      </c>
      <c r="CD22" s="16">
        <v>804008</v>
      </c>
      <c r="CE22" s="16">
        <v>970816</v>
      </c>
      <c r="CF22" s="16">
        <v>927196</v>
      </c>
      <c r="CG22" s="16">
        <v>933747</v>
      </c>
      <c r="CH22" s="16">
        <v>886218</v>
      </c>
      <c r="CI22" s="16">
        <v>775956</v>
      </c>
      <c r="CJ22" s="16">
        <v>650459</v>
      </c>
      <c r="CK22" s="16">
        <v>659995</v>
      </c>
      <c r="CL22" s="16">
        <v>647826</v>
      </c>
      <c r="CM22" s="16">
        <v>617442</v>
      </c>
      <c r="CN22" s="16">
        <v>549410</v>
      </c>
      <c r="CO22" s="16">
        <v>479412</v>
      </c>
      <c r="CP22" s="16">
        <v>440564</v>
      </c>
      <c r="CQ22" s="16">
        <v>388540</v>
      </c>
      <c r="CR22" s="16">
        <v>334020</v>
      </c>
      <c r="CS22" s="16">
        <v>279331</v>
      </c>
      <c r="CT22" s="16">
        <v>236601</v>
      </c>
      <c r="CU22" s="16">
        <v>197141</v>
      </c>
      <c r="CV22" s="16">
        <v>147880</v>
      </c>
      <c r="CW22" s="16">
        <v>118032</v>
      </c>
      <c r="CX22" s="16">
        <v>88122</v>
      </c>
      <c r="CY22" s="16">
        <v>63133</v>
      </c>
      <c r="CZ22" s="16">
        <v>45936</v>
      </c>
      <c r="DA22" s="16">
        <v>32694</v>
      </c>
      <c r="DB22" s="16">
        <v>22535</v>
      </c>
      <c r="DC22" s="16">
        <v>39569</v>
      </c>
      <c r="DD22" s="16">
        <v>664832</v>
      </c>
      <c r="DE22" s="16">
        <v>10449028</v>
      </c>
      <c r="DF22" s="16">
        <v>51194082</v>
      </c>
      <c r="DG22" s="16">
        <v>22079137</v>
      </c>
      <c r="DH22" s="16">
        <v>11336583</v>
      </c>
      <c r="DI22" s="16">
        <v>3462920</v>
      </c>
      <c r="DJ22" s="16">
        <v>52287335</v>
      </c>
      <c r="DK22" s="17">
        <v>46.513269999999999</v>
      </c>
      <c r="DL22" s="17">
        <v>47.35042</v>
      </c>
    </row>
    <row r="23" spans="1:116">
      <c r="A23" s="21" t="s">
        <v>395</v>
      </c>
      <c r="B23" s="21" t="s">
        <v>214</v>
      </c>
      <c r="C23" s="21" t="s">
        <v>232</v>
      </c>
      <c r="D23" s="21" t="s">
        <v>237</v>
      </c>
      <c r="E23" s="21" t="s">
        <v>264</v>
      </c>
      <c r="F23" s="16">
        <v>843379</v>
      </c>
      <c r="G23" s="16">
        <v>7074</v>
      </c>
      <c r="H23" s="16">
        <v>7207</v>
      </c>
      <c r="I23" s="16">
        <v>7491</v>
      </c>
      <c r="J23" s="16">
        <v>7502</v>
      </c>
      <c r="K23" s="16">
        <v>7720</v>
      </c>
      <c r="L23" s="16">
        <v>7892</v>
      </c>
      <c r="M23" s="16">
        <v>8021</v>
      </c>
      <c r="N23" s="16">
        <v>8006</v>
      </c>
      <c r="O23" s="16">
        <v>8196</v>
      </c>
      <c r="P23" s="16">
        <v>8127</v>
      </c>
      <c r="Q23" s="16">
        <v>8344</v>
      </c>
      <c r="R23" s="16">
        <v>8337</v>
      </c>
      <c r="S23" s="16">
        <v>8528</v>
      </c>
      <c r="T23" s="16">
        <v>8405</v>
      </c>
      <c r="U23" s="16">
        <v>8215</v>
      </c>
      <c r="V23" s="16">
        <v>8441</v>
      </c>
      <c r="W23" s="16">
        <v>9193</v>
      </c>
      <c r="X23" s="16">
        <v>9350</v>
      </c>
      <c r="Y23" s="16">
        <v>9114</v>
      </c>
      <c r="Z23" s="16">
        <v>8838</v>
      </c>
      <c r="AA23" s="16">
        <v>8605</v>
      </c>
      <c r="AB23" s="16">
        <v>8415</v>
      </c>
      <c r="AC23" s="16">
        <v>8407</v>
      </c>
      <c r="AD23" s="16">
        <v>8016</v>
      </c>
      <c r="AE23" s="16">
        <v>7906</v>
      </c>
      <c r="AF23" s="16">
        <v>7755</v>
      </c>
      <c r="AG23" s="16">
        <v>7897</v>
      </c>
      <c r="AH23" s="16">
        <v>8216</v>
      </c>
      <c r="AI23" s="16">
        <v>8297</v>
      </c>
      <c r="AJ23" s="16">
        <v>8103</v>
      </c>
      <c r="AK23" s="16">
        <v>8379</v>
      </c>
      <c r="AL23" s="16">
        <v>8645</v>
      </c>
      <c r="AM23" s="16">
        <v>8997</v>
      </c>
      <c r="AN23" s="16">
        <v>9214</v>
      </c>
      <c r="AO23" s="16">
        <v>9505</v>
      </c>
      <c r="AP23" s="16">
        <v>9950</v>
      </c>
      <c r="AQ23" s="16">
        <v>10285</v>
      </c>
      <c r="AR23" s="16">
        <v>10225</v>
      </c>
      <c r="AS23" s="16">
        <v>10463</v>
      </c>
      <c r="AT23" s="16">
        <v>10432</v>
      </c>
      <c r="AU23" s="16">
        <v>10824</v>
      </c>
      <c r="AV23" s="16">
        <v>11198</v>
      </c>
      <c r="AW23" s="16">
        <v>11438</v>
      </c>
      <c r="AX23" s="16">
        <v>11713</v>
      </c>
      <c r="AY23" s="16">
        <v>12234</v>
      </c>
      <c r="AZ23" s="16">
        <v>12351</v>
      </c>
      <c r="BA23" s="16">
        <v>12892</v>
      </c>
      <c r="BB23" s="16">
        <v>12837</v>
      </c>
      <c r="BC23" s="16">
        <v>12465</v>
      </c>
      <c r="BD23" s="16">
        <v>11777</v>
      </c>
      <c r="BE23" s="16">
        <v>11221</v>
      </c>
      <c r="BF23" s="16">
        <v>11298</v>
      </c>
      <c r="BG23" s="16">
        <v>11179</v>
      </c>
      <c r="BH23" s="16">
        <v>11612</v>
      </c>
      <c r="BI23" s="16">
        <v>8930</v>
      </c>
      <c r="BJ23" s="16">
        <v>11071</v>
      </c>
      <c r="BK23" s="16">
        <v>10390</v>
      </c>
      <c r="BL23" s="16">
        <v>10343</v>
      </c>
      <c r="BM23" s="16">
        <v>10017</v>
      </c>
      <c r="BN23" s="16">
        <v>10132</v>
      </c>
      <c r="BO23" s="16">
        <v>10231</v>
      </c>
      <c r="BP23" s="16">
        <v>10516</v>
      </c>
      <c r="BQ23" s="16">
        <v>10059</v>
      </c>
      <c r="BR23" s="16">
        <v>9813</v>
      </c>
      <c r="BS23" s="16">
        <v>10537</v>
      </c>
      <c r="BT23" s="16">
        <v>10412</v>
      </c>
      <c r="BU23" s="16">
        <v>10370</v>
      </c>
      <c r="BV23" s="16">
        <v>10661</v>
      </c>
      <c r="BW23" s="16">
        <v>10889</v>
      </c>
      <c r="BX23" s="16">
        <v>11563</v>
      </c>
      <c r="BY23" s="16">
        <v>11827</v>
      </c>
      <c r="BZ23" s="16">
        <v>12640</v>
      </c>
      <c r="CA23" s="16">
        <v>11994</v>
      </c>
      <c r="CB23" s="16">
        <v>11283</v>
      </c>
      <c r="CC23" s="16">
        <v>7074</v>
      </c>
      <c r="CD23" s="16">
        <v>7419</v>
      </c>
      <c r="CE23" s="16">
        <v>8481</v>
      </c>
      <c r="CF23" s="16">
        <v>7993</v>
      </c>
      <c r="CG23" s="16">
        <v>7756</v>
      </c>
      <c r="CH23" s="16">
        <v>7911</v>
      </c>
      <c r="CI23" s="16">
        <v>7069</v>
      </c>
      <c r="CJ23" s="16">
        <v>6073</v>
      </c>
      <c r="CK23" s="16">
        <v>6221</v>
      </c>
      <c r="CL23" s="16">
        <v>6511</v>
      </c>
      <c r="CM23" s="16">
        <v>6026</v>
      </c>
      <c r="CN23" s="16">
        <v>5603</v>
      </c>
      <c r="CO23" s="16">
        <v>5045</v>
      </c>
      <c r="CP23" s="16">
        <v>4825</v>
      </c>
      <c r="CQ23" s="16">
        <v>4247</v>
      </c>
      <c r="CR23" s="16">
        <v>3695</v>
      </c>
      <c r="CS23" s="16">
        <v>3217</v>
      </c>
      <c r="CT23" s="16">
        <v>2887</v>
      </c>
      <c r="CU23" s="16">
        <v>2313</v>
      </c>
      <c r="CV23" s="16">
        <v>1838</v>
      </c>
      <c r="CW23" s="16">
        <v>1491</v>
      </c>
      <c r="CX23" s="16">
        <v>1140</v>
      </c>
      <c r="CY23" s="16">
        <v>848</v>
      </c>
      <c r="CZ23" s="16">
        <v>625</v>
      </c>
      <c r="DA23" s="16">
        <v>445</v>
      </c>
      <c r="DB23" s="16">
        <v>312</v>
      </c>
      <c r="DC23" s="16">
        <v>542</v>
      </c>
      <c r="DD23" s="16">
        <v>5342</v>
      </c>
      <c r="DE23" s="16">
        <v>119065</v>
      </c>
      <c r="DF23" s="16">
        <v>499726</v>
      </c>
      <c r="DG23" s="16">
        <v>219246</v>
      </c>
      <c r="DH23" s="16">
        <v>110533</v>
      </c>
      <c r="DI23" s="16">
        <v>39073</v>
      </c>
      <c r="DJ23" s="16">
        <v>508685</v>
      </c>
      <c r="DK23" s="17">
        <v>45.777140000000003</v>
      </c>
      <c r="DL23" s="17">
        <v>46.585439999999998</v>
      </c>
    </row>
    <row r="24" spans="1:116">
      <c r="A24" s="21" t="s">
        <v>395</v>
      </c>
      <c r="B24" s="21" t="s">
        <v>214</v>
      </c>
      <c r="C24" s="21" t="s">
        <v>240</v>
      </c>
      <c r="D24" s="21" t="s">
        <v>237</v>
      </c>
      <c r="E24" s="21" t="s">
        <v>265</v>
      </c>
      <c r="F24" s="16">
        <v>53519</v>
      </c>
      <c r="G24" s="16">
        <v>383</v>
      </c>
      <c r="H24" s="16">
        <v>338</v>
      </c>
      <c r="I24" s="16">
        <v>404</v>
      </c>
      <c r="J24" s="16">
        <v>441</v>
      </c>
      <c r="K24" s="16">
        <v>474</v>
      </c>
      <c r="L24" s="16">
        <v>466</v>
      </c>
      <c r="M24" s="16">
        <v>491</v>
      </c>
      <c r="N24" s="16">
        <v>475</v>
      </c>
      <c r="O24" s="16">
        <v>517</v>
      </c>
      <c r="P24" s="16">
        <v>507</v>
      </c>
      <c r="Q24" s="16">
        <v>485</v>
      </c>
      <c r="R24" s="16">
        <v>536</v>
      </c>
      <c r="S24" s="16">
        <v>562</v>
      </c>
      <c r="T24" s="16">
        <v>519</v>
      </c>
      <c r="U24" s="16">
        <v>514</v>
      </c>
      <c r="V24" s="16">
        <v>585</v>
      </c>
      <c r="W24" s="16">
        <v>687</v>
      </c>
      <c r="X24" s="16">
        <v>681</v>
      </c>
      <c r="Y24" s="16">
        <v>538</v>
      </c>
      <c r="Z24" s="16">
        <v>413</v>
      </c>
      <c r="AA24" s="16">
        <v>395</v>
      </c>
      <c r="AB24" s="16">
        <v>354</v>
      </c>
      <c r="AC24" s="16">
        <v>353</v>
      </c>
      <c r="AD24" s="16">
        <v>366</v>
      </c>
      <c r="AE24" s="16">
        <v>381</v>
      </c>
      <c r="AF24" s="16">
        <v>378</v>
      </c>
      <c r="AG24" s="16">
        <v>381</v>
      </c>
      <c r="AH24" s="16">
        <v>449</v>
      </c>
      <c r="AI24" s="16">
        <v>425</v>
      </c>
      <c r="AJ24" s="16">
        <v>409</v>
      </c>
      <c r="AK24" s="16">
        <v>436</v>
      </c>
      <c r="AL24" s="16">
        <v>497</v>
      </c>
      <c r="AM24" s="16">
        <v>463</v>
      </c>
      <c r="AN24" s="16">
        <v>503</v>
      </c>
      <c r="AO24" s="16">
        <v>550</v>
      </c>
      <c r="AP24" s="16">
        <v>572</v>
      </c>
      <c r="AQ24" s="16">
        <v>573</v>
      </c>
      <c r="AR24" s="16">
        <v>588</v>
      </c>
      <c r="AS24" s="16">
        <v>640</v>
      </c>
      <c r="AT24" s="16">
        <v>600</v>
      </c>
      <c r="AU24" s="16">
        <v>587</v>
      </c>
      <c r="AV24" s="16">
        <v>654</v>
      </c>
      <c r="AW24" s="16">
        <v>662</v>
      </c>
      <c r="AX24" s="16">
        <v>691</v>
      </c>
      <c r="AY24" s="16">
        <v>726</v>
      </c>
      <c r="AZ24" s="16">
        <v>728</v>
      </c>
      <c r="BA24" s="16">
        <v>700</v>
      </c>
      <c r="BB24" s="16">
        <v>742</v>
      </c>
      <c r="BC24" s="16">
        <v>721</v>
      </c>
      <c r="BD24" s="16">
        <v>749</v>
      </c>
      <c r="BE24" s="16">
        <v>696</v>
      </c>
      <c r="BF24" s="16">
        <v>683</v>
      </c>
      <c r="BG24" s="16">
        <v>699</v>
      </c>
      <c r="BH24" s="16">
        <v>758</v>
      </c>
      <c r="BI24" s="16">
        <v>547</v>
      </c>
      <c r="BJ24" s="16">
        <v>762</v>
      </c>
      <c r="BK24" s="16">
        <v>691</v>
      </c>
      <c r="BL24" s="16">
        <v>630</v>
      </c>
      <c r="BM24" s="16">
        <v>660</v>
      </c>
      <c r="BN24" s="16">
        <v>663</v>
      </c>
      <c r="BO24" s="16">
        <v>705</v>
      </c>
      <c r="BP24" s="16">
        <v>757</v>
      </c>
      <c r="BQ24" s="16">
        <v>684</v>
      </c>
      <c r="BR24" s="16">
        <v>716</v>
      </c>
      <c r="BS24" s="16">
        <v>747</v>
      </c>
      <c r="BT24" s="16">
        <v>730</v>
      </c>
      <c r="BU24" s="16">
        <v>783</v>
      </c>
      <c r="BV24" s="16">
        <v>785</v>
      </c>
      <c r="BW24" s="16">
        <v>818</v>
      </c>
      <c r="BX24" s="16">
        <v>824</v>
      </c>
      <c r="BY24" s="16">
        <v>873</v>
      </c>
      <c r="BZ24" s="16">
        <v>987</v>
      </c>
      <c r="CA24" s="16">
        <v>879</v>
      </c>
      <c r="CB24" s="16">
        <v>849</v>
      </c>
      <c r="CC24" s="16">
        <v>521</v>
      </c>
      <c r="CD24" s="16">
        <v>559</v>
      </c>
      <c r="CE24" s="16">
        <v>685</v>
      </c>
      <c r="CF24" s="16">
        <v>613</v>
      </c>
      <c r="CG24" s="16">
        <v>656</v>
      </c>
      <c r="CH24" s="16">
        <v>593</v>
      </c>
      <c r="CI24" s="16">
        <v>505</v>
      </c>
      <c r="CJ24" s="16">
        <v>490</v>
      </c>
      <c r="CK24" s="16">
        <v>473</v>
      </c>
      <c r="CL24" s="16">
        <v>507</v>
      </c>
      <c r="CM24" s="16">
        <v>503</v>
      </c>
      <c r="CN24" s="16">
        <v>462</v>
      </c>
      <c r="CO24" s="16">
        <v>396</v>
      </c>
      <c r="CP24" s="16">
        <v>402</v>
      </c>
      <c r="CQ24" s="16">
        <v>370</v>
      </c>
      <c r="CR24" s="16">
        <v>259</v>
      </c>
      <c r="CS24" s="16">
        <v>275</v>
      </c>
      <c r="CT24" s="16">
        <v>200</v>
      </c>
      <c r="CU24" s="16">
        <v>177</v>
      </c>
      <c r="CV24" s="16">
        <v>125</v>
      </c>
      <c r="CW24" s="16">
        <v>103</v>
      </c>
      <c r="CX24" s="16">
        <v>72</v>
      </c>
      <c r="CY24" s="16">
        <v>60</v>
      </c>
      <c r="CZ24" s="16">
        <v>44</v>
      </c>
      <c r="DA24" s="16">
        <v>29</v>
      </c>
      <c r="DB24" s="16">
        <v>23</v>
      </c>
      <c r="DC24" s="16">
        <v>36</v>
      </c>
      <c r="DD24" s="16">
        <v>166</v>
      </c>
      <c r="DE24" s="16">
        <v>7112</v>
      </c>
      <c r="DF24" s="16">
        <v>29575</v>
      </c>
      <c r="DG24" s="16">
        <v>16666</v>
      </c>
      <c r="DH24" s="16">
        <v>8617</v>
      </c>
      <c r="DI24" s="16">
        <v>3033</v>
      </c>
      <c r="DJ24" s="16">
        <v>30611</v>
      </c>
      <c r="DK24" s="17">
        <v>48.531210000000002</v>
      </c>
      <c r="DL24" s="17">
        <v>50.556750000000001</v>
      </c>
    </row>
    <row r="25" spans="1:116">
      <c r="A25" s="21" t="s">
        <v>395</v>
      </c>
      <c r="B25" s="21" t="s">
        <v>215</v>
      </c>
      <c r="C25" s="21" t="s">
        <v>232</v>
      </c>
      <c r="D25" s="21" t="s">
        <v>233</v>
      </c>
      <c r="E25" s="21" t="s">
        <v>262</v>
      </c>
      <c r="F25" s="16">
        <v>41040166</v>
      </c>
      <c r="G25" s="16">
        <v>311633</v>
      </c>
      <c r="H25" s="16">
        <v>320602</v>
      </c>
      <c r="I25" s="16">
        <v>333536</v>
      </c>
      <c r="J25" s="16">
        <v>338904</v>
      </c>
      <c r="K25" s="16">
        <v>351767</v>
      </c>
      <c r="L25" s="16">
        <v>358944</v>
      </c>
      <c r="M25" s="16">
        <v>356045</v>
      </c>
      <c r="N25" s="16">
        <v>362583</v>
      </c>
      <c r="O25" s="16">
        <v>361765</v>
      </c>
      <c r="P25" s="16">
        <v>371122</v>
      </c>
      <c r="Q25" s="16">
        <v>373554</v>
      </c>
      <c r="R25" s="16">
        <v>374409</v>
      </c>
      <c r="S25" s="16">
        <v>380233</v>
      </c>
      <c r="T25" s="16">
        <v>377243</v>
      </c>
      <c r="U25" s="16">
        <v>372323</v>
      </c>
      <c r="V25" s="16">
        <v>372426</v>
      </c>
      <c r="W25" s="16">
        <v>385766</v>
      </c>
      <c r="X25" s="16">
        <v>390153</v>
      </c>
      <c r="Y25" s="16">
        <v>412920</v>
      </c>
      <c r="Z25" s="16">
        <v>427225</v>
      </c>
      <c r="AA25" s="16">
        <v>429630</v>
      </c>
      <c r="AB25" s="16">
        <v>428026</v>
      </c>
      <c r="AC25" s="16">
        <v>435198</v>
      </c>
      <c r="AD25" s="16">
        <v>432983</v>
      </c>
      <c r="AE25" s="16">
        <v>430795</v>
      </c>
      <c r="AF25" s="16">
        <v>436618</v>
      </c>
      <c r="AG25" s="16">
        <v>439402</v>
      </c>
      <c r="AH25" s="16">
        <v>432241</v>
      </c>
      <c r="AI25" s="16">
        <v>440146</v>
      </c>
      <c r="AJ25" s="16">
        <v>437496</v>
      </c>
      <c r="AK25" s="16">
        <v>443977</v>
      </c>
      <c r="AL25" s="16">
        <v>450647</v>
      </c>
      <c r="AM25" s="16">
        <v>468080</v>
      </c>
      <c r="AN25" s="16">
        <v>479193</v>
      </c>
      <c r="AO25" s="16">
        <v>486775</v>
      </c>
      <c r="AP25" s="16">
        <v>503759</v>
      </c>
      <c r="AQ25" s="16">
        <v>520176</v>
      </c>
      <c r="AR25" s="16">
        <v>525930</v>
      </c>
      <c r="AS25" s="16">
        <v>523983</v>
      </c>
      <c r="AT25" s="16">
        <v>529756</v>
      </c>
      <c r="AU25" s="16">
        <v>553832</v>
      </c>
      <c r="AV25" s="16">
        <v>567282</v>
      </c>
      <c r="AW25" s="16">
        <v>589061</v>
      </c>
      <c r="AX25" s="16">
        <v>605169</v>
      </c>
      <c r="AY25" s="16">
        <v>634359</v>
      </c>
      <c r="AZ25" s="16">
        <v>662289</v>
      </c>
      <c r="BA25" s="16">
        <v>702960</v>
      </c>
      <c r="BB25" s="16">
        <v>716139</v>
      </c>
      <c r="BC25" s="16">
        <v>705620</v>
      </c>
      <c r="BD25" s="16">
        <v>684823</v>
      </c>
      <c r="BE25" s="16">
        <v>663326</v>
      </c>
      <c r="BF25" s="16">
        <v>653511</v>
      </c>
      <c r="BG25" s="16">
        <v>633447</v>
      </c>
      <c r="BH25" s="16">
        <v>628936</v>
      </c>
      <c r="BI25" s="16">
        <v>486946</v>
      </c>
      <c r="BJ25" s="16">
        <v>594113</v>
      </c>
      <c r="BK25" s="16">
        <v>550467</v>
      </c>
      <c r="BL25" s="16">
        <v>528661</v>
      </c>
      <c r="BM25" s="16">
        <v>505096</v>
      </c>
      <c r="BN25" s="16">
        <v>485781</v>
      </c>
      <c r="BO25" s="16">
        <v>478328</v>
      </c>
      <c r="BP25" s="16">
        <v>477287</v>
      </c>
      <c r="BQ25" s="16">
        <v>456410</v>
      </c>
      <c r="BR25" s="16">
        <v>434301</v>
      </c>
      <c r="BS25" s="16">
        <v>448669</v>
      </c>
      <c r="BT25" s="16">
        <v>457123</v>
      </c>
      <c r="BU25" s="16">
        <v>451643</v>
      </c>
      <c r="BV25" s="16">
        <v>471876</v>
      </c>
      <c r="BW25" s="16">
        <v>495030</v>
      </c>
      <c r="BX25" s="16">
        <v>520342</v>
      </c>
      <c r="BY25" s="16">
        <v>554655</v>
      </c>
      <c r="BZ25" s="16">
        <v>607113</v>
      </c>
      <c r="CA25" s="16">
        <v>595059</v>
      </c>
      <c r="CB25" s="16">
        <v>561301</v>
      </c>
      <c r="CC25" s="16">
        <v>345414</v>
      </c>
      <c r="CD25" s="16">
        <v>361011</v>
      </c>
      <c r="CE25" s="16">
        <v>432318</v>
      </c>
      <c r="CF25" s="16">
        <v>410901</v>
      </c>
      <c r="CG25" s="16">
        <v>409012</v>
      </c>
      <c r="CH25" s="16">
        <v>385381</v>
      </c>
      <c r="CI25" s="16">
        <v>332525</v>
      </c>
      <c r="CJ25" s="16">
        <v>275339</v>
      </c>
      <c r="CK25" s="16">
        <v>273492</v>
      </c>
      <c r="CL25" s="16">
        <v>263742</v>
      </c>
      <c r="CM25" s="16">
        <v>245745</v>
      </c>
      <c r="CN25" s="16">
        <v>212165</v>
      </c>
      <c r="CO25" s="16">
        <v>178562</v>
      </c>
      <c r="CP25" s="16">
        <v>157725</v>
      </c>
      <c r="CQ25" s="16">
        <v>133771</v>
      </c>
      <c r="CR25" s="16">
        <v>109174</v>
      </c>
      <c r="CS25" s="16">
        <v>86752</v>
      </c>
      <c r="CT25" s="16">
        <v>69329</v>
      </c>
      <c r="CU25" s="16">
        <v>54521</v>
      </c>
      <c r="CV25" s="16">
        <v>39364</v>
      </c>
      <c r="CW25" s="16">
        <v>29259</v>
      </c>
      <c r="CX25" s="16">
        <v>20101</v>
      </c>
      <c r="CY25" s="16">
        <v>12955</v>
      </c>
      <c r="CZ25" s="16">
        <v>8297</v>
      </c>
      <c r="DA25" s="16">
        <v>5209</v>
      </c>
      <c r="DB25" s="16">
        <v>3257</v>
      </c>
      <c r="DC25" s="16">
        <v>5101</v>
      </c>
      <c r="DD25" s="16">
        <v>410825</v>
      </c>
      <c r="DE25" s="16">
        <v>5344663</v>
      </c>
      <c r="DF25" s="16">
        <v>25710114</v>
      </c>
      <c r="DG25" s="16">
        <v>9574564</v>
      </c>
      <c r="DH25" s="16">
        <v>4515008</v>
      </c>
      <c r="DI25" s="16">
        <v>1125542</v>
      </c>
      <c r="DJ25" s="16">
        <v>26117638</v>
      </c>
      <c r="DK25" s="17">
        <v>45.036499999999997</v>
      </c>
      <c r="DL25" s="17">
        <v>46.134740000000001</v>
      </c>
    </row>
    <row r="26" spans="1:116">
      <c r="A26" s="21" t="s">
        <v>395</v>
      </c>
      <c r="B26" s="21" t="s">
        <v>215</v>
      </c>
      <c r="C26" s="21" t="s">
        <v>232</v>
      </c>
      <c r="D26" s="21" t="s">
        <v>237</v>
      </c>
      <c r="E26" s="21" t="s">
        <v>264</v>
      </c>
      <c r="F26" s="16">
        <v>397991</v>
      </c>
      <c r="G26" s="16">
        <v>3553</v>
      </c>
      <c r="H26" s="16">
        <v>3748</v>
      </c>
      <c r="I26" s="16">
        <v>3798</v>
      </c>
      <c r="J26" s="16">
        <v>3827</v>
      </c>
      <c r="K26" s="16">
        <v>3945</v>
      </c>
      <c r="L26" s="16">
        <v>3975</v>
      </c>
      <c r="M26" s="16">
        <v>4099</v>
      </c>
      <c r="N26" s="16">
        <v>4162</v>
      </c>
      <c r="O26" s="16">
        <v>4278</v>
      </c>
      <c r="P26" s="16">
        <v>4149</v>
      </c>
      <c r="Q26" s="16">
        <v>4193</v>
      </c>
      <c r="R26" s="16">
        <v>4210</v>
      </c>
      <c r="S26" s="16">
        <v>4334</v>
      </c>
      <c r="T26" s="16">
        <v>4270</v>
      </c>
      <c r="U26" s="16">
        <v>4182</v>
      </c>
      <c r="V26" s="16">
        <v>4376</v>
      </c>
      <c r="W26" s="16">
        <v>4814</v>
      </c>
      <c r="X26" s="16">
        <v>4788</v>
      </c>
      <c r="Y26" s="16">
        <v>4662</v>
      </c>
      <c r="Z26" s="16">
        <v>4427</v>
      </c>
      <c r="AA26" s="16">
        <v>4356</v>
      </c>
      <c r="AB26" s="16">
        <v>4169</v>
      </c>
      <c r="AC26" s="16">
        <v>4236</v>
      </c>
      <c r="AD26" s="16">
        <v>3925</v>
      </c>
      <c r="AE26" s="16">
        <v>3904</v>
      </c>
      <c r="AF26" s="16">
        <v>3776</v>
      </c>
      <c r="AG26" s="16">
        <v>3791</v>
      </c>
      <c r="AH26" s="16">
        <v>3987</v>
      </c>
      <c r="AI26" s="16">
        <v>3996</v>
      </c>
      <c r="AJ26" s="16">
        <v>3919</v>
      </c>
      <c r="AK26" s="16">
        <v>4093</v>
      </c>
      <c r="AL26" s="16">
        <v>4187</v>
      </c>
      <c r="AM26" s="16">
        <v>4387</v>
      </c>
      <c r="AN26" s="16">
        <v>4438</v>
      </c>
      <c r="AO26" s="16">
        <v>4704</v>
      </c>
      <c r="AP26" s="16">
        <v>4820</v>
      </c>
      <c r="AQ26" s="16">
        <v>4989</v>
      </c>
      <c r="AR26" s="16">
        <v>4997</v>
      </c>
      <c r="AS26" s="16">
        <v>5108</v>
      </c>
      <c r="AT26" s="16">
        <v>5029</v>
      </c>
      <c r="AU26" s="16">
        <v>5244</v>
      </c>
      <c r="AV26" s="16">
        <v>5410</v>
      </c>
      <c r="AW26" s="16">
        <v>5498</v>
      </c>
      <c r="AX26" s="16">
        <v>5706</v>
      </c>
      <c r="AY26" s="16">
        <v>5959</v>
      </c>
      <c r="AZ26" s="16">
        <v>5929</v>
      </c>
      <c r="BA26" s="16">
        <v>6259</v>
      </c>
      <c r="BB26" s="16">
        <v>6141</v>
      </c>
      <c r="BC26" s="16">
        <v>6065</v>
      </c>
      <c r="BD26" s="16">
        <v>5707</v>
      </c>
      <c r="BE26" s="16">
        <v>5422</v>
      </c>
      <c r="BF26" s="16">
        <v>5354</v>
      </c>
      <c r="BG26" s="16">
        <v>5278</v>
      </c>
      <c r="BH26" s="16">
        <v>5341</v>
      </c>
      <c r="BI26" s="16">
        <v>4183</v>
      </c>
      <c r="BJ26" s="16">
        <v>5258</v>
      </c>
      <c r="BK26" s="16">
        <v>4922</v>
      </c>
      <c r="BL26" s="16">
        <v>4835</v>
      </c>
      <c r="BM26" s="16">
        <v>4739</v>
      </c>
      <c r="BN26" s="16">
        <v>4770</v>
      </c>
      <c r="BO26" s="16">
        <v>4897</v>
      </c>
      <c r="BP26" s="16">
        <v>5016</v>
      </c>
      <c r="BQ26" s="16">
        <v>4779</v>
      </c>
      <c r="BR26" s="16">
        <v>4613</v>
      </c>
      <c r="BS26" s="16">
        <v>5040</v>
      </c>
      <c r="BT26" s="16">
        <v>4916</v>
      </c>
      <c r="BU26" s="16">
        <v>4923</v>
      </c>
      <c r="BV26" s="16">
        <v>4991</v>
      </c>
      <c r="BW26" s="16">
        <v>5077</v>
      </c>
      <c r="BX26" s="16">
        <v>5398</v>
      </c>
      <c r="BY26" s="16">
        <v>5367</v>
      </c>
      <c r="BZ26" s="16">
        <v>5723</v>
      </c>
      <c r="CA26" s="16">
        <v>5447</v>
      </c>
      <c r="CB26" s="16">
        <v>5161</v>
      </c>
      <c r="CC26" s="16">
        <v>3167</v>
      </c>
      <c r="CD26" s="16">
        <v>3259</v>
      </c>
      <c r="CE26" s="16">
        <v>3674</v>
      </c>
      <c r="CF26" s="16">
        <v>3356</v>
      </c>
      <c r="CG26" s="16">
        <v>3234</v>
      </c>
      <c r="CH26" s="16">
        <v>3204</v>
      </c>
      <c r="CI26" s="16">
        <v>2821</v>
      </c>
      <c r="CJ26" s="16">
        <v>2468</v>
      </c>
      <c r="CK26" s="16">
        <v>2379</v>
      </c>
      <c r="CL26" s="16">
        <v>2530</v>
      </c>
      <c r="CM26" s="16">
        <v>2332</v>
      </c>
      <c r="CN26" s="16">
        <v>2072</v>
      </c>
      <c r="CO26" s="16">
        <v>1821</v>
      </c>
      <c r="CP26" s="16">
        <v>1695</v>
      </c>
      <c r="CQ26" s="16">
        <v>1423</v>
      </c>
      <c r="CR26" s="16">
        <v>1175</v>
      </c>
      <c r="CS26" s="16">
        <v>963</v>
      </c>
      <c r="CT26" s="16">
        <v>885</v>
      </c>
      <c r="CU26" s="16">
        <v>626</v>
      </c>
      <c r="CV26" s="16">
        <v>446</v>
      </c>
      <c r="CW26" s="16">
        <v>358</v>
      </c>
      <c r="CX26" s="16">
        <v>232</v>
      </c>
      <c r="CY26" s="16">
        <v>189</v>
      </c>
      <c r="CZ26" s="16">
        <v>104</v>
      </c>
      <c r="DA26" s="16">
        <v>73</v>
      </c>
      <c r="DB26" s="16">
        <v>48</v>
      </c>
      <c r="DC26" s="16">
        <v>65</v>
      </c>
      <c r="DD26" s="16">
        <v>3423</v>
      </c>
      <c r="DE26" s="16">
        <v>60723</v>
      </c>
      <c r="DF26" s="16">
        <v>242243</v>
      </c>
      <c r="DG26" s="16">
        <v>91602</v>
      </c>
      <c r="DH26" s="16">
        <v>41432</v>
      </c>
      <c r="DI26" s="16">
        <v>12175</v>
      </c>
      <c r="DJ26" s="16">
        <v>244481</v>
      </c>
      <c r="DK26" s="17">
        <v>43.897239999999996</v>
      </c>
      <c r="DL26" s="17">
        <v>44.809699999999999</v>
      </c>
    </row>
    <row r="27" spans="1:116">
      <c r="A27" s="21" t="s">
        <v>395</v>
      </c>
      <c r="B27" s="21" t="s">
        <v>215</v>
      </c>
      <c r="C27" s="21" t="s">
        <v>240</v>
      </c>
      <c r="D27" s="21" t="s">
        <v>237</v>
      </c>
      <c r="E27" s="21" t="s">
        <v>265</v>
      </c>
      <c r="F27" s="16">
        <v>25122</v>
      </c>
      <c r="G27" s="16">
        <v>196</v>
      </c>
      <c r="H27" s="16">
        <v>160</v>
      </c>
      <c r="I27" s="16">
        <v>188</v>
      </c>
      <c r="J27" s="16">
        <v>240</v>
      </c>
      <c r="K27" s="16">
        <v>238</v>
      </c>
      <c r="L27" s="16">
        <v>213</v>
      </c>
      <c r="M27" s="16">
        <v>228</v>
      </c>
      <c r="N27" s="16">
        <v>237</v>
      </c>
      <c r="O27" s="16">
        <v>274</v>
      </c>
      <c r="P27" s="16">
        <v>257</v>
      </c>
      <c r="Q27" s="16">
        <v>247</v>
      </c>
      <c r="R27" s="16">
        <v>268</v>
      </c>
      <c r="S27" s="16">
        <v>301</v>
      </c>
      <c r="T27" s="16">
        <v>255</v>
      </c>
      <c r="U27" s="16">
        <v>254</v>
      </c>
      <c r="V27" s="16">
        <v>334</v>
      </c>
      <c r="W27" s="16">
        <v>366</v>
      </c>
      <c r="X27" s="16">
        <v>373</v>
      </c>
      <c r="Y27" s="16">
        <v>280</v>
      </c>
      <c r="Z27" s="16">
        <v>197</v>
      </c>
      <c r="AA27" s="16">
        <v>190</v>
      </c>
      <c r="AB27" s="16">
        <v>180</v>
      </c>
      <c r="AC27" s="16">
        <v>181</v>
      </c>
      <c r="AD27" s="16">
        <v>197</v>
      </c>
      <c r="AE27" s="16">
        <v>198</v>
      </c>
      <c r="AF27" s="16">
        <v>198</v>
      </c>
      <c r="AG27" s="16">
        <v>182</v>
      </c>
      <c r="AH27" s="16">
        <v>226</v>
      </c>
      <c r="AI27" s="16">
        <v>210</v>
      </c>
      <c r="AJ27" s="16">
        <v>211</v>
      </c>
      <c r="AK27" s="16">
        <v>220</v>
      </c>
      <c r="AL27" s="16">
        <v>216</v>
      </c>
      <c r="AM27" s="16">
        <v>239</v>
      </c>
      <c r="AN27" s="16">
        <v>235</v>
      </c>
      <c r="AO27" s="16">
        <v>293</v>
      </c>
      <c r="AP27" s="16">
        <v>278</v>
      </c>
      <c r="AQ27" s="16">
        <v>291</v>
      </c>
      <c r="AR27" s="16">
        <v>288</v>
      </c>
      <c r="AS27" s="16">
        <v>325</v>
      </c>
      <c r="AT27" s="16">
        <v>275</v>
      </c>
      <c r="AU27" s="16">
        <v>288</v>
      </c>
      <c r="AV27" s="16">
        <v>307</v>
      </c>
      <c r="AW27" s="16">
        <v>318</v>
      </c>
      <c r="AX27" s="16">
        <v>310</v>
      </c>
      <c r="AY27" s="16">
        <v>365</v>
      </c>
      <c r="AZ27" s="16">
        <v>335</v>
      </c>
      <c r="BA27" s="16">
        <v>360</v>
      </c>
      <c r="BB27" s="16">
        <v>358</v>
      </c>
      <c r="BC27" s="16">
        <v>351</v>
      </c>
      <c r="BD27" s="16">
        <v>366</v>
      </c>
      <c r="BE27" s="16">
        <v>347</v>
      </c>
      <c r="BF27" s="16">
        <v>335</v>
      </c>
      <c r="BG27" s="16">
        <v>327</v>
      </c>
      <c r="BH27" s="16">
        <v>355</v>
      </c>
      <c r="BI27" s="16">
        <v>260</v>
      </c>
      <c r="BJ27" s="16">
        <v>363</v>
      </c>
      <c r="BK27" s="16">
        <v>325</v>
      </c>
      <c r="BL27" s="16">
        <v>310</v>
      </c>
      <c r="BM27" s="16">
        <v>309</v>
      </c>
      <c r="BN27" s="16">
        <v>309</v>
      </c>
      <c r="BO27" s="16">
        <v>341</v>
      </c>
      <c r="BP27" s="16">
        <v>342</v>
      </c>
      <c r="BQ27" s="16">
        <v>334</v>
      </c>
      <c r="BR27" s="16">
        <v>343</v>
      </c>
      <c r="BS27" s="16">
        <v>364</v>
      </c>
      <c r="BT27" s="16">
        <v>351</v>
      </c>
      <c r="BU27" s="16">
        <v>367</v>
      </c>
      <c r="BV27" s="16">
        <v>341</v>
      </c>
      <c r="BW27" s="16">
        <v>395</v>
      </c>
      <c r="BX27" s="16">
        <v>390</v>
      </c>
      <c r="BY27" s="16">
        <v>392</v>
      </c>
      <c r="BZ27" s="16">
        <v>487</v>
      </c>
      <c r="CA27" s="16">
        <v>379</v>
      </c>
      <c r="CB27" s="16">
        <v>390</v>
      </c>
      <c r="CC27" s="16">
        <v>226</v>
      </c>
      <c r="CD27" s="16">
        <v>251</v>
      </c>
      <c r="CE27" s="16">
        <v>314</v>
      </c>
      <c r="CF27" s="16">
        <v>239</v>
      </c>
      <c r="CG27" s="16">
        <v>273</v>
      </c>
      <c r="CH27" s="16">
        <v>231</v>
      </c>
      <c r="CI27" s="16">
        <v>191</v>
      </c>
      <c r="CJ27" s="16">
        <v>203</v>
      </c>
      <c r="CK27" s="16">
        <v>177</v>
      </c>
      <c r="CL27" s="16">
        <v>205</v>
      </c>
      <c r="CM27" s="16">
        <v>173</v>
      </c>
      <c r="CN27" s="16">
        <v>186</v>
      </c>
      <c r="CO27" s="16">
        <v>155</v>
      </c>
      <c r="CP27" s="16">
        <v>139</v>
      </c>
      <c r="CQ27" s="16">
        <v>119</v>
      </c>
      <c r="CR27" s="16">
        <v>78</v>
      </c>
      <c r="CS27" s="16">
        <v>79</v>
      </c>
      <c r="CT27" s="16">
        <v>71</v>
      </c>
      <c r="CU27" s="16">
        <v>44</v>
      </c>
      <c r="CV27" s="16">
        <v>29</v>
      </c>
      <c r="CW27" s="16">
        <v>28</v>
      </c>
      <c r="CX27" s="16">
        <v>5</v>
      </c>
      <c r="CY27" s="16">
        <v>14</v>
      </c>
      <c r="CZ27" s="16">
        <v>6</v>
      </c>
      <c r="DA27" s="16">
        <v>3</v>
      </c>
      <c r="DB27" s="16">
        <v>5</v>
      </c>
      <c r="DC27" s="16">
        <v>3</v>
      </c>
      <c r="DD27" s="16">
        <v>122</v>
      </c>
      <c r="DE27" s="16">
        <v>3556</v>
      </c>
      <c r="DF27" s="16">
        <v>14505</v>
      </c>
      <c r="DG27" s="16">
        <v>6939</v>
      </c>
      <c r="DH27" s="16">
        <v>3221</v>
      </c>
      <c r="DI27" s="16">
        <v>964</v>
      </c>
      <c r="DJ27" s="16">
        <v>14799</v>
      </c>
      <c r="DK27" s="17">
        <v>46.455919999999999</v>
      </c>
      <c r="DL27" s="17">
        <v>48.341880000000003</v>
      </c>
    </row>
    <row r="28" spans="1:116">
      <c r="A28" s="21" t="s">
        <v>395</v>
      </c>
      <c r="B28" s="21" t="s">
        <v>216</v>
      </c>
      <c r="C28" s="21" t="s">
        <v>232</v>
      </c>
      <c r="D28" s="21" t="s">
        <v>233</v>
      </c>
      <c r="E28" s="21" t="s">
        <v>262</v>
      </c>
      <c r="F28" s="16">
        <v>43346913</v>
      </c>
      <c r="G28" s="16">
        <v>297783</v>
      </c>
      <c r="H28" s="16">
        <v>305453</v>
      </c>
      <c r="I28" s="16">
        <v>318597</v>
      </c>
      <c r="J28" s="16">
        <v>323904</v>
      </c>
      <c r="K28" s="16">
        <v>335420</v>
      </c>
      <c r="L28" s="16">
        <v>342335</v>
      </c>
      <c r="M28" s="16">
        <v>338878</v>
      </c>
      <c r="N28" s="16">
        <v>347302</v>
      </c>
      <c r="O28" s="16">
        <v>346376</v>
      </c>
      <c r="P28" s="16">
        <v>353822</v>
      </c>
      <c r="Q28" s="16">
        <v>356504</v>
      </c>
      <c r="R28" s="16">
        <v>357893</v>
      </c>
      <c r="S28" s="16">
        <v>363063</v>
      </c>
      <c r="T28" s="16">
        <v>360043</v>
      </c>
      <c r="U28" s="16">
        <v>356992</v>
      </c>
      <c r="V28" s="16">
        <v>355688</v>
      </c>
      <c r="W28" s="16">
        <v>371052</v>
      </c>
      <c r="X28" s="16">
        <v>373197</v>
      </c>
      <c r="Y28" s="16">
        <v>398029</v>
      </c>
      <c r="Z28" s="16">
        <v>415287</v>
      </c>
      <c r="AA28" s="16">
        <v>419483</v>
      </c>
      <c r="AB28" s="16">
        <v>423362</v>
      </c>
      <c r="AC28" s="16">
        <v>430473</v>
      </c>
      <c r="AD28" s="16">
        <v>431284</v>
      </c>
      <c r="AE28" s="16">
        <v>428835</v>
      </c>
      <c r="AF28" s="16">
        <v>436220</v>
      </c>
      <c r="AG28" s="16">
        <v>437489</v>
      </c>
      <c r="AH28" s="16">
        <v>428400</v>
      </c>
      <c r="AI28" s="16">
        <v>435157</v>
      </c>
      <c r="AJ28" s="16">
        <v>432730</v>
      </c>
      <c r="AK28" s="16">
        <v>438045</v>
      </c>
      <c r="AL28" s="16">
        <v>445018</v>
      </c>
      <c r="AM28" s="16">
        <v>458889</v>
      </c>
      <c r="AN28" s="16">
        <v>470567</v>
      </c>
      <c r="AO28" s="16">
        <v>476913</v>
      </c>
      <c r="AP28" s="16">
        <v>495283</v>
      </c>
      <c r="AQ28" s="16">
        <v>511185</v>
      </c>
      <c r="AR28" s="16">
        <v>517850</v>
      </c>
      <c r="AS28" s="16">
        <v>516580</v>
      </c>
      <c r="AT28" s="16">
        <v>522505</v>
      </c>
      <c r="AU28" s="16">
        <v>545925</v>
      </c>
      <c r="AV28" s="16">
        <v>559627</v>
      </c>
      <c r="AW28" s="16">
        <v>582516</v>
      </c>
      <c r="AX28" s="16">
        <v>598363</v>
      </c>
      <c r="AY28" s="16">
        <v>626832</v>
      </c>
      <c r="AZ28" s="16">
        <v>655497</v>
      </c>
      <c r="BA28" s="16">
        <v>694723</v>
      </c>
      <c r="BB28" s="16">
        <v>713108</v>
      </c>
      <c r="BC28" s="16">
        <v>699079</v>
      </c>
      <c r="BD28" s="16">
        <v>679859</v>
      </c>
      <c r="BE28" s="16">
        <v>657075</v>
      </c>
      <c r="BF28" s="16">
        <v>646806</v>
      </c>
      <c r="BG28" s="16">
        <v>625514</v>
      </c>
      <c r="BH28" s="16">
        <v>622503</v>
      </c>
      <c r="BI28" s="16">
        <v>485155</v>
      </c>
      <c r="BJ28" s="16">
        <v>591523</v>
      </c>
      <c r="BK28" s="16">
        <v>547628</v>
      </c>
      <c r="BL28" s="16">
        <v>528218</v>
      </c>
      <c r="BM28" s="16">
        <v>505560</v>
      </c>
      <c r="BN28" s="16">
        <v>487967</v>
      </c>
      <c r="BO28" s="16">
        <v>486164</v>
      </c>
      <c r="BP28" s="16">
        <v>486091</v>
      </c>
      <c r="BQ28" s="16">
        <v>468755</v>
      </c>
      <c r="BR28" s="16">
        <v>450615</v>
      </c>
      <c r="BS28" s="16">
        <v>469344</v>
      </c>
      <c r="BT28" s="16">
        <v>481016</v>
      </c>
      <c r="BU28" s="16">
        <v>481947</v>
      </c>
      <c r="BV28" s="16">
        <v>513832</v>
      </c>
      <c r="BW28" s="16">
        <v>543236</v>
      </c>
      <c r="BX28" s="16">
        <v>578951</v>
      </c>
      <c r="BY28" s="16">
        <v>626974</v>
      </c>
      <c r="BZ28" s="16">
        <v>694755</v>
      </c>
      <c r="CA28" s="16">
        <v>691684</v>
      </c>
      <c r="CB28" s="16">
        <v>657788</v>
      </c>
      <c r="CC28" s="16">
        <v>412815</v>
      </c>
      <c r="CD28" s="16">
        <v>442997</v>
      </c>
      <c r="CE28" s="16">
        <v>538498</v>
      </c>
      <c r="CF28" s="16">
        <v>516295</v>
      </c>
      <c r="CG28" s="16">
        <v>524735</v>
      </c>
      <c r="CH28" s="16">
        <v>500837</v>
      </c>
      <c r="CI28" s="16">
        <v>443431</v>
      </c>
      <c r="CJ28" s="16">
        <v>375120</v>
      </c>
      <c r="CK28" s="16">
        <v>386503</v>
      </c>
      <c r="CL28" s="16">
        <v>384084</v>
      </c>
      <c r="CM28" s="16">
        <v>371697</v>
      </c>
      <c r="CN28" s="16">
        <v>337245</v>
      </c>
      <c r="CO28" s="16">
        <v>300850</v>
      </c>
      <c r="CP28" s="16">
        <v>282839</v>
      </c>
      <c r="CQ28" s="16">
        <v>254769</v>
      </c>
      <c r="CR28" s="16">
        <v>224846</v>
      </c>
      <c r="CS28" s="16">
        <v>192579</v>
      </c>
      <c r="CT28" s="16">
        <v>167272</v>
      </c>
      <c r="CU28" s="16">
        <v>142620</v>
      </c>
      <c r="CV28" s="16">
        <v>108516</v>
      </c>
      <c r="CW28" s="16">
        <v>88773</v>
      </c>
      <c r="CX28" s="16">
        <v>68021</v>
      </c>
      <c r="CY28" s="16">
        <v>50178</v>
      </c>
      <c r="CZ28" s="16">
        <v>37639</v>
      </c>
      <c r="DA28" s="16">
        <v>27485</v>
      </c>
      <c r="DB28" s="16">
        <v>19278</v>
      </c>
      <c r="DC28" s="16">
        <v>34468</v>
      </c>
      <c r="DD28" s="16">
        <v>254007</v>
      </c>
      <c r="DE28" s="16">
        <v>5104365</v>
      </c>
      <c r="DF28" s="16">
        <v>25483968</v>
      </c>
      <c r="DG28" s="16">
        <v>12504573</v>
      </c>
      <c r="DH28" s="16">
        <v>6821575</v>
      </c>
      <c r="DI28" s="16">
        <v>2337378</v>
      </c>
      <c r="DJ28" s="16">
        <v>26169697</v>
      </c>
      <c r="DK28" s="17">
        <v>47.905630000000002</v>
      </c>
      <c r="DL28" s="17">
        <v>48.566429999999997</v>
      </c>
    </row>
    <row r="29" spans="1:116">
      <c r="A29" s="21" t="s">
        <v>395</v>
      </c>
      <c r="B29" s="21" t="s">
        <v>216</v>
      </c>
      <c r="C29" s="21" t="s">
        <v>232</v>
      </c>
      <c r="D29" s="21" t="s">
        <v>237</v>
      </c>
      <c r="E29" s="21" t="s">
        <v>264</v>
      </c>
      <c r="F29" s="16">
        <v>445388</v>
      </c>
      <c r="G29" s="16">
        <v>3521</v>
      </c>
      <c r="H29" s="16">
        <v>3459</v>
      </c>
      <c r="I29" s="16">
        <v>3693</v>
      </c>
      <c r="J29" s="16">
        <v>3675</v>
      </c>
      <c r="K29" s="16">
        <v>3775</v>
      </c>
      <c r="L29" s="16">
        <v>3917</v>
      </c>
      <c r="M29" s="16">
        <v>3922</v>
      </c>
      <c r="N29" s="16">
        <v>3844</v>
      </c>
      <c r="O29" s="16">
        <v>3918</v>
      </c>
      <c r="P29" s="16">
        <v>3978</v>
      </c>
      <c r="Q29" s="16">
        <v>4151</v>
      </c>
      <c r="R29" s="16">
        <v>4127</v>
      </c>
      <c r="S29" s="16">
        <v>4194</v>
      </c>
      <c r="T29" s="16">
        <v>4135</v>
      </c>
      <c r="U29" s="16">
        <v>4033</v>
      </c>
      <c r="V29" s="16">
        <v>4065</v>
      </c>
      <c r="W29" s="16">
        <v>4379</v>
      </c>
      <c r="X29" s="16">
        <v>4562</v>
      </c>
      <c r="Y29" s="16">
        <v>4452</v>
      </c>
      <c r="Z29" s="16">
        <v>4411</v>
      </c>
      <c r="AA29" s="16">
        <v>4249</v>
      </c>
      <c r="AB29" s="16">
        <v>4246</v>
      </c>
      <c r="AC29" s="16">
        <v>4171</v>
      </c>
      <c r="AD29" s="16">
        <v>4091</v>
      </c>
      <c r="AE29" s="16">
        <v>4002</v>
      </c>
      <c r="AF29" s="16">
        <v>3979</v>
      </c>
      <c r="AG29" s="16">
        <v>4106</v>
      </c>
      <c r="AH29" s="16">
        <v>4229</v>
      </c>
      <c r="AI29" s="16">
        <v>4301</v>
      </c>
      <c r="AJ29" s="16">
        <v>4184</v>
      </c>
      <c r="AK29" s="16">
        <v>4286</v>
      </c>
      <c r="AL29" s="16">
        <v>4458</v>
      </c>
      <c r="AM29" s="16">
        <v>4610</v>
      </c>
      <c r="AN29" s="16">
        <v>4776</v>
      </c>
      <c r="AO29" s="16">
        <v>4801</v>
      </c>
      <c r="AP29" s="16">
        <v>5130</v>
      </c>
      <c r="AQ29" s="16">
        <v>5296</v>
      </c>
      <c r="AR29" s="16">
        <v>5228</v>
      </c>
      <c r="AS29" s="16">
        <v>5355</v>
      </c>
      <c r="AT29" s="16">
        <v>5403</v>
      </c>
      <c r="AU29" s="16">
        <v>5580</v>
      </c>
      <c r="AV29" s="16">
        <v>5788</v>
      </c>
      <c r="AW29" s="16">
        <v>5940</v>
      </c>
      <c r="AX29" s="16">
        <v>6007</v>
      </c>
      <c r="AY29" s="16">
        <v>6275</v>
      </c>
      <c r="AZ29" s="16">
        <v>6422</v>
      </c>
      <c r="BA29" s="16">
        <v>6633</v>
      </c>
      <c r="BB29" s="16">
        <v>6696</v>
      </c>
      <c r="BC29" s="16">
        <v>6400</v>
      </c>
      <c r="BD29" s="16">
        <v>6070</v>
      </c>
      <c r="BE29" s="16">
        <v>5799</v>
      </c>
      <c r="BF29" s="16">
        <v>5944</v>
      </c>
      <c r="BG29" s="16">
        <v>5901</v>
      </c>
      <c r="BH29" s="16">
        <v>6271</v>
      </c>
      <c r="BI29" s="16">
        <v>4747</v>
      </c>
      <c r="BJ29" s="16">
        <v>5813</v>
      </c>
      <c r="BK29" s="16">
        <v>5468</v>
      </c>
      <c r="BL29" s="16">
        <v>5508</v>
      </c>
      <c r="BM29" s="16">
        <v>5278</v>
      </c>
      <c r="BN29" s="16">
        <v>5362</v>
      </c>
      <c r="BO29" s="16">
        <v>5334</v>
      </c>
      <c r="BP29" s="16">
        <v>5500</v>
      </c>
      <c r="BQ29" s="16">
        <v>5280</v>
      </c>
      <c r="BR29" s="16">
        <v>5200</v>
      </c>
      <c r="BS29" s="16">
        <v>5497</v>
      </c>
      <c r="BT29" s="16">
        <v>5496</v>
      </c>
      <c r="BU29" s="16">
        <v>5447</v>
      </c>
      <c r="BV29" s="16">
        <v>5670</v>
      </c>
      <c r="BW29" s="16">
        <v>5812</v>
      </c>
      <c r="BX29" s="16">
        <v>6165</v>
      </c>
      <c r="BY29" s="16">
        <v>6460</v>
      </c>
      <c r="BZ29" s="16">
        <v>6917</v>
      </c>
      <c r="CA29" s="16">
        <v>6547</v>
      </c>
      <c r="CB29" s="16">
        <v>6122</v>
      </c>
      <c r="CC29" s="16">
        <v>3907</v>
      </c>
      <c r="CD29" s="16">
        <v>4160</v>
      </c>
      <c r="CE29" s="16">
        <v>4807</v>
      </c>
      <c r="CF29" s="16">
        <v>4637</v>
      </c>
      <c r="CG29" s="16">
        <v>4522</v>
      </c>
      <c r="CH29" s="16">
        <v>4707</v>
      </c>
      <c r="CI29" s="16">
        <v>4248</v>
      </c>
      <c r="CJ29" s="16">
        <v>3605</v>
      </c>
      <c r="CK29" s="16">
        <v>3842</v>
      </c>
      <c r="CL29" s="16">
        <v>3981</v>
      </c>
      <c r="CM29" s="16">
        <v>3694</v>
      </c>
      <c r="CN29" s="16">
        <v>3531</v>
      </c>
      <c r="CO29" s="16">
        <v>3224</v>
      </c>
      <c r="CP29" s="16">
        <v>3130</v>
      </c>
      <c r="CQ29" s="16">
        <v>2824</v>
      </c>
      <c r="CR29" s="16">
        <v>2520</v>
      </c>
      <c r="CS29" s="16">
        <v>2254</v>
      </c>
      <c r="CT29" s="16">
        <v>2002</v>
      </c>
      <c r="CU29" s="16">
        <v>1687</v>
      </c>
      <c r="CV29" s="16">
        <v>1392</v>
      </c>
      <c r="CW29" s="16">
        <v>1133</v>
      </c>
      <c r="CX29" s="16">
        <v>908</v>
      </c>
      <c r="CY29" s="16">
        <v>659</v>
      </c>
      <c r="CZ29" s="16">
        <v>521</v>
      </c>
      <c r="DA29" s="16">
        <v>372</v>
      </c>
      <c r="DB29" s="16">
        <v>264</v>
      </c>
      <c r="DC29" s="16">
        <v>477</v>
      </c>
      <c r="DD29" s="16">
        <v>1919</v>
      </c>
      <c r="DE29" s="16">
        <v>58342</v>
      </c>
      <c r="DF29" s="16">
        <v>257483</v>
      </c>
      <c r="DG29" s="16">
        <v>127644</v>
      </c>
      <c r="DH29" s="16">
        <v>69101</v>
      </c>
      <c r="DI29" s="16">
        <v>26898</v>
      </c>
      <c r="DJ29" s="16">
        <v>264204</v>
      </c>
      <c r="DK29" s="17">
        <v>47.449739999999998</v>
      </c>
      <c r="DL29" s="17">
        <v>48.200229999999998</v>
      </c>
    </row>
    <row r="30" spans="1:116">
      <c r="A30" s="21" t="s">
        <v>395</v>
      </c>
      <c r="B30" s="21" t="s">
        <v>216</v>
      </c>
      <c r="C30" s="21" t="s">
        <v>240</v>
      </c>
      <c r="D30" s="21" t="s">
        <v>237</v>
      </c>
      <c r="E30" s="21" t="s">
        <v>265</v>
      </c>
      <c r="F30" s="16">
        <v>28397</v>
      </c>
      <c r="G30" s="16">
        <v>187</v>
      </c>
      <c r="H30" s="16">
        <v>178</v>
      </c>
      <c r="I30" s="16">
        <v>216</v>
      </c>
      <c r="J30" s="16">
        <v>201</v>
      </c>
      <c r="K30" s="16">
        <v>236</v>
      </c>
      <c r="L30" s="16">
        <v>253</v>
      </c>
      <c r="M30" s="16">
        <v>263</v>
      </c>
      <c r="N30" s="16">
        <v>238</v>
      </c>
      <c r="O30" s="16">
        <v>243</v>
      </c>
      <c r="P30" s="16">
        <v>250</v>
      </c>
      <c r="Q30" s="16">
        <v>238</v>
      </c>
      <c r="R30" s="16">
        <v>268</v>
      </c>
      <c r="S30" s="16">
        <v>261</v>
      </c>
      <c r="T30" s="16">
        <v>264</v>
      </c>
      <c r="U30" s="16">
        <v>260</v>
      </c>
      <c r="V30" s="16">
        <v>251</v>
      </c>
      <c r="W30" s="16">
        <v>321</v>
      </c>
      <c r="X30" s="16">
        <v>308</v>
      </c>
      <c r="Y30" s="16">
        <v>258</v>
      </c>
      <c r="Z30" s="16">
        <v>216</v>
      </c>
      <c r="AA30" s="16">
        <v>205</v>
      </c>
      <c r="AB30" s="16">
        <v>174</v>
      </c>
      <c r="AC30" s="16">
        <v>172</v>
      </c>
      <c r="AD30" s="16">
        <v>169</v>
      </c>
      <c r="AE30" s="16">
        <v>183</v>
      </c>
      <c r="AF30" s="16">
        <v>180</v>
      </c>
      <c r="AG30" s="16">
        <v>199</v>
      </c>
      <c r="AH30" s="16">
        <v>223</v>
      </c>
      <c r="AI30" s="16">
        <v>215</v>
      </c>
      <c r="AJ30" s="16">
        <v>198</v>
      </c>
      <c r="AK30" s="16">
        <v>216</v>
      </c>
      <c r="AL30" s="16">
        <v>281</v>
      </c>
      <c r="AM30" s="16">
        <v>224</v>
      </c>
      <c r="AN30" s="16">
        <v>268</v>
      </c>
      <c r="AO30" s="16">
        <v>257</v>
      </c>
      <c r="AP30" s="16">
        <v>294</v>
      </c>
      <c r="AQ30" s="16">
        <v>282</v>
      </c>
      <c r="AR30" s="16">
        <v>300</v>
      </c>
      <c r="AS30" s="16">
        <v>315</v>
      </c>
      <c r="AT30" s="16">
        <v>325</v>
      </c>
      <c r="AU30" s="16">
        <v>299</v>
      </c>
      <c r="AV30" s="16">
        <v>347</v>
      </c>
      <c r="AW30" s="16">
        <v>344</v>
      </c>
      <c r="AX30" s="16">
        <v>381</v>
      </c>
      <c r="AY30" s="16">
        <v>361</v>
      </c>
      <c r="AZ30" s="16">
        <v>393</v>
      </c>
      <c r="BA30" s="16">
        <v>340</v>
      </c>
      <c r="BB30" s="16">
        <v>384</v>
      </c>
      <c r="BC30" s="16">
        <v>370</v>
      </c>
      <c r="BD30" s="16">
        <v>383</v>
      </c>
      <c r="BE30" s="16">
        <v>349</v>
      </c>
      <c r="BF30" s="16">
        <v>348</v>
      </c>
      <c r="BG30" s="16">
        <v>372</v>
      </c>
      <c r="BH30" s="16">
        <v>403</v>
      </c>
      <c r="BI30" s="16">
        <v>287</v>
      </c>
      <c r="BJ30" s="16">
        <v>399</v>
      </c>
      <c r="BK30" s="16">
        <v>366</v>
      </c>
      <c r="BL30" s="16">
        <v>320</v>
      </c>
      <c r="BM30" s="16">
        <v>351</v>
      </c>
      <c r="BN30" s="16">
        <v>354</v>
      </c>
      <c r="BO30" s="16">
        <v>364</v>
      </c>
      <c r="BP30" s="16">
        <v>415</v>
      </c>
      <c r="BQ30" s="16">
        <v>350</v>
      </c>
      <c r="BR30" s="16">
        <v>373</v>
      </c>
      <c r="BS30" s="16">
        <v>383</v>
      </c>
      <c r="BT30" s="16">
        <v>379</v>
      </c>
      <c r="BU30" s="16">
        <v>416</v>
      </c>
      <c r="BV30" s="16">
        <v>444</v>
      </c>
      <c r="BW30" s="16">
        <v>423</v>
      </c>
      <c r="BX30" s="16">
        <v>434</v>
      </c>
      <c r="BY30" s="16">
        <v>481</v>
      </c>
      <c r="BZ30" s="16">
        <v>500</v>
      </c>
      <c r="CA30" s="16">
        <v>500</v>
      </c>
      <c r="CB30" s="16">
        <v>459</v>
      </c>
      <c r="CC30" s="16">
        <v>295</v>
      </c>
      <c r="CD30" s="16">
        <v>308</v>
      </c>
      <c r="CE30" s="16">
        <v>371</v>
      </c>
      <c r="CF30" s="16">
        <v>374</v>
      </c>
      <c r="CG30" s="16">
        <v>383</v>
      </c>
      <c r="CH30" s="16">
        <v>362</v>
      </c>
      <c r="CI30" s="16">
        <v>314</v>
      </c>
      <c r="CJ30" s="16">
        <v>287</v>
      </c>
      <c r="CK30" s="16">
        <v>296</v>
      </c>
      <c r="CL30" s="16">
        <v>302</v>
      </c>
      <c r="CM30" s="16">
        <v>330</v>
      </c>
      <c r="CN30" s="16">
        <v>276</v>
      </c>
      <c r="CO30" s="16">
        <v>241</v>
      </c>
      <c r="CP30" s="16">
        <v>263</v>
      </c>
      <c r="CQ30" s="16">
        <v>251</v>
      </c>
      <c r="CR30" s="16">
        <v>181</v>
      </c>
      <c r="CS30" s="16">
        <v>196</v>
      </c>
      <c r="CT30" s="16">
        <v>129</v>
      </c>
      <c r="CU30" s="16">
        <v>133</v>
      </c>
      <c r="CV30" s="16">
        <v>96</v>
      </c>
      <c r="CW30" s="16">
        <v>75</v>
      </c>
      <c r="CX30" s="16">
        <v>67</v>
      </c>
      <c r="CY30" s="16">
        <v>46</v>
      </c>
      <c r="CZ30" s="16">
        <v>38</v>
      </c>
      <c r="DA30" s="16">
        <v>26</v>
      </c>
      <c r="DB30" s="16">
        <v>18</v>
      </c>
      <c r="DC30" s="16">
        <v>33</v>
      </c>
      <c r="DD30" s="16">
        <v>44</v>
      </c>
      <c r="DE30" s="16">
        <v>3556</v>
      </c>
      <c r="DF30" s="16">
        <v>15070</v>
      </c>
      <c r="DG30" s="16">
        <v>9727</v>
      </c>
      <c r="DH30" s="16">
        <v>5396</v>
      </c>
      <c r="DI30" s="16">
        <v>2069</v>
      </c>
      <c r="DJ30" s="16">
        <v>15812</v>
      </c>
      <c r="DK30" s="17">
        <v>50.361069999999998</v>
      </c>
      <c r="DL30" s="17">
        <v>52.77284999999999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61F7086-56E5-4AE5-8595-0E7FE07984B0}">
  <sheetPr>
    <pageSetUpPr fitToPage="1"/>
  </sheetPr>
  <dimension ref="A1:V40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3.625" style="20" bestFit="1" customWidth="1"/>
    <col min="5" max="16384" width="12.625" style="20"/>
  </cols>
  <sheetData>
    <row r="1" spans="1:22" s="11" customFormat="1">
      <c r="A1" s="11" t="s">
        <v>192</v>
      </c>
    </row>
    <row r="2" spans="1:22" s="11" customFormat="1">
      <c r="A2" s="11" t="s">
        <v>711</v>
      </c>
    </row>
    <row r="3" spans="1:22" s="11" customFormat="1"/>
    <row r="4" spans="1:22" s="11" customFormat="1" hidden="1"/>
    <row r="5" spans="1:22" s="11" customFormat="1">
      <c r="E5" s="12" t="s">
        <v>495</v>
      </c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  <c r="R5" s="12" t="s">
        <v>495</v>
      </c>
      <c r="S5" s="12" t="s">
        <v>495</v>
      </c>
      <c r="T5" s="12" t="s">
        <v>495</v>
      </c>
      <c r="U5" s="12" t="s">
        <v>495</v>
      </c>
      <c r="V5" s="12" t="s">
        <v>495</v>
      </c>
    </row>
    <row r="6" spans="1:22" s="11" customFormat="1" ht="36">
      <c r="E6" s="12" t="s">
        <v>696</v>
      </c>
      <c r="F6" s="12" t="s">
        <v>696</v>
      </c>
      <c r="G6" s="12" t="s">
        <v>696</v>
      </c>
      <c r="H6" s="12" t="s">
        <v>696</v>
      </c>
      <c r="I6" s="12" t="s">
        <v>696</v>
      </c>
      <c r="J6" s="12" t="s">
        <v>696</v>
      </c>
      <c r="K6" s="12" t="s">
        <v>696</v>
      </c>
      <c r="L6" s="12" t="s">
        <v>696</v>
      </c>
      <c r="M6" s="12" t="s">
        <v>696</v>
      </c>
      <c r="N6" s="12" t="s">
        <v>696</v>
      </c>
      <c r="O6" s="12" t="s">
        <v>696</v>
      </c>
      <c r="P6" s="12" t="s">
        <v>696</v>
      </c>
      <c r="Q6" s="12" t="s">
        <v>696</v>
      </c>
      <c r="R6" s="12" t="s">
        <v>696</v>
      </c>
      <c r="S6" s="12" t="s">
        <v>696</v>
      </c>
      <c r="T6" s="12" t="s">
        <v>696</v>
      </c>
      <c r="U6" s="12" t="s">
        <v>696</v>
      </c>
      <c r="V6" s="12" t="s">
        <v>696</v>
      </c>
    </row>
    <row r="7" spans="1:22" s="11" customFormat="1">
      <c r="E7" s="12">
        <v>1</v>
      </c>
      <c r="F7" s="12">
        <v>1</v>
      </c>
      <c r="G7" s="12">
        <v>2</v>
      </c>
      <c r="H7" s="12">
        <v>2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3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2</v>
      </c>
      <c r="U7" s="12">
        <v>1</v>
      </c>
      <c r="V7" s="12">
        <v>1</v>
      </c>
    </row>
    <row r="8" spans="1:22" s="11" customFormat="1" ht="60">
      <c r="E8" s="12" t="s">
        <v>214</v>
      </c>
      <c r="F8" s="12" t="s">
        <v>681</v>
      </c>
      <c r="G8" s="12" t="s">
        <v>697</v>
      </c>
      <c r="H8" s="12" t="s">
        <v>698</v>
      </c>
      <c r="I8" s="12" t="s">
        <v>699</v>
      </c>
      <c r="J8" s="12" t="s">
        <v>700</v>
      </c>
      <c r="K8" s="12" t="s">
        <v>701</v>
      </c>
      <c r="L8" s="12" t="s">
        <v>702</v>
      </c>
      <c r="M8" s="12" t="s">
        <v>703</v>
      </c>
      <c r="N8" s="12" t="s">
        <v>704</v>
      </c>
      <c r="O8" s="12" t="s">
        <v>705</v>
      </c>
      <c r="P8" s="12" t="s">
        <v>706</v>
      </c>
      <c r="Q8" s="12" t="s">
        <v>707</v>
      </c>
      <c r="R8" s="12" t="s">
        <v>708</v>
      </c>
      <c r="S8" s="12" t="s">
        <v>709</v>
      </c>
      <c r="T8" s="12" t="s">
        <v>710</v>
      </c>
      <c r="U8" s="12" t="s">
        <v>688</v>
      </c>
      <c r="V8" s="12" t="s">
        <v>689</v>
      </c>
    </row>
    <row r="9" spans="1:22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</row>
    <row r="10" spans="1:22" s="11" customFormat="1">
      <c r="A10" s="14" t="s">
        <v>224</v>
      </c>
      <c r="B10" s="14" t="s">
        <v>259</v>
      </c>
      <c r="C10" s="14" t="s">
        <v>230</v>
      </c>
      <c r="D10" s="14" t="s">
        <v>68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</row>
    <row r="11" spans="1:22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123162995</v>
      </c>
      <c r="F11" s="16">
        <v>122165633</v>
      </c>
      <c r="G11" s="16">
        <v>77522480</v>
      </c>
      <c r="H11" s="16">
        <v>1644126</v>
      </c>
      <c r="I11" s="16">
        <v>42864758</v>
      </c>
      <c r="J11" s="16">
        <v>10183992</v>
      </c>
      <c r="K11" s="16">
        <v>15288660</v>
      </c>
      <c r="L11" s="16">
        <v>9683355</v>
      </c>
      <c r="M11" s="16">
        <v>5379282</v>
      </c>
      <c r="N11" s="16">
        <v>2329469</v>
      </c>
      <c r="O11" s="16">
        <v>21030741</v>
      </c>
      <c r="P11" s="16">
        <v>13794452</v>
      </c>
      <c r="Q11" s="16">
        <v>6068559</v>
      </c>
      <c r="R11" s="16">
        <v>1432736</v>
      </c>
      <c r="S11" s="16">
        <v>538270</v>
      </c>
      <c r="T11" s="16">
        <v>134269</v>
      </c>
      <c r="U11" s="16">
        <v>997209</v>
      </c>
      <c r="V11" s="16">
        <v>153</v>
      </c>
    </row>
    <row r="12" spans="1:22">
      <c r="A12" s="21" t="s">
        <v>232</v>
      </c>
      <c r="B12" s="21" t="s">
        <v>233</v>
      </c>
      <c r="C12" s="21" t="s">
        <v>262</v>
      </c>
      <c r="D12" s="21" t="s">
        <v>681</v>
      </c>
      <c r="E12" s="16">
        <v>122165633</v>
      </c>
      <c r="F12" s="16">
        <v>122165633</v>
      </c>
      <c r="G12" s="16">
        <v>77522480</v>
      </c>
      <c r="H12" s="16">
        <v>1644126</v>
      </c>
      <c r="I12" s="16">
        <v>42864758</v>
      </c>
      <c r="J12" s="16">
        <v>10183992</v>
      </c>
      <c r="K12" s="16">
        <v>15288660</v>
      </c>
      <c r="L12" s="16">
        <v>9683355</v>
      </c>
      <c r="M12" s="16">
        <v>5379282</v>
      </c>
      <c r="N12" s="16">
        <v>2329469</v>
      </c>
      <c r="O12" s="16">
        <v>21030741</v>
      </c>
      <c r="P12" s="16">
        <v>13794452</v>
      </c>
      <c r="Q12" s="16">
        <v>6068559</v>
      </c>
      <c r="R12" s="16">
        <v>1432736</v>
      </c>
      <c r="S12" s="16">
        <v>538270</v>
      </c>
      <c r="T12" s="16">
        <v>134269</v>
      </c>
      <c r="U12" s="22" t="s">
        <v>268</v>
      </c>
      <c r="V12" s="22" t="s">
        <v>268</v>
      </c>
    </row>
    <row r="13" spans="1:22">
      <c r="A13" s="21" t="s">
        <v>232</v>
      </c>
      <c r="B13" s="21" t="s">
        <v>233</v>
      </c>
      <c r="C13" s="21" t="s">
        <v>262</v>
      </c>
      <c r="D13" s="21" t="s">
        <v>682</v>
      </c>
      <c r="E13" s="16">
        <v>120994071</v>
      </c>
      <c r="F13" s="16">
        <v>120994071</v>
      </c>
      <c r="G13" s="16">
        <v>76758437</v>
      </c>
      <c r="H13" s="16">
        <v>1621005</v>
      </c>
      <c r="I13" s="16">
        <v>42488489</v>
      </c>
      <c r="J13" s="16">
        <v>10058177</v>
      </c>
      <c r="K13" s="16">
        <v>15145666</v>
      </c>
      <c r="L13" s="16">
        <v>9619504</v>
      </c>
      <c r="M13" s="16">
        <v>5347198</v>
      </c>
      <c r="N13" s="16">
        <v>2317944</v>
      </c>
      <c r="O13" s="16">
        <v>20815076</v>
      </c>
      <c r="P13" s="16">
        <v>13682314</v>
      </c>
      <c r="Q13" s="16">
        <v>6031491</v>
      </c>
      <c r="R13" s="16">
        <v>1424887</v>
      </c>
      <c r="S13" s="16">
        <v>534721</v>
      </c>
      <c r="T13" s="16">
        <v>126140</v>
      </c>
      <c r="U13" s="22" t="s">
        <v>268</v>
      </c>
      <c r="V13" s="22" t="s">
        <v>268</v>
      </c>
    </row>
    <row r="14" spans="1:22">
      <c r="A14" s="21" t="s">
        <v>232</v>
      </c>
      <c r="B14" s="21" t="s">
        <v>233</v>
      </c>
      <c r="C14" s="21" t="s">
        <v>262</v>
      </c>
      <c r="D14" s="21" t="s">
        <v>683</v>
      </c>
      <c r="E14" s="16">
        <v>87023174</v>
      </c>
      <c r="F14" s="16">
        <v>87023174</v>
      </c>
      <c r="G14" s="16">
        <v>73597255</v>
      </c>
      <c r="H14" s="16">
        <v>351886</v>
      </c>
      <c r="I14" s="16">
        <v>13001806</v>
      </c>
      <c r="J14" s="16">
        <v>265649</v>
      </c>
      <c r="K14" s="16">
        <v>2503790</v>
      </c>
      <c r="L14" s="16">
        <v>4942360</v>
      </c>
      <c r="M14" s="16">
        <v>3414339</v>
      </c>
      <c r="N14" s="16">
        <v>1875668</v>
      </c>
      <c r="O14" s="16">
        <v>3244290</v>
      </c>
      <c r="P14" s="16">
        <v>4823354</v>
      </c>
      <c r="Q14" s="16">
        <v>3536053</v>
      </c>
      <c r="R14" s="16">
        <v>982371</v>
      </c>
      <c r="S14" s="16">
        <v>415738</v>
      </c>
      <c r="T14" s="16">
        <v>72227</v>
      </c>
      <c r="U14" s="22" t="s">
        <v>268</v>
      </c>
      <c r="V14" s="22" t="s">
        <v>268</v>
      </c>
    </row>
    <row r="15" spans="1:22">
      <c r="A15" s="21" t="s">
        <v>232</v>
      </c>
      <c r="B15" s="21" t="s">
        <v>233</v>
      </c>
      <c r="C15" s="21" t="s">
        <v>262</v>
      </c>
      <c r="D15" s="21" t="s">
        <v>684</v>
      </c>
      <c r="E15" s="16">
        <v>5015325</v>
      </c>
      <c r="F15" s="16">
        <v>5015325</v>
      </c>
      <c r="G15" s="16">
        <v>114214</v>
      </c>
      <c r="H15" s="16">
        <v>315820</v>
      </c>
      <c r="I15" s="16">
        <v>4585291</v>
      </c>
      <c r="J15" s="16">
        <v>110184</v>
      </c>
      <c r="K15" s="16">
        <v>2699193</v>
      </c>
      <c r="L15" s="16">
        <v>904557</v>
      </c>
      <c r="M15" s="16">
        <v>771980</v>
      </c>
      <c r="N15" s="16">
        <v>99377</v>
      </c>
      <c r="O15" s="16">
        <v>1686134</v>
      </c>
      <c r="P15" s="16">
        <v>2020357</v>
      </c>
      <c r="Q15" s="16">
        <v>670817</v>
      </c>
      <c r="R15" s="16">
        <v>171655</v>
      </c>
      <c r="S15" s="16">
        <v>36328</v>
      </c>
      <c r="T15" s="22" t="s">
        <v>268</v>
      </c>
      <c r="U15" s="22" t="s">
        <v>268</v>
      </c>
      <c r="V15" s="22" t="s">
        <v>268</v>
      </c>
    </row>
    <row r="16" spans="1:22">
      <c r="A16" s="21" t="s">
        <v>232</v>
      </c>
      <c r="B16" s="21" t="s">
        <v>233</v>
      </c>
      <c r="C16" s="21" t="s">
        <v>262</v>
      </c>
      <c r="D16" s="21" t="s">
        <v>685</v>
      </c>
      <c r="E16" s="16">
        <v>26272767</v>
      </c>
      <c r="F16" s="16">
        <v>26272767</v>
      </c>
      <c r="G16" s="16">
        <v>2744378</v>
      </c>
      <c r="H16" s="16">
        <v>888328</v>
      </c>
      <c r="I16" s="16">
        <v>22608615</v>
      </c>
      <c r="J16" s="16">
        <v>9196637</v>
      </c>
      <c r="K16" s="16">
        <v>8861389</v>
      </c>
      <c r="L16" s="16">
        <v>3303117</v>
      </c>
      <c r="M16" s="16">
        <v>964440</v>
      </c>
      <c r="N16" s="16">
        <v>283032</v>
      </c>
      <c r="O16" s="16">
        <v>14727026</v>
      </c>
      <c r="P16" s="16">
        <v>6034975</v>
      </c>
      <c r="Q16" s="16">
        <v>1558913</v>
      </c>
      <c r="R16" s="16">
        <v>219646</v>
      </c>
      <c r="S16" s="16">
        <v>68055</v>
      </c>
      <c r="T16" s="16">
        <v>31446</v>
      </c>
      <c r="U16" s="22" t="s">
        <v>268</v>
      </c>
      <c r="V16" s="22" t="s">
        <v>268</v>
      </c>
    </row>
    <row r="17" spans="1:22">
      <c r="A17" s="21" t="s">
        <v>232</v>
      </c>
      <c r="B17" s="21" t="s">
        <v>233</v>
      </c>
      <c r="C17" s="21" t="s">
        <v>262</v>
      </c>
      <c r="D17" s="21" t="s">
        <v>686</v>
      </c>
      <c r="E17" s="16">
        <v>2682805</v>
      </c>
      <c r="F17" s="16">
        <v>2682805</v>
      </c>
      <c r="G17" s="16">
        <v>302590</v>
      </c>
      <c r="H17" s="16">
        <v>64971</v>
      </c>
      <c r="I17" s="16">
        <v>2292777</v>
      </c>
      <c r="J17" s="16">
        <v>485707</v>
      </c>
      <c r="K17" s="16">
        <v>1081294</v>
      </c>
      <c r="L17" s="16">
        <v>469470</v>
      </c>
      <c r="M17" s="16">
        <v>196439</v>
      </c>
      <c r="N17" s="16">
        <v>59867</v>
      </c>
      <c r="O17" s="16">
        <v>1157626</v>
      </c>
      <c r="P17" s="16">
        <v>803628</v>
      </c>
      <c r="Q17" s="16">
        <v>265708</v>
      </c>
      <c r="R17" s="16">
        <v>51215</v>
      </c>
      <c r="S17" s="16">
        <v>14600</v>
      </c>
      <c r="T17" s="16">
        <v>22467</v>
      </c>
      <c r="U17" s="22" t="s">
        <v>268</v>
      </c>
      <c r="V17" s="22" t="s">
        <v>268</v>
      </c>
    </row>
    <row r="18" spans="1:22">
      <c r="A18" s="21" t="s">
        <v>232</v>
      </c>
      <c r="B18" s="21" t="s">
        <v>233</v>
      </c>
      <c r="C18" s="21" t="s">
        <v>262</v>
      </c>
      <c r="D18" s="21" t="s">
        <v>687</v>
      </c>
      <c r="E18" s="16">
        <v>1171562</v>
      </c>
      <c r="F18" s="16">
        <v>1171562</v>
      </c>
      <c r="G18" s="16">
        <v>764043</v>
      </c>
      <c r="H18" s="16">
        <v>23121</v>
      </c>
      <c r="I18" s="16">
        <v>376269</v>
      </c>
      <c r="J18" s="16">
        <v>125815</v>
      </c>
      <c r="K18" s="16">
        <v>142994</v>
      </c>
      <c r="L18" s="16">
        <v>63851</v>
      </c>
      <c r="M18" s="16">
        <v>32084</v>
      </c>
      <c r="N18" s="16">
        <v>11525</v>
      </c>
      <c r="O18" s="16">
        <v>215665</v>
      </c>
      <c r="P18" s="16">
        <v>112138</v>
      </c>
      <c r="Q18" s="16">
        <v>37068</v>
      </c>
      <c r="R18" s="16">
        <v>7849</v>
      </c>
      <c r="S18" s="16">
        <v>3549</v>
      </c>
      <c r="T18" s="16">
        <v>8129</v>
      </c>
      <c r="U18" s="22" t="s">
        <v>268</v>
      </c>
      <c r="V18" s="22" t="s">
        <v>268</v>
      </c>
    </row>
    <row r="19" spans="1:22">
      <c r="A19" s="21" t="s">
        <v>232</v>
      </c>
      <c r="B19" s="21" t="s">
        <v>233</v>
      </c>
      <c r="C19" s="21" t="s">
        <v>262</v>
      </c>
      <c r="D19" s="21" t="s">
        <v>688</v>
      </c>
      <c r="E19" s="16">
        <v>997209</v>
      </c>
      <c r="F19" s="22" t="s">
        <v>268</v>
      </c>
      <c r="G19" s="22" t="s">
        <v>268</v>
      </c>
      <c r="H19" s="22" t="s">
        <v>268</v>
      </c>
      <c r="I19" s="22" t="s">
        <v>268</v>
      </c>
      <c r="J19" s="22" t="s">
        <v>268</v>
      </c>
      <c r="K19" s="22" t="s">
        <v>268</v>
      </c>
      <c r="L19" s="22" t="s">
        <v>268</v>
      </c>
      <c r="M19" s="22" t="s">
        <v>268</v>
      </c>
      <c r="N19" s="22" t="s">
        <v>268</v>
      </c>
      <c r="O19" s="22" t="s">
        <v>268</v>
      </c>
      <c r="P19" s="22" t="s">
        <v>268</v>
      </c>
      <c r="Q19" s="22" t="s">
        <v>268</v>
      </c>
      <c r="R19" s="22" t="s">
        <v>268</v>
      </c>
      <c r="S19" s="22" t="s">
        <v>268</v>
      </c>
      <c r="T19" s="22" t="s">
        <v>268</v>
      </c>
      <c r="U19" s="16">
        <v>997209</v>
      </c>
      <c r="V19" s="22" t="s">
        <v>268</v>
      </c>
    </row>
    <row r="20" spans="1:22">
      <c r="A20" s="21" t="s">
        <v>232</v>
      </c>
      <c r="B20" s="21" t="s">
        <v>233</v>
      </c>
      <c r="C20" s="21" t="s">
        <v>262</v>
      </c>
      <c r="D20" s="21" t="s">
        <v>689</v>
      </c>
      <c r="E20" s="16">
        <v>153</v>
      </c>
      <c r="F20" s="22" t="s">
        <v>268</v>
      </c>
      <c r="G20" s="22" t="s">
        <v>268</v>
      </c>
      <c r="H20" s="22" t="s">
        <v>268</v>
      </c>
      <c r="I20" s="22" t="s">
        <v>268</v>
      </c>
      <c r="J20" s="22" t="s">
        <v>268</v>
      </c>
      <c r="K20" s="22" t="s">
        <v>268</v>
      </c>
      <c r="L20" s="22" t="s">
        <v>268</v>
      </c>
      <c r="M20" s="22" t="s">
        <v>268</v>
      </c>
      <c r="N20" s="22" t="s">
        <v>268</v>
      </c>
      <c r="O20" s="22" t="s">
        <v>268</v>
      </c>
      <c r="P20" s="22" t="s">
        <v>268</v>
      </c>
      <c r="Q20" s="22" t="s">
        <v>268</v>
      </c>
      <c r="R20" s="22" t="s">
        <v>268</v>
      </c>
      <c r="S20" s="22" t="s">
        <v>268</v>
      </c>
      <c r="T20" s="22" t="s">
        <v>268</v>
      </c>
      <c r="U20" s="22" t="s">
        <v>268</v>
      </c>
      <c r="V20" s="16">
        <v>153</v>
      </c>
    </row>
    <row r="21" spans="1:22">
      <c r="A21" s="21" t="s">
        <v>232</v>
      </c>
      <c r="B21" s="21" t="s">
        <v>237</v>
      </c>
      <c r="C21" s="21" t="s">
        <v>264</v>
      </c>
      <c r="D21" s="21" t="s">
        <v>214</v>
      </c>
      <c r="E21" s="16">
        <v>1678793</v>
      </c>
      <c r="F21" s="16">
        <v>1663762</v>
      </c>
      <c r="G21" s="16">
        <v>1190372</v>
      </c>
      <c r="H21" s="16">
        <v>30605</v>
      </c>
      <c r="I21" s="16">
        <v>440880</v>
      </c>
      <c r="J21" s="16">
        <v>153795</v>
      </c>
      <c r="K21" s="16">
        <v>162698</v>
      </c>
      <c r="L21" s="16">
        <v>74550</v>
      </c>
      <c r="M21" s="16">
        <v>42484</v>
      </c>
      <c r="N21" s="16">
        <v>7353</v>
      </c>
      <c r="O21" s="16">
        <v>260830</v>
      </c>
      <c r="P21" s="16">
        <v>121465</v>
      </c>
      <c r="Q21" s="16">
        <v>48815</v>
      </c>
      <c r="R21" s="16">
        <v>8972</v>
      </c>
      <c r="S21" s="16">
        <v>798</v>
      </c>
      <c r="T21" s="16">
        <v>1905</v>
      </c>
      <c r="U21" s="16">
        <v>15031</v>
      </c>
      <c r="V21" s="22" t="s">
        <v>268</v>
      </c>
    </row>
    <row r="22" spans="1:22">
      <c r="A22" s="21" t="s">
        <v>232</v>
      </c>
      <c r="B22" s="21" t="s">
        <v>237</v>
      </c>
      <c r="C22" s="21" t="s">
        <v>264</v>
      </c>
      <c r="D22" s="21" t="s">
        <v>681</v>
      </c>
      <c r="E22" s="16">
        <v>1663762</v>
      </c>
      <c r="F22" s="16">
        <v>1663762</v>
      </c>
      <c r="G22" s="16">
        <v>1190372</v>
      </c>
      <c r="H22" s="16">
        <v>30605</v>
      </c>
      <c r="I22" s="16">
        <v>440880</v>
      </c>
      <c r="J22" s="16">
        <v>153795</v>
      </c>
      <c r="K22" s="16">
        <v>162698</v>
      </c>
      <c r="L22" s="16">
        <v>74550</v>
      </c>
      <c r="M22" s="16">
        <v>42484</v>
      </c>
      <c r="N22" s="16">
        <v>7353</v>
      </c>
      <c r="O22" s="16">
        <v>260830</v>
      </c>
      <c r="P22" s="16">
        <v>121465</v>
      </c>
      <c r="Q22" s="16">
        <v>48815</v>
      </c>
      <c r="R22" s="16">
        <v>8972</v>
      </c>
      <c r="S22" s="16">
        <v>798</v>
      </c>
      <c r="T22" s="16">
        <v>1905</v>
      </c>
      <c r="U22" s="22" t="s">
        <v>268</v>
      </c>
      <c r="V22" s="22" t="s">
        <v>268</v>
      </c>
    </row>
    <row r="23" spans="1:22">
      <c r="A23" s="21" t="s">
        <v>232</v>
      </c>
      <c r="B23" s="21" t="s">
        <v>237</v>
      </c>
      <c r="C23" s="21" t="s">
        <v>264</v>
      </c>
      <c r="D23" s="21" t="s">
        <v>682</v>
      </c>
      <c r="E23" s="16">
        <v>1649776</v>
      </c>
      <c r="F23" s="16">
        <v>1649776</v>
      </c>
      <c r="G23" s="16">
        <v>1179794</v>
      </c>
      <c r="H23" s="16">
        <v>30376</v>
      </c>
      <c r="I23" s="16">
        <v>437792</v>
      </c>
      <c r="J23" s="16">
        <v>152339</v>
      </c>
      <c r="K23" s="16">
        <v>161562</v>
      </c>
      <c r="L23" s="16">
        <v>74246</v>
      </c>
      <c r="M23" s="16">
        <v>42316</v>
      </c>
      <c r="N23" s="16">
        <v>7329</v>
      </c>
      <c r="O23" s="16">
        <v>258715</v>
      </c>
      <c r="P23" s="16">
        <v>120700</v>
      </c>
      <c r="Q23" s="16">
        <v>48641</v>
      </c>
      <c r="R23" s="16">
        <v>8939</v>
      </c>
      <c r="S23" s="16">
        <v>797</v>
      </c>
      <c r="T23" s="16">
        <v>1814</v>
      </c>
      <c r="U23" s="22" t="s">
        <v>268</v>
      </c>
      <c r="V23" s="22" t="s">
        <v>268</v>
      </c>
    </row>
    <row r="24" spans="1:22">
      <c r="A24" s="21" t="s">
        <v>232</v>
      </c>
      <c r="B24" s="21" t="s">
        <v>237</v>
      </c>
      <c r="C24" s="21" t="s">
        <v>264</v>
      </c>
      <c r="D24" s="21" t="s">
        <v>683</v>
      </c>
      <c r="E24" s="16">
        <v>1180571</v>
      </c>
      <c r="F24" s="16">
        <v>1180571</v>
      </c>
      <c r="G24" s="16">
        <v>1105646</v>
      </c>
      <c r="H24" s="16">
        <v>1470</v>
      </c>
      <c r="I24" s="16">
        <v>72521</v>
      </c>
      <c r="J24" s="16">
        <v>1955</v>
      </c>
      <c r="K24" s="16">
        <v>5808</v>
      </c>
      <c r="L24" s="16">
        <v>28133</v>
      </c>
      <c r="M24" s="16">
        <v>29976</v>
      </c>
      <c r="N24" s="16">
        <v>6649</v>
      </c>
      <c r="O24" s="16">
        <v>14875</v>
      </c>
      <c r="P24" s="16">
        <v>24879</v>
      </c>
      <c r="Q24" s="16">
        <v>25334</v>
      </c>
      <c r="R24" s="16">
        <v>6707</v>
      </c>
      <c r="S24" s="16">
        <v>726</v>
      </c>
      <c r="T24" s="16">
        <v>934</v>
      </c>
      <c r="U24" s="22" t="s">
        <v>268</v>
      </c>
      <c r="V24" s="22" t="s">
        <v>268</v>
      </c>
    </row>
    <row r="25" spans="1:22">
      <c r="A25" s="21" t="s">
        <v>232</v>
      </c>
      <c r="B25" s="21" t="s">
        <v>237</v>
      </c>
      <c r="C25" s="21" t="s">
        <v>264</v>
      </c>
      <c r="D25" s="21" t="s">
        <v>684</v>
      </c>
      <c r="E25" s="16">
        <v>76782</v>
      </c>
      <c r="F25" s="16">
        <v>76782</v>
      </c>
      <c r="G25" s="16">
        <v>4504</v>
      </c>
      <c r="H25" s="16">
        <v>17815</v>
      </c>
      <c r="I25" s="16">
        <v>54463</v>
      </c>
      <c r="J25" s="16">
        <v>4025</v>
      </c>
      <c r="K25" s="16">
        <v>45547</v>
      </c>
      <c r="L25" s="16">
        <v>4538</v>
      </c>
      <c r="M25" s="16">
        <v>353</v>
      </c>
      <c r="N25" s="22" t="s">
        <v>268</v>
      </c>
      <c r="O25" s="16">
        <v>27180</v>
      </c>
      <c r="P25" s="16">
        <v>25188</v>
      </c>
      <c r="Q25" s="16">
        <v>2055</v>
      </c>
      <c r="R25" s="16">
        <v>40</v>
      </c>
      <c r="S25" s="22" t="s">
        <v>268</v>
      </c>
      <c r="T25" s="22" t="s">
        <v>268</v>
      </c>
      <c r="U25" s="22" t="s">
        <v>268</v>
      </c>
      <c r="V25" s="22" t="s">
        <v>268</v>
      </c>
    </row>
    <row r="26" spans="1:22">
      <c r="A26" s="21" t="s">
        <v>232</v>
      </c>
      <c r="B26" s="21" t="s">
        <v>237</v>
      </c>
      <c r="C26" s="21" t="s">
        <v>264</v>
      </c>
      <c r="D26" s="21" t="s">
        <v>685</v>
      </c>
      <c r="E26" s="16">
        <v>359747</v>
      </c>
      <c r="F26" s="16">
        <v>359747</v>
      </c>
      <c r="G26" s="16">
        <v>64363</v>
      </c>
      <c r="H26" s="16">
        <v>10367</v>
      </c>
      <c r="I26" s="16">
        <v>284519</v>
      </c>
      <c r="J26" s="16">
        <v>140060</v>
      </c>
      <c r="K26" s="16">
        <v>95713</v>
      </c>
      <c r="L26" s="16">
        <v>37920</v>
      </c>
      <c r="M26" s="16">
        <v>10308</v>
      </c>
      <c r="N26" s="16">
        <v>518</v>
      </c>
      <c r="O26" s="16">
        <v>201864</v>
      </c>
      <c r="P26" s="16">
        <v>61821</v>
      </c>
      <c r="Q26" s="16">
        <v>19055</v>
      </c>
      <c r="R26" s="16">
        <v>1725</v>
      </c>
      <c r="S26" s="16">
        <v>54</v>
      </c>
      <c r="T26" s="16">
        <v>498</v>
      </c>
      <c r="U26" s="22" t="s">
        <v>268</v>
      </c>
      <c r="V26" s="22" t="s">
        <v>268</v>
      </c>
    </row>
    <row r="27" spans="1:22">
      <c r="A27" s="21" t="s">
        <v>232</v>
      </c>
      <c r="B27" s="21" t="s">
        <v>237</v>
      </c>
      <c r="C27" s="21" t="s">
        <v>264</v>
      </c>
      <c r="D27" s="21" t="s">
        <v>686</v>
      </c>
      <c r="E27" s="16">
        <v>32676</v>
      </c>
      <c r="F27" s="16">
        <v>32676</v>
      </c>
      <c r="G27" s="16">
        <v>5281</v>
      </c>
      <c r="H27" s="16">
        <v>724</v>
      </c>
      <c r="I27" s="16">
        <v>26289</v>
      </c>
      <c r="J27" s="16">
        <v>6299</v>
      </c>
      <c r="K27" s="16">
        <v>14494</v>
      </c>
      <c r="L27" s="16">
        <v>3655</v>
      </c>
      <c r="M27" s="16">
        <v>1679</v>
      </c>
      <c r="N27" s="16">
        <v>162</v>
      </c>
      <c r="O27" s="16">
        <v>14796</v>
      </c>
      <c r="P27" s="16">
        <v>8812</v>
      </c>
      <c r="Q27" s="16">
        <v>2197</v>
      </c>
      <c r="R27" s="16">
        <v>467</v>
      </c>
      <c r="S27" s="16">
        <v>17</v>
      </c>
      <c r="T27" s="16">
        <v>382</v>
      </c>
      <c r="U27" s="22" t="s">
        <v>268</v>
      </c>
      <c r="V27" s="22" t="s">
        <v>268</v>
      </c>
    </row>
    <row r="28" spans="1:22">
      <c r="A28" s="21" t="s">
        <v>232</v>
      </c>
      <c r="B28" s="21" t="s">
        <v>237</v>
      </c>
      <c r="C28" s="21" t="s">
        <v>264</v>
      </c>
      <c r="D28" s="21" t="s">
        <v>687</v>
      </c>
      <c r="E28" s="16">
        <v>13986</v>
      </c>
      <c r="F28" s="16">
        <v>13986</v>
      </c>
      <c r="G28" s="16">
        <v>10578</v>
      </c>
      <c r="H28" s="16">
        <v>229</v>
      </c>
      <c r="I28" s="16">
        <v>3088</v>
      </c>
      <c r="J28" s="16">
        <v>1456</v>
      </c>
      <c r="K28" s="16">
        <v>1136</v>
      </c>
      <c r="L28" s="16">
        <v>304</v>
      </c>
      <c r="M28" s="16">
        <v>168</v>
      </c>
      <c r="N28" s="16">
        <v>24</v>
      </c>
      <c r="O28" s="16">
        <v>2115</v>
      </c>
      <c r="P28" s="16">
        <v>765</v>
      </c>
      <c r="Q28" s="16">
        <v>174</v>
      </c>
      <c r="R28" s="16">
        <v>33</v>
      </c>
      <c r="S28" s="16">
        <v>1</v>
      </c>
      <c r="T28" s="16">
        <v>91</v>
      </c>
      <c r="U28" s="22" t="s">
        <v>268</v>
      </c>
      <c r="V28" s="22" t="s">
        <v>268</v>
      </c>
    </row>
    <row r="29" spans="1:22">
      <c r="A29" s="21" t="s">
        <v>232</v>
      </c>
      <c r="B29" s="21" t="s">
        <v>237</v>
      </c>
      <c r="C29" s="21" t="s">
        <v>264</v>
      </c>
      <c r="D29" s="21" t="s">
        <v>688</v>
      </c>
      <c r="E29" s="16">
        <v>15031</v>
      </c>
      <c r="F29" s="22" t="s">
        <v>268</v>
      </c>
      <c r="G29" s="22" t="s">
        <v>268</v>
      </c>
      <c r="H29" s="22" t="s">
        <v>268</v>
      </c>
      <c r="I29" s="22" t="s">
        <v>268</v>
      </c>
      <c r="J29" s="22" t="s">
        <v>268</v>
      </c>
      <c r="K29" s="22" t="s">
        <v>268</v>
      </c>
      <c r="L29" s="22" t="s">
        <v>268</v>
      </c>
      <c r="M29" s="22" t="s">
        <v>268</v>
      </c>
      <c r="N29" s="22" t="s">
        <v>268</v>
      </c>
      <c r="O29" s="22" t="s">
        <v>268</v>
      </c>
      <c r="P29" s="22" t="s">
        <v>268</v>
      </c>
      <c r="Q29" s="22" t="s">
        <v>268</v>
      </c>
      <c r="R29" s="22" t="s">
        <v>268</v>
      </c>
      <c r="S29" s="22" t="s">
        <v>268</v>
      </c>
      <c r="T29" s="22" t="s">
        <v>268</v>
      </c>
      <c r="U29" s="16">
        <v>15031</v>
      </c>
      <c r="V29" s="22" t="s">
        <v>268</v>
      </c>
    </row>
    <row r="30" spans="1:22">
      <c r="A30" s="21" t="s">
        <v>232</v>
      </c>
      <c r="B30" s="21" t="s">
        <v>237</v>
      </c>
      <c r="C30" s="21" t="s">
        <v>264</v>
      </c>
      <c r="D30" s="21" t="s">
        <v>689</v>
      </c>
      <c r="E30" s="22" t="s">
        <v>268</v>
      </c>
      <c r="F30" s="22" t="s">
        <v>268</v>
      </c>
      <c r="G30" s="22" t="s">
        <v>268</v>
      </c>
      <c r="H30" s="22" t="s">
        <v>268</v>
      </c>
      <c r="I30" s="22" t="s">
        <v>268</v>
      </c>
      <c r="J30" s="22" t="s">
        <v>268</v>
      </c>
      <c r="K30" s="22" t="s">
        <v>268</v>
      </c>
      <c r="L30" s="22" t="s">
        <v>268</v>
      </c>
      <c r="M30" s="22" t="s">
        <v>268</v>
      </c>
      <c r="N30" s="22" t="s">
        <v>268</v>
      </c>
      <c r="O30" s="22" t="s">
        <v>268</v>
      </c>
      <c r="P30" s="22" t="s">
        <v>268</v>
      </c>
      <c r="Q30" s="22" t="s">
        <v>268</v>
      </c>
      <c r="R30" s="22" t="s">
        <v>268</v>
      </c>
      <c r="S30" s="22" t="s">
        <v>268</v>
      </c>
      <c r="T30" s="22" t="s">
        <v>268</v>
      </c>
      <c r="U30" s="22" t="s">
        <v>268</v>
      </c>
      <c r="V30" s="22" t="s">
        <v>268</v>
      </c>
    </row>
    <row r="31" spans="1:22">
      <c r="A31" s="21" t="s">
        <v>240</v>
      </c>
      <c r="B31" s="21" t="s">
        <v>237</v>
      </c>
      <c r="C31" s="21" t="s">
        <v>265</v>
      </c>
      <c r="D31" s="21" t="s">
        <v>214</v>
      </c>
      <c r="E31" s="16">
        <v>117827</v>
      </c>
      <c r="F31" s="16">
        <v>116099</v>
      </c>
      <c r="G31" s="16">
        <v>91811</v>
      </c>
      <c r="H31" s="16">
        <v>1500</v>
      </c>
      <c r="I31" s="16">
        <v>22656</v>
      </c>
      <c r="J31" s="16">
        <v>11641</v>
      </c>
      <c r="K31" s="16">
        <v>8900</v>
      </c>
      <c r="L31" s="16">
        <v>891</v>
      </c>
      <c r="M31" s="16">
        <v>1174</v>
      </c>
      <c r="N31" s="16">
        <v>50</v>
      </c>
      <c r="O31" s="16">
        <v>17299</v>
      </c>
      <c r="P31" s="16">
        <v>4312</v>
      </c>
      <c r="Q31" s="16">
        <v>817</v>
      </c>
      <c r="R31" s="16">
        <v>227</v>
      </c>
      <c r="S31" s="16">
        <v>1</v>
      </c>
      <c r="T31" s="16">
        <v>132</v>
      </c>
      <c r="U31" s="16">
        <v>1728</v>
      </c>
      <c r="V31" s="22" t="s">
        <v>268</v>
      </c>
    </row>
    <row r="32" spans="1:22">
      <c r="A32" s="21" t="s">
        <v>240</v>
      </c>
      <c r="B32" s="21" t="s">
        <v>237</v>
      </c>
      <c r="C32" s="21" t="s">
        <v>265</v>
      </c>
      <c r="D32" s="21" t="s">
        <v>681</v>
      </c>
      <c r="E32" s="16">
        <v>116099</v>
      </c>
      <c r="F32" s="16">
        <v>116099</v>
      </c>
      <c r="G32" s="16">
        <v>91811</v>
      </c>
      <c r="H32" s="16">
        <v>1500</v>
      </c>
      <c r="I32" s="16">
        <v>22656</v>
      </c>
      <c r="J32" s="16">
        <v>11641</v>
      </c>
      <c r="K32" s="16">
        <v>8900</v>
      </c>
      <c r="L32" s="16">
        <v>891</v>
      </c>
      <c r="M32" s="16">
        <v>1174</v>
      </c>
      <c r="N32" s="16">
        <v>50</v>
      </c>
      <c r="O32" s="16">
        <v>17299</v>
      </c>
      <c r="P32" s="16">
        <v>4312</v>
      </c>
      <c r="Q32" s="16">
        <v>817</v>
      </c>
      <c r="R32" s="16">
        <v>227</v>
      </c>
      <c r="S32" s="16">
        <v>1</v>
      </c>
      <c r="T32" s="16">
        <v>132</v>
      </c>
      <c r="U32" s="22" t="s">
        <v>268</v>
      </c>
      <c r="V32" s="22" t="s">
        <v>268</v>
      </c>
    </row>
    <row r="33" spans="1:22">
      <c r="A33" s="21" t="s">
        <v>240</v>
      </c>
      <c r="B33" s="21" t="s">
        <v>237</v>
      </c>
      <c r="C33" s="21" t="s">
        <v>265</v>
      </c>
      <c r="D33" s="21" t="s">
        <v>682</v>
      </c>
      <c r="E33" s="16">
        <v>115128</v>
      </c>
      <c r="F33" s="16">
        <v>115128</v>
      </c>
      <c r="G33" s="16">
        <v>91069</v>
      </c>
      <c r="H33" s="16">
        <v>1485</v>
      </c>
      <c r="I33" s="16">
        <v>22464</v>
      </c>
      <c r="J33" s="16">
        <v>11554</v>
      </c>
      <c r="K33" s="16">
        <v>8808</v>
      </c>
      <c r="L33" s="16">
        <v>888</v>
      </c>
      <c r="M33" s="16">
        <v>1164</v>
      </c>
      <c r="N33" s="16">
        <v>50</v>
      </c>
      <c r="O33" s="16">
        <v>17156</v>
      </c>
      <c r="P33" s="16">
        <v>4270</v>
      </c>
      <c r="Q33" s="16">
        <v>811</v>
      </c>
      <c r="R33" s="16">
        <v>226</v>
      </c>
      <c r="S33" s="16">
        <v>1</v>
      </c>
      <c r="T33" s="16">
        <v>110</v>
      </c>
      <c r="U33" s="22" t="s">
        <v>268</v>
      </c>
      <c r="V33" s="22" t="s">
        <v>268</v>
      </c>
    </row>
    <row r="34" spans="1:22">
      <c r="A34" s="21" t="s">
        <v>240</v>
      </c>
      <c r="B34" s="21" t="s">
        <v>237</v>
      </c>
      <c r="C34" s="21" t="s">
        <v>265</v>
      </c>
      <c r="D34" s="21" t="s">
        <v>683</v>
      </c>
      <c r="E34" s="16">
        <v>86323</v>
      </c>
      <c r="F34" s="16">
        <v>86323</v>
      </c>
      <c r="G34" s="16">
        <v>84770</v>
      </c>
      <c r="H34" s="16">
        <v>93</v>
      </c>
      <c r="I34" s="16">
        <v>1416</v>
      </c>
      <c r="J34" s="16">
        <v>169</v>
      </c>
      <c r="K34" s="16">
        <v>72</v>
      </c>
      <c r="L34" s="16">
        <v>228</v>
      </c>
      <c r="M34" s="16">
        <v>947</v>
      </c>
      <c r="N34" s="22" t="s">
        <v>268</v>
      </c>
      <c r="O34" s="16">
        <v>370</v>
      </c>
      <c r="P34" s="16">
        <v>390</v>
      </c>
      <c r="Q34" s="16">
        <v>490</v>
      </c>
      <c r="R34" s="16">
        <v>166</v>
      </c>
      <c r="S34" s="22" t="s">
        <v>268</v>
      </c>
      <c r="T34" s="16">
        <v>44</v>
      </c>
      <c r="U34" s="22" t="s">
        <v>268</v>
      </c>
      <c r="V34" s="22" t="s">
        <v>268</v>
      </c>
    </row>
    <row r="35" spans="1:22">
      <c r="A35" s="21" t="s">
        <v>240</v>
      </c>
      <c r="B35" s="21" t="s">
        <v>237</v>
      </c>
      <c r="C35" s="21" t="s">
        <v>265</v>
      </c>
      <c r="D35" s="21" t="s">
        <v>684</v>
      </c>
      <c r="E35" s="16">
        <v>2187</v>
      </c>
      <c r="F35" s="16">
        <v>2187</v>
      </c>
      <c r="G35" s="16">
        <v>49</v>
      </c>
      <c r="H35" s="16">
        <v>687</v>
      </c>
      <c r="I35" s="16">
        <v>1451</v>
      </c>
      <c r="J35" s="16">
        <v>83</v>
      </c>
      <c r="K35" s="16">
        <v>1368</v>
      </c>
      <c r="L35" s="22" t="s">
        <v>268</v>
      </c>
      <c r="M35" s="22" t="s">
        <v>268</v>
      </c>
      <c r="N35" s="22" t="s">
        <v>268</v>
      </c>
      <c r="O35" s="16">
        <v>855</v>
      </c>
      <c r="P35" s="16">
        <v>596</v>
      </c>
      <c r="Q35" s="22" t="s">
        <v>268</v>
      </c>
      <c r="R35" s="22" t="s">
        <v>268</v>
      </c>
      <c r="S35" s="22" t="s">
        <v>268</v>
      </c>
      <c r="T35" s="22" t="s">
        <v>268</v>
      </c>
      <c r="U35" s="22" t="s">
        <v>268</v>
      </c>
      <c r="V35" s="22" t="s">
        <v>268</v>
      </c>
    </row>
    <row r="36" spans="1:22">
      <c r="A36" s="21" t="s">
        <v>240</v>
      </c>
      <c r="B36" s="21" t="s">
        <v>237</v>
      </c>
      <c r="C36" s="21" t="s">
        <v>265</v>
      </c>
      <c r="D36" s="21" t="s">
        <v>685</v>
      </c>
      <c r="E36" s="16">
        <v>24550</v>
      </c>
      <c r="F36" s="16">
        <v>24550</v>
      </c>
      <c r="G36" s="16">
        <v>5866</v>
      </c>
      <c r="H36" s="16">
        <v>662</v>
      </c>
      <c r="I36" s="16">
        <v>17981</v>
      </c>
      <c r="J36" s="16">
        <v>10667</v>
      </c>
      <c r="K36" s="16">
        <v>6557</v>
      </c>
      <c r="L36" s="16">
        <v>561</v>
      </c>
      <c r="M36" s="16">
        <v>157</v>
      </c>
      <c r="N36" s="16">
        <v>39</v>
      </c>
      <c r="O36" s="16">
        <v>14811</v>
      </c>
      <c r="P36" s="16">
        <v>2849</v>
      </c>
      <c r="Q36" s="16">
        <v>278</v>
      </c>
      <c r="R36" s="16">
        <v>42</v>
      </c>
      <c r="S36" s="16">
        <v>1</v>
      </c>
      <c r="T36" s="16">
        <v>41</v>
      </c>
      <c r="U36" s="22" t="s">
        <v>268</v>
      </c>
      <c r="V36" s="22" t="s">
        <v>268</v>
      </c>
    </row>
    <row r="37" spans="1:22">
      <c r="A37" s="21" t="s">
        <v>240</v>
      </c>
      <c r="B37" s="21" t="s">
        <v>237</v>
      </c>
      <c r="C37" s="21" t="s">
        <v>265</v>
      </c>
      <c r="D37" s="21" t="s">
        <v>686</v>
      </c>
      <c r="E37" s="16">
        <v>2068</v>
      </c>
      <c r="F37" s="16">
        <v>2068</v>
      </c>
      <c r="G37" s="16">
        <v>384</v>
      </c>
      <c r="H37" s="16">
        <v>43</v>
      </c>
      <c r="I37" s="16">
        <v>1616</v>
      </c>
      <c r="J37" s="16">
        <v>635</v>
      </c>
      <c r="K37" s="16">
        <v>811</v>
      </c>
      <c r="L37" s="16">
        <v>99</v>
      </c>
      <c r="M37" s="16">
        <v>60</v>
      </c>
      <c r="N37" s="16">
        <v>11</v>
      </c>
      <c r="O37" s="16">
        <v>1120</v>
      </c>
      <c r="P37" s="16">
        <v>435</v>
      </c>
      <c r="Q37" s="16">
        <v>43</v>
      </c>
      <c r="R37" s="16">
        <v>18</v>
      </c>
      <c r="S37" s="22" t="s">
        <v>268</v>
      </c>
      <c r="T37" s="16">
        <v>25</v>
      </c>
      <c r="U37" s="22" t="s">
        <v>268</v>
      </c>
      <c r="V37" s="22" t="s">
        <v>268</v>
      </c>
    </row>
    <row r="38" spans="1:22">
      <c r="A38" s="21" t="s">
        <v>240</v>
      </c>
      <c r="B38" s="21" t="s">
        <v>237</v>
      </c>
      <c r="C38" s="21" t="s">
        <v>265</v>
      </c>
      <c r="D38" s="21" t="s">
        <v>687</v>
      </c>
      <c r="E38" s="16">
        <v>971</v>
      </c>
      <c r="F38" s="16">
        <v>971</v>
      </c>
      <c r="G38" s="16">
        <v>742</v>
      </c>
      <c r="H38" s="16">
        <v>15</v>
      </c>
      <c r="I38" s="16">
        <v>192</v>
      </c>
      <c r="J38" s="16">
        <v>87</v>
      </c>
      <c r="K38" s="16">
        <v>92</v>
      </c>
      <c r="L38" s="16">
        <v>3</v>
      </c>
      <c r="M38" s="16">
        <v>10</v>
      </c>
      <c r="N38" s="22" t="s">
        <v>268</v>
      </c>
      <c r="O38" s="16">
        <v>143</v>
      </c>
      <c r="P38" s="16">
        <v>42</v>
      </c>
      <c r="Q38" s="16">
        <v>6</v>
      </c>
      <c r="R38" s="16">
        <v>1</v>
      </c>
      <c r="S38" s="22" t="s">
        <v>268</v>
      </c>
      <c r="T38" s="16">
        <v>22</v>
      </c>
      <c r="U38" s="22" t="s">
        <v>268</v>
      </c>
      <c r="V38" s="22" t="s">
        <v>268</v>
      </c>
    </row>
    <row r="39" spans="1:22">
      <c r="A39" s="21" t="s">
        <v>240</v>
      </c>
      <c r="B39" s="21" t="s">
        <v>237</v>
      </c>
      <c r="C39" s="21" t="s">
        <v>265</v>
      </c>
      <c r="D39" s="21" t="s">
        <v>688</v>
      </c>
      <c r="E39" s="16">
        <v>1728</v>
      </c>
      <c r="F39" s="22" t="s">
        <v>268</v>
      </c>
      <c r="G39" s="22" t="s">
        <v>268</v>
      </c>
      <c r="H39" s="22" t="s">
        <v>268</v>
      </c>
      <c r="I39" s="22" t="s">
        <v>268</v>
      </c>
      <c r="J39" s="22" t="s">
        <v>268</v>
      </c>
      <c r="K39" s="22" t="s">
        <v>268</v>
      </c>
      <c r="L39" s="22" t="s">
        <v>268</v>
      </c>
      <c r="M39" s="22" t="s">
        <v>268</v>
      </c>
      <c r="N39" s="22" t="s">
        <v>268</v>
      </c>
      <c r="O39" s="22" t="s">
        <v>268</v>
      </c>
      <c r="P39" s="22" t="s">
        <v>268</v>
      </c>
      <c r="Q39" s="22" t="s">
        <v>268</v>
      </c>
      <c r="R39" s="22" t="s">
        <v>268</v>
      </c>
      <c r="S39" s="22" t="s">
        <v>268</v>
      </c>
      <c r="T39" s="22" t="s">
        <v>268</v>
      </c>
      <c r="U39" s="16">
        <v>1728</v>
      </c>
      <c r="V39" s="22" t="s">
        <v>268</v>
      </c>
    </row>
    <row r="40" spans="1:22">
      <c r="A40" s="21" t="s">
        <v>240</v>
      </c>
      <c r="B40" s="21" t="s">
        <v>237</v>
      </c>
      <c r="C40" s="21" t="s">
        <v>265</v>
      </c>
      <c r="D40" s="21" t="s">
        <v>689</v>
      </c>
      <c r="E40" s="22" t="s">
        <v>268</v>
      </c>
      <c r="F40" s="22" t="s">
        <v>268</v>
      </c>
      <c r="G40" s="22" t="s">
        <v>268</v>
      </c>
      <c r="H40" s="22" t="s">
        <v>268</v>
      </c>
      <c r="I40" s="22" t="s">
        <v>268</v>
      </c>
      <c r="J40" s="22" t="s">
        <v>268</v>
      </c>
      <c r="K40" s="22" t="s">
        <v>268</v>
      </c>
      <c r="L40" s="22" t="s">
        <v>268</v>
      </c>
      <c r="M40" s="22" t="s">
        <v>268</v>
      </c>
      <c r="N40" s="22" t="s">
        <v>268</v>
      </c>
      <c r="O40" s="22" t="s">
        <v>268</v>
      </c>
      <c r="P40" s="22" t="s">
        <v>268</v>
      </c>
      <c r="Q40" s="22" t="s">
        <v>268</v>
      </c>
      <c r="R40" s="22" t="s">
        <v>268</v>
      </c>
      <c r="S40" s="22" t="s">
        <v>268</v>
      </c>
      <c r="T40" s="22" t="s">
        <v>268</v>
      </c>
      <c r="U40" s="22" t="s">
        <v>268</v>
      </c>
      <c r="V4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1" orientation="portrait" r:id="rId1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03F993-1EF5-4149-94DD-ACC2C1C87037}">
  <sheetPr>
    <pageSetUpPr fitToPage="1"/>
  </sheetPr>
  <dimension ref="A1:V40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3.625" style="20" bestFit="1" customWidth="1"/>
    <col min="5" max="16384" width="12.625" style="20"/>
  </cols>
  <sheetData>
    <row r="1" spans="1:22" s="11" customFormat="1">
      <c r="A1" s="11" t="s">
        <v>192</v>
      </c>
    </row>
    <row r="2" spans="1:22" s="11" customFormat="1">
      <c r="A2" s="11" t="s">
        <v>712</v>
      </c>
    </row>
    <row r="3" spans="1:22" s="11" customFormat="1"/>
    <row r="4" spans="1:22" s="11" customFormat="1" hidden="1"/>
    <row r="5" spans="1:22" s="11" customFormat="1" ht="24">
      <c r="E5" s="12" t="s">
        <v>496</v>
      </c>
      <c r="F5" s="12" t="s">
        <v>496</v>
      </c>
      <c r="G5" s="12" t="s">
        <v>496</v>
      </c>
      <c r="H5" s="12" t="s">
        <v>496</v>
      </c>
      <c r="I5" s="12" t="s">
        <v>496</v>
      </c>
      <c r="J5" s="12" t="s">
        <v>496</v>
      </c>
      <c r="K5" s="12" t="s">
        <v>496</v>
      </c>
      <c r="L5" s="12" t="s">
        <v>496</v>
      </c>
      <c r="M5" s="12" t="s">
        <v>496</v>
      </c>
      <c r="N5" s="12" t="s">
        <v>496</v>
      </c>
      <c r="O5" s="12" t="s">
        <v>496</v>
      </c>
      <c r="P5" s="12" t="s">
        <v>496</v>
      </c>
      <c r="Q5" s="12" t="s">
        <v>496</v>
      </c>
      <c r="R5" s="12" t="s">
        <v>496</v>
      </c>
      <c r="S5" s="12" t="s">
        <v>496</v>
      </c>
      <c r="T5" s="12" t="s">
        <v>496</v>
      </c>
      <c r="U5" s="12" t="s">
        <v>496</v>
      </c>
      <c r="V5" s="12" t="s">
        <v>496</v>
      </c>
    </row>
    <row r="6" spans="1:22" s="11" customFormat="1" ht="36">
      <c r="E6" s="12" t="s">
        <v>696</v>
      </c>
      <c r="F6" s="12" t="s">
        <v>696</v>
      </c>
      <c r="G6" s="12" t="s">
        <v>696</v>
      </c>
      <c r="H6" s="12" t="s">
        <v>696</v>
      </c>
      <c r="I6" s="12" t="s">
        <v>696</v>
      </c>
      <c r="J6" s="12" t="s">
        <v>696</v>
      </c>
      <c r="K6" s="12" t="s">
        <v>696</v>
      </c>
      <c r="L6" s="12" t="s">
        <v>696</v>
      </c>
      <c r="M6" s="12" t="s">
        <v>696</v>
      </c>
      <c r="N6" s="12" t="s">
        <v>696</v>
      </c>
      <c r="O6" s="12" t="s">
        <v>696</v>
      </c>
      <c r="P6" s="12" t="s">
        <v>696</v>
      </c>
      <c r="Q6" s="12" t="s">
        <v>696</v>
      </c>
      <c r="R6" s="12" t="s">
        <v>696</v>
      </c>
      <c r="S6" s="12" t="s">
        <v>696</v>
      </c>
      <c r="T6" s="12" t="s">
        <v>696</v>
      </c>
      <c r="U6" s="12" t="s">
        <v>696</v>
      </c>
      <c r="V6" s="12" t="s">
        <v>696</v>
      </c>
    </row>
    <row r="7" spans="1:22" s="11" customFormat="1">
      <c r="E7" s="12">
        <v>1</v>
      </c>
      <c r="F7" s="12">
        <v>1</v>
      </c>
      <c r="G7" s="12">
        <v>2</v>
      </c>
      <c r="H7" s="12">
        <v>2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3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2</v>
      </c>
      <c r="U7" s="12">
        <v>1</v>
      </c>
      <c r="V7" s="12">
        <v>1</v>
      </c>
    </row>
    <row r="8" spans="1:22" s="11" customFormat="1" ht="60">
      <c r="E8" s="12" t="s">
        <v>214</v>
      </c>
      <c r="F8" s="12" t="s">
        <v>681</v>
      </c>
      <c r="G8" s="12" t="s">
        <v>697</v>
      </c>
      <c r="H8" s="12" t="s">
        <v>698</v>
      </c>
      <c r="I8" s="12" t="s">
        <v>699</v>
      </c>
      <c r="J8" s="12" t="s">
        <v>700</v>
      </c>
      <c r="K8" s="12" t="s">
        <v>701</v>
      </c>
      <c r="L8" s="12" t="s">
        <v>702</v>
      </c>
      <c r="M8" s="12" t="s">
        <v>703</v>
      </c>
      <c r="N8" s="12" t="s">
        <v>704</v>
      </c>
      <c r="O8" s="12" t="s">
        <v>705</v>
      </c>
      <c r="P8" s="12" t="s">
        <v>706</v>
      </c>
      <c r="Q8" s="12" t="s">
        <v>707</v>
      </c>
      <c r="R8" s="12" t="s">
        <v>708</v>
      </c>
      <c r="S8" s="12" t="s">
        <v>709</v>
      </c>
      <c r="T8" s="12" t="s">
        <v>710</v>
      </c>
      <c r="U8" s="12" t="s">
        <v>688</v>
      </c>
      <c r="V8" s="12" t="s">
        <v>689</v>
      </c>
    </row>
    <row r="9" spans="1:22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</row>
    <row r="10" spans="1:22" s="11" customFormat="1">
      <c r="A10" s="14" t="s">
        <v>224</v>
      </c>
      <c r="B10" s="14" t="s">
        <v>259</v>
      </c>
      <c r="C10" s="14" t="s">
        <v>230</v>
      </c>
      <c r="D10" s="14" t="s">
        <v>68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</row>
    <row r="11" spans="1:22">
      <c r="A11" s="15" t="s">
        <v>232</v>
      </c>
      <c r="B11" s="15" t="s">
        <v>233</v>
      </c>
      <c r="C11" s="15" t="s">
        <v>262</v>
      </c>
      <c r="D11" s="15" t="s">
        <v>214</v>
      </c>
      <c r="E11" s="17">
        <v>2.2109899999999998</v>
      </c>
      <c r="F11" s="17">
        <v>2.2230699999999999</v>
      </c>
      <c r="G11" s="17">
        <v>2.62242</v>
      </c>
      <c r="H11" s="17">
        <v>1.9589000000000001</v>
      </c>
      <c r="I11" s="17">
        <v>1.7500800000000001</v>
      </c>
      <c r="J11" s="17">
        <v>1.5238799999999999</v>
      </c>
      <c r="K11" s="17">
        <v>1.6934400000000001</v>
      </c>
      <c r="L11" s="17">
        <v>1.91309</v>
      </c>
      <c r="M11" s="17">
        <v>2.0056400000000001</v>
      </c>
      <c r="N11" s="17">
        <v>2.2436099999999999</v>
      </c>
      <c r="O11" s="17">
        <v>1.64818</v>
      </c>
      <c r="P11" s="17">
        <v>1.7987500000000001</v>
      </c>
      <c r="Q11" s="17">
        <v>1.9440599999999999</v>
      </c>
      <c r="R11" s="17">
        <v>2.06284</v>
      </c>
      <c r="S11" s="17">
        <v>2.1697500000000001</v>
      </c>
      <c r="T11" s="17">
        <v>2.2470300000000001</v>
      </c>
      <c r="U11" s="17">
        <v>1.3271900000000001</v>
      </c>
      <c r="V11" s="17">
        <v>2.7321399999999998</v>
      </c>
    </row>
    <row r="12" spans="1:22">
      <c r="A12" s="21" t="s">
        <v>232</v>
      </c>
      <c r="B12" s="21" t="s">
        <v>233</v>
      </c>
      <c r="C12" s="21" t="s">
        <v>262</v>
      </c>
      <c r="D12" s="21" t="s">
        <v>681</v>
      </c>
      <c r="E12" s="17">
        <v>2.2230699999999999</v>
      </c>
      <c r="F12" s="17">
        <v>2.2230699999999999</v>
      </c>
      <c r="G12" s="17">
        <v>2.62242</v>
      </c>
      <c r="H12" s="17">
        <v>1.9589000000000001</v>
      </c>
      <c r="I12" s="17">
        <v>1.7500800000000001</v>
      </c>
      <c r="J12" s="17">
        <v>1.5238799999999999</v>
      </c>
      <c r="K12" s="17">
        <v>1.6934400000000001</v>
      </c>
      <c r="L12" s="17">
        <v>1.91309</v>
      </c>
      <c r="M12" s="17">
        <v>2.0056400000000001</v>
      </c>
      <c r="N12" s="17">
        <v>2.2436099999999999</v>
      </c>
      <c r="O12" s="17">
        <v>1.64818</v>
      </c>
      <c r="P12" s="17">
        <v>1.7987500000000001</v>
      </c>
      <c r="Q12" s="17">
        <v>1.9440599999999999</v>
      </c>
      <c r="R12" s="17">
        <v>2.06284</v>
      </c>
      <c r="S12" s="17">
        <v>2.1697500000000001</v>
      </c>
      <c r="T12" s="17">
        <v>2.2470300000000001</v>
      </c>
      <c r="U12" s="23" t="s">
        <v>268</v>
      </c>
      <c r="V12" s="23" t="s">
        <v>268</v>
      </c>
    </row>
    <row r="13" spans="1:22">
      <c r="A13" s="21" t="s">
        <v>232</v>
      </c>
      <c r="B13" s="21" t="s">
        <v>233</v>
      </c>
      <c r="C13" s="21" t="s">
        <v>262</v>
      </c>
      <c r="D13" s="21" t="s">
        <v>682</v>
      </c>
      <c r="E13" s="17">
        <v>2.2298300000000002</v>
      </c>
      <c r="F13" s="17">
        <v>2.2298300000000002</v>
      </c>
      <c r="G13" s="17">
        <v>2.6301100000000002</v>
      </c>
      <c r="H13" s="17">
        <v>1.9681900000000001</v>
      </c>
      <c r="I13" s="17">
        <v>1.7558499999999999</v>
      </c>
      <c r="J13" s="17">
        <v>1.5280100000000001</v>
      </c>
      <c r="K13" s="17">
        <v>1.69895</v>
      </c>
      <c r="L13" s="17">
        <v>1.91899</v>
      </c>
      <c r="M13" s="17">
        <v>2.0116700000000001</v>
      </c>
      <c r="N13" s="17">
        <v>2.2501500000000001</v>
      </c>
      <c r="O13" s="17">
        <v>1.6533199999999999</v>
      </c>
      <c r="P13" s="17">
        <v>1.80498</v>
      </c>
      <c r="Q13" s="17">
        <v>1.9495800000000001</v>
      </c>
      <c r="R13" s="17">
        <v>2.0687199999999999</v>
      </c>
      <c r="S13" s="17">
        <v>2.1777299999999999</v>
      </c>
      <c r="T13" s="17">
        <v>2.28444</v>
      </c>
      <c r="U13" s="23" t="s">
        <v>268</v>
      </c>
      <c r="V13" s="23" t="s">
        <v>268</v>
      </c>
    </row>
    <row r="14" spans="1:22">
      <c r="A14" s="21" t="s">
        <v>232</v>
      </c>
      <c r="B14" s="21" t="s">
        <v>233</v>
      </c>
      <c r="C14" s="21" t="s">
        <v>262</v>
      </c>
      <c r="D14" s="21" t="s">
        <v>683</v>
      </c>
      <c r="E14" s="17">
        <v>2.5800399999999999</v>
      </c>
      <c r="F14" s="17">
        <v>2.5800399999999999</v>
      </c>
      <c r="G14" s="17">
        <v>2.6444100000000001</v>
      </c>
      <c r="H14" s="17">
        <v>2.0762299999999998</v>
      </c>
      <c r="I14" s="17">
        <v>2.2809200000000001</v>
      </c>
      <c r="J14" s="17">
        <v>1.8396699999999999</v>
      </c>
      <c r="K14" s="17">
        <v>2.1525099999999999</v>
      </c>
      <c r="L14" s="17">
        <v>2.31332</v>
      </c>
      <c r="M14" s="17">
        <v>2.30694</v>
      </c>
      <c r="N14" s="17">
        <v>2.4166300000000001</v>
      </c>
      <c r="O14" s="17">
        <v>2.2648299999999999</v>
      </c>
      <c r="P14" s="17">
        <v>2.2834300000000001</v>
      </c>
      <c r="Q14" s="17">
        <v>2.2902</v>
      </c>
      <c r="R14" s="17">
        <v>2.2989700000000002</v>
      </c>
      <c r="S14" s="17">
        <v>2.25753</v>
      </c>
      <c r="T14" s="17">
        <v>2.54562</v>
      </c>
      <c r="U14" s="23" t="s">
        <v>268</v>
      </c>
      <c r="V14" s="23" t="s">
        <v>268</v>
      </c>
    </row>
    <row r="15" spans="1:22">
      <c r="A15" s="21" t="s">
        <v>232</v>
      </c>
      <c r="B15" s="21" t="s">
        <v>233</v>
      </c>
      <c r="C15" s="21" t="s">
        <v>262</v>
      </c>
      <c r="D15" s="21" t="s">
        <v>684</v>
      </c>
      <c r="E15" s="17">
        <v>1.8932599999999999</v>
      </c>
      <c r="F15" s="17">
        <v>1.8932599999999999</v>
      </c>
      <c r="G15" s="17">
        <v>2.2640799999999999</v>
      </c>
      <c r="H15" s="17">
        <v>1.8044</v>
      </c>
      <c r="I15" s="17">
        <v>1.8919600000000001</v>
      </c>
      <c r="J15" s="17">
        <v>1.9515400000000001</v>
      </c>
      <c r="K15" s="17">
        <v>1.9029700000000001</v>
      </c>
      <c r="L15" s="17">
        <v>1.89859</v>
      </c>
      <c r="M15" s="17">
        <v>1.8305499999999999</v>
      </c>
      <c r="N15" s="17">
        <v>1.96634</v>
      </c>
      <c r="O15" s="17">
        <v>1.85944</v>
      </c>
      <c r="P15" s="17">
        <v>1.93133</v>
      </c>
      <c r="Q15" s="17">
        <v>1.86473</v>
      </c>
      <c r="R15" s="17">
        <v>1.8477399999999999</v>
      </c>
      <c r="S15" s="17">
        <v>2.01464</v>
      </c>
      <c r="T15" s="23" t="s">
        <v>268</v>
      </c>
      <c r="U15" s="23" t="s">
        <v>268</v>
      </c>
      <c r="V15" s="23" t="s">
        <v>268</v>
      </c>
    </row>
    <row r="16" spans="1:22">
      <c r="A16" s="21" t="s">
        <v>232</v>
      </c>
      <c r="B16" s="21" t="s">
        <v>233</v>
      </c>
      <c r="C16" s="21" t="s">
        <v>262</v>
      </c>
      <c r="D16" s="21" t="s">
        <v>685</v>
      </c>
      <c r="E16" s="17">
        <v>1.6087199999999999</v>
      </c>
      <c r="F16" s="17">
        <v>1.6087199999999999</v>
      </c>
      <c r="G16" s="17">
        <v>2.3340700000000001</v>
      </c>
      <c r="H16" s="17">
        <v>1.97977</v>
      </c>
      <c r="I16" s="17">
        <v>1.53894</v>
      </c>
      <c r="J16" s="17">
        <v>1.52295</v>
      </c>
      <c r="K16" s="17">
        <v>1.55261</v>
      </c>
      <c r="L16" s="17">
        <v>1.5533600000000001</v>
      </c>
      <c r="M16" s="17">
        <v>1.4919500000000001</v>
      </c>
      <c r="N16" s="17">
        <v>1.64463</v>
      </c>
      <c r="O16" s="17">
        <v>1.5452999999999999</v>
      </c>
      <c r="P16" s="17">
        <v>1.5280400000000001</v>
      </c>
      <c r="Q16" s="17">
        <v>1.5073099999999999</v>
      </c>
      <c r="R16" s="17">
        <v>1.5604499999999999</v>
      </c>
      <c r="S16" s="17">
        <v>1.87005</v>
      </c>
      <c r="T16" s="17">
        <v>1.9814700000000001</v>
      </c>
      <c r="U16" s="23" t="s">
        <v>268</v>
      </c>
      <c r="V16" s="23" t="s">
        <v>268</v>
      </c>
    </row>
    <row r="17" spans="1:22">
      <c r="A17" s="21" t="s">
        <v>232</v>
      </c>
      <c r="B17" s="21" t="s">
        <v>233</v>
      </c>
      <c r="C17" s="21" t="s">
        <v>262</v>
      </c>
      <c r="D17" s="21" t="s">
        <v>686</v>
      </c>
      <c r="E17" s="17">
        <v>1.72895</v>
      </c>
      <c r="F17" s="17">
        <v>1.72895</v>
      </c>
      <c r="G17" s="17">
        <v>2.3832</v>
      </c>
      <c r="H17" s="17">
        <v>2.1379800000000002</v>
      </c>
      <c r="I17" s="17">
        <v>1.6573899999999999</v>
      </c>
      <c r="J17" s="17">
        <v>1.41612</v>
      </c>
      <c r="K17" s="17">
        <v>1.7281500000000001</v>
      </c>
      <c r="L17" s="17">
        <v>1.7169700000000001</v>
      </c>
      <c r="M17" s="17">
        <v>1.78722</v>
      </c>
      <c r="N17" s="17">
        <v>1.91</v>
      </c>
      <c r="O17" s="17">
        <v>1.6067899999999999</v>
      </c>
      <c r="P17" s="17">
        <v>1.7012700000000001</v>
      </c>
      <c r="Q17" s="17">
        <v>1.7057800000000001</v>
      </c>
      <c r="R17" s="17">
        <v>1.8416699999999999</v>
      </c>
      <c r="S17" s="17">
        <v>2.0973999999999999</v>
      </c>
      <c r="T17" s="17">
        <v>2.0472899999999998</v>
      </c>
      <c r="U17" s="23" t="s">
        <v>268</v>
      </c>
      <c r="V17" s="23" t="s">
        <v>268</v>
      </c>
    </row>
    <row r="18" spans="1:22">
      <c r="A18" s="21" t="s">
        <v>232</v>
      </c>
      <c r="B18" s="21" t="s">
        <v>233</v>
      </c>
      <c r="C18" s="21" t="s">
        <v>262</v>
      </c>
      <c r="D18" s="21" t="s">
        <v>687</v>
      </c>
      <c r="E18" s="17">
        <v>1.6931499999999999</v>
      </c>
      <c r="F18" s="17">
        <v>1.6931499999999999</v>
      </c>
      <c r="G18" s="17">
        <v>2.02739</v>
      </c>
      <c r="H18" s="17">
        <v>1.47211</v>
      </c>
      <c r="I18" s="17">
        <v>1.2761800000000001</v>
      </c>
      <c r="J18" s="17">
        <v>1.25305</v>
      </c>
      <c r="K18" s="17">
        <v>1.2603899999999999</v>
      </c>
      <c r="L18" s="17">
        <v>1.30687</v>
      </c>
      <c r="M18" s="17">
        <v>1.3378399999999999</v>
      </c>
      <c r="N18" s="17">
        <v>1.41567</v>
      </c>
      <c r="O18" s="17">
        <v>1.2682100000000001</v>
      </c>
      <c r="P18" s="17">
        <v>1.26539</v>
      </c>
      <c r="Q18" s="17">
        <v>1.33046</v>
      </c>
      <c r="R18" s="17">
        <v>1.3607800000000001</v>
      </c>
      <c r="S18" s="17">
        <v>1.39835</v>
      </c>
      <c r="T18" s="17">
        <v>1.7917099999999999</v>
      </c>
      <c r="U18" s="23" t="s">
        <v>268</v>
      </c>
      <c r="V18" s="23" t="s">
        <v>268</v>
      </c>
    </row>
    <row r="19" spans="1:22">
      <c r="A19" s="21" t="s">
        <v>232</v>
      </c>
      <c r="B19" s="21" t="s">
        <v>233</v>
      </c>
      <c r="C19" s="21" t="s">
        <v>262</v>
      </c>
      <c r="D19" s="21" t="s">
        <v>688</v>
      </c>
      <c r="E19" s="17">
        <v>1.3271900000000001</v>
      </c>
      <c r="F19" s="23" t="s">
        <v>268</v>
      </c>
      <c r="G19" s="23" t="s">
        <v>268</v>
      </c>
      <c r="H19" s="23" t="s">
        <v>268</v>
      </c>
      <c r="I19" s="23" t="s">
        <v>268</v>
      </c>
      <c r="J19" s="23" t="s">
        <v>268</v>
      </c>
      <c r="K19" s="23" t="s">
        <v>268</v>
      </c>
      <c r="L19" s="23" t="s">
        <v>268</v>
      </c>
      <c r="M19" s="23" t="s">
        <v>268</v>
      </c>
      <c r="N19" s="23" t="s">
        <v>268</v>
      </c>
      <c r="O19" s="23" t="s">
        <v>268</v>
      </c>
      <c r="P19" s="23" t="s">
        <v>268</v>
      </c>
      <c r="Q19" s="23" t="s">
        <v>268</v>
      </c>
      <c r="R19" s="23" t="s">
        <v>268</v>
      </c>
      <c r="S19" s="23" t="s">
        <v>268</v>
      </c>
      <c r="T19" s="23" t="s">
        <v>268</v>
      </c>
      <c r="U19" s="17">
        <v>1.3271900000000001</v>
      </c>
      <c r="V19" s="23" t="s">
        <v>268</v>
      </c>
    </row>
    <row r="20" spans="1:22">
      <c r="A20" s="21" t="s">
        <v>232</v>
      </c>
      <c r="B20" s="21" t="s">
        <v>233</v>
      </c>
      <c r="C20" s="21" t="s">
        <v>262</v>
      </c>
      <c r="D20" s="21" t="s">
        <v>689</v>
      </c>
      <c r="E20" s="17">
        <v>2.7321399999999998</v>
      </c>
      <c r="F20" s="23" t="s">
        <v>268</v>
      </c>
      <c r="G20" s="23" t="s">
        <v>268</v>
      </c>
      <c r="H20" s="23" t="s">
        <v>268</v>
      </c>
      <c r="I20" s="23" t="s">
        <v>268</v>
      </c>
      <c r="J20" s="23" t="s">
        <v>268</v>
      </c>
      <c r="K20" s="23" t="s">
        <v>268</v>
      </c>
      <c r="L20" s="23" t="s">
        <v>268</v>
      </c>
      <c r="M20" s="23" t="s">
        <v>268</v>
      </c>
      <c r="N20" s="23" t="s">
        <v>268</v>
      </c>
      <c r="O20" s="23" t="s">
        <v>268</v>
      </c>
      <c r="P20" s="23" t="s">
        <v>268</v>
      </c>
      <c r="Q20" s="23" t="s">
        <v>268</v>
      </c>
      <c r="R20" s="23" t="s">
        <v>268</v>
      </c>
      <c r="S20" s="23" t="s">
        <v>268</v>
      </c>
      <c r="T20" s="23" t="s">
        <v>268</v>
      </c>
      <c r="U20" s="23" t="s">
        <v>268</v>
      </c>
      <c r="V20" s="17">
        <v>2.7321399999999998</v>
      </c>
    </row>
    <row r="21" spans="1:22">
      <c r="A21" s="21" t="s">
        <v>232</v>
      </c>
      <c r="B21" s="21" t="s">
        <v>237</v>
      </c>
      <c r="C21" s="21" t="s">
        <v>264</v>
      </c>
      <c r="D21" s="21" t="s">
        <v>214</v>
      </c>
      <c r="E21" s="17">
        <v>2.34226</v>
      </c>
      <c r="F21" s="17">
        <v>2.3551199999999999</v>
      </c>
      <c r="G21" s="17">
        <v>2.6550600000000002</v>
      </c>
      <c r="H21" s="17">
        <v>1.99732</v>
      </c>
      <c r="I21" s="17">
        <v>1.82219</v>
      </c>
      <c r="J21" s="17">
        <v>1.81125</v>
      </c>
      <c r="K21" s="17">
        <v>1.80409</v>
      </c>
      <c r="L21" s="17">
        <v>1.73586</v>
      </c>
      <c r="M21" s="17">
        <v>2.0438800000000001</v>
      </c>
      <c r="N21" s="17">
        <v>2.35371</v>
      </c>
      <c r="O21" s="17">
        <v>1.8273900000000001</v>
      </c>
      <c r="P21" s="17">
        <v>1.7850699999999999</v>
      </c>
      <c r="Q21" s="17">
        <v>1.8455600000000001</v>
      </c>
      <c r="R21" s="17">
        <v>2.0615800000000002</v>
      </c>
      <c r="S21" s="17">
        <v>2.1567599999999998</v>
      </c>
      <c r="T21" s="17">
        <v>2.2924199999999999</v>
      </c>
      <c r="U21" s="17">
        <v>1.46017</v>
      </c>
      <c r="V21" s="23" t="s">
        <v>268</v>
      </c>
    </row>
    <row r="22" spans="1:22">
      <c r="A22" s="21" t="s">
        <v>232</v>
      </c>
      <c r="B22" s="21" t="s">
        <v>237</v>
      </c>
      <c r="C22" s="21" t="s">
        <v>264</v>
      </c>
      <c r="D22" s="21" t="s">
        <v>681</v>
      </c>
      <c r="E22" s="17">
        <v>2.3551199999999999</v>
      </c>
      <c r="F22" s="17">
        <v>2.3551199999999999</v>
      </c>
      <c r="G22" s="17">
        <v>2.6550600000000002</v>
      </c>
      <c r="H22" s="17">
        <v>1.99732</v>
      </c>
      <c r="I22" s="17">
        <v>1.82219</v>
      </c>
      <c r="J22" s="17">
        <v>1.81125</v>
      </c>
      <c r="K22" s="17">
        <v>1.80409</v>
      </c>
      <c r="L22" s="17">
        <v>1.73586</v>
      </c>
      <c r="M22" s="17">
        <v>2.0438800000000001</v>
      </c>
      <c r="N22" s="17">
        <v>2.35371</v>
      </c>
      <c r="O22" s="17">
        <v>1.8273900000000001</v>
      </c>
      <c r="P22" s="17">
        <v>1.7850699999999999</v>
      </c>
      <c r="Q22" s="17">
        <v>1.8455600000000001</v>
      </c>
      <c r="R22" s="17">
        <v>2.0615800000000002</v>
      </c>
      <c r="S22" s="17">
        <v>2.1567599999999998</v>
      </c>
      <c r="T22" s="17">
        <v>2.2924199999999999</v>
      </c>
      <c r="U22" s="23" t="s">
        <v>268</v>
      </c>
      <c r="V22" s="23" t="s">
        <v>268</v>
      </c>
    </row>
    <row r="23" spans="1:22">
      <c r="A23" s="21" t="s">
        <v>232</v>
      </c>
      <c r="B23" s="21" t="s">
        <v>237</v>
      </c>
      <c r="C23" s="21" t="s">
        <v>264</v>
      </c>
      <c r="D23" s="21" t="s">
        <v>682</v>
      </c>
      <c r="E23" s="17">
        <v>2.36111</v>
      </c>
      <c r="F23" s="17">
        <v>2.36111</v>
      </c>
      <c r="G23" s="17">
        <v>2.66255</v>
      </c>
      <c r="H23" s="17">
        <v>2.0038299999999998</v>
      </c>
      <c r="I23" s="17">
        <v>1.82656</v>
      </c>
      <c r="J23" s="17">
        <v>1.8174999999999999</v>
      </c>
      <c r="K23" s="17">
        <v>1.80884</v>
      </c>
      <c r="L23" s="17">
        <v>1.73671</v>
      </c>
      <c r="M23" s="17">
        <v>2.04603</v>
      </c>
      <c r="N23" s="17">
        <v>2.3550800000000001</v>
      </c>
      <c r="O23" s="17">
        <v>1.83257</v>
      </c>
      <c r="P23" s="17">
        <v>1.7889699999999999</v>
      </c>
      <c r="Q23" s="17">
        <v>1.8470800000000001</v>
      </c>
      <c r="R23" s="17">
        <v>2.0630000000000002</v>
      </c>
      <c r="S23" s="17">
        <v>2.1598899999999999</v>
      </c>
      <c r="T23" s="17">
        <v>2.3226599999999999</v>
      </c>
      <c r="U23" s="23" t="s">
        <v>268</v>
      </c>
      <c r="V23" s="23" t="s">
        <v>268</v>
      </c>
    </row>
    <row r="24" spans="1:22">
      <c r="A24" s="21" t="s">
        <v>232</v>
      </c>
      <c r="B24" s="21" t="s">
        <v>237</v>
      </c>
      <c r="C24" s="21" t="s">
        <v>264</v>
      </c>
      <c r="D24" s="21" t="s">
        <v>683</v>
      </c>
      <c r="E24" s="17">
        <v>2.6484899999999998</v>
      </c>
      <c r="F24" s="17">
        <v>2.6484899999999998</v>
      </c>
      <c r="G24" s="17">
        <v>2.6760899999999999</v>
      </c>
      <c r="H24" s="17">
        <v>2.1713399999999998</v>
      </c>
      <c r="I24" s="17">
        <v>2.2990400000000002</v>
      </c>
      <c r="J24" s="17">
        <v>2.0753699999999999</v>
      </c>
      <c r="K24" s="17">
        <v>2.1720299999999999</v>
      </c>
      <c r="L24" s="17">
        <v>2.3044699999999998</v>
      </c>
      <c r="M24" s="17">
        <v>2.3231799999999998</v>
      </c>
      <c r="N24" s="17">
        <v>2.3603100000000001</v>
      </c>
      <c r="O24" s="17">
        <v>2.3465799999999999</v>
      </c>
      <c r="P24" s="17">
        <v>2.29914</v>
      </c>
      <c r="Q24" s="17">
        <v>2.2889400000000002</v>
      </c>
      <c r="R24" s="17">
        <v>2.2469000000000001</v>
      </c>
      <c r="S24" s="17">
        <v>2.1933500000000001</v>
      </c>
      <c r="T24" s="17">
        <v>2.4973299999999998</v>
      </c>
      <c r="U24" s="23" t="s">
        <v>268</v>
      </c>
      <c r="V24" s="23" t="s">
        <v>268</v>
      </c>
    </row>
    <row r="25" spans="1:22">
      <c r="A25" s="21" t="s">
        <v>232</v>
      </c>
      <c r="B25" s="21" t="s">
        <v>237</v>
      </c>
      <c r="C25" s="21" t="s">
        <v>264</v>
      </c>
      <c r="D25" s="21" t="s">
        <v>684</v>
      </c>
      <c r="E25" s="17">
        <v>2.0016699999999998</v>
      </c>
      <c r="F25" s="17">
        <v>2.0016699999999998</v>
      </c>
      <c r="G25" s="17">
        <v>2.5722399999999999</v>
      </c>
      <c r="H25" s="17">
        <v>1.95705</v>
      </c>
      <c r="I25" s="17">
        <v>1.98011</v>
      </c>
      <c r="J25" s="17">
        <v>2.0348799999999998</v>
      </c>
      <c r="K25" s="17">
        <v>1.98203</v>
      </c>
      <c r="L25" s="17">
        <v>1.9594100000000001</v>
      </c>
      <c r="M25" s="17">
        <v>1.5281400000000001</v>
      </c>
      <c r="N25" s="23" t="s">
        <v>268</v>
      </c>
      <c r="O25" s="17">
        <v>1.9207099999999999</v>
      </c>
      <c r="P25" s="17">
        <v>2.0398399999999999</v>
      </c>
      <c r="Q25" s="17">
        <v>2.1055299999999999</v>
      </c>
      <c r="R25" s="17">
        <v>1.3333299999999999</v>
      </c>
      <c r="S25" s="23" t="s">
        <v>268</v>
      </c>
      <c r="T25" s="23" t="s">
        <v>268</v>
      </c>
      <c r="U25" s="23" t="s">
        <v>268</v>
      </c>
      <c r="V25" s="23" t="s">
        <v>268</v>
      </c>
    </row>
    <row r="26" spans="1:22">
      <c r="A26" s="21" t="s">
        <v>232</v>
      </c>
      <c r="B26" s="21" t="s">
        <v>237</v>
      </c>
      <c r="C26" s="21" t="s">
        <v>264</v>
      </c>
      <c r="D26" s="21" t="s">
        <v>685</v>
      </c>
      <c r="E26" s="17">
        <v>1.82595</v>
      </c>
      <c r="F26" s="17">
        <v>1.82595</v>
      </c>
      <c r="G26" s="17">
        <v>2.4939200000000001</v>
      </c>
      <c r="H26" s="17">
        <v>2.0763099999999999</v>
      </c>
      <c r="I26" s="17">
        <v>1.71407</v>
      </c>
      <c r="J26" s="17">
        <v>1.8251500000000001</v>
      </c>
      <c r="K26" s="17">
        <v>1.6986399999999999</v>
      </c>
      <c r="L26" s="17">
        <v>1.4623999999999999</v>
      </c>
      <c r="M26" s="17">
        <v>1.5286999999999999</v>
      </c>
      <c r="N26" s="17">
        <v>2.2424200000000001</v>
      </c>
      <c r="O26" s="17">
        <v>1.79677</v>
      </c>
      <c r="P26" s="17">
        <v>1.56307</v>
      </c>
      <c r="Q26" s="17">
        <v>1.4712000000000001</v>
      </c>
      <c r="R26" s="17">
        <v>1.5554600000000001</v>
      </c>
      <c r="S26" s="17">
        <v>1.8</v>
      </c>
      <c r="T26" s="17">
        <v>2.1842100000000002</v>
      </c>
      <c r="U26" s="23" t="s">
        <v>268</v>
      </c>
      <c r="V26" s="23" t="s">
        <v>268</v>
      </c>
    </row>
    <row r="27" spans="1:22">
      <c r="A27" s="21" t="s">
        <v>232</v>
      </c>
      <c r="B27" s="21" t="s">
        <v>237</v>
      </c>
      <c r="C27" s="21" t="s">
        <v>264</v>
      </c>
      <c r="D27" s="21" t="s">
        <v>686</v>
      </c>
      <c r="E27" s="17">
        <v>1.8569100000000001</v>
      </c>
      <c r="F27" s="17">
        <v>1.8569100000000001</v>
      </c>
      <c r="G27" s="17">
        <v>2.2096200000000001</v>
      </c>
      <c r="H27" s="17">
        <v>1.87565</v>
      </c>
      <c r="I27" s="17">
        <v>1.79545</v>
      </c>
      <c r="J27" s="17">
        <v>1.5145500000000001</v>
      </c>
      <c r="K27" s="17">
        <v>1.9808699999999999</v>
      </c>
      <c r="L27" s="17">
        <v>1.59121</v>
      </c>
      <c r="M27" s="17">
        <v>2.0857100000000002</v>
      </c>
      <c r="N27" s="17">
        <v>2.53125</v>
      </c>
      <c r="O27" s="17">
        <v>1.7745299999999999</v>
      </c>
      <c r="P27" s="17">
        <v>1.85555</v>
      </c>
      <c r="Q27" s="17">
        <v>1.6419999999999999</v>
      </c>
      <c r="R27" s="17">
        <v>2.2344499999999998</v>
      </c>
      <c r="S27" s="17">
        <v>2.125</v>
      </c>
      <c r="T27" s="17">
        <v>2.13408</v>
      </c>
      <c r="U27" s="23" t="s">
        <v>268</v>
      </c>
      <c r="V27" s="23" t="s">
        <v>268</v>
      </c>
    </row>
    <row r="28" spans="1:22">
      <c r="A28" s="21" t="s">
        <v>232</v>
      </c>
      <c r="B28" s="21" t="s">
        <v>237</v>
      </c>
      <c r="C28" s="21" t="s">
        <v>264</v>
      </c>
      <c r="D28" s="21" t="s">
        <v>687</v>
      </c>
      <c r="E28" s="17">
        <v>1.81213</v>
      </c>
      <c r="F28" s="17">
        <v>1.81213</v>
      </c>
      <c r="G28" s="17">
        <v>2.02102</v>
      </c>
      <c r="H28" s="17">
        <v>1.3963399999999999</v>
      </c>
      <c r="I28" s="17">
        <v>1.3603499999999999</v>
      </c>
      <c r="J28" s="17">
        <v>1.3321099999999999</v>
      </c>
      <c r="K28" s="17">
        <v>1.3132900000000001</v>
      </c>
      <c r="L28" s="17">
        <v>1.5510200000000001</v>
      </c>
      <c r="M28" s="17">
        <v>1.61538</v>
      </c>
      <c r="N28" s="17">
        <v>2</v>
      </c>
      <c r="O28" s="17">
        <v>1.35751</v>
      </c>
      <c r="P28" s="17">
        <v>1.32813</v>
      </c>
      <c r="Q28" s="17">
        <v>1.5</v>
      </c>
      <c r="R28" s="17">
        <v>1.7368399999999999</v>
      </c>
      <c r="S28" s="17">
        <v>1</v>
      </c>
      <c r="T28" s="17">
        <v>1.82</v>
      </c>
      <c r="U28" s="23" t="s">
        <v>268</v>
      </c>
      <c r="V28" s="23" t="s">
        <v>268</v>
      </c>
    </row>
    <row r="29" spans="1:22">
      <c r="A29" s="21" t="s">
        <v>232</v>
      </c>
      <c r="B29" s="21" t="s">
        <v>237</v>
      </c>
      <c r="C29" s="21" t="s">
        <v>264</v>
      </c>
      <c r="D29" s="21" t="s">
        <v>688</v>
      </c>
      <c r="E29" s="17">
        <v>1.46017</v>
      </c>
      <c r="F29" s="23" t="s">
        <v>268</v>
      </c>
      <c r="G29" s="23" t="s">
        <v>268</v>
      </c>
      <c r="H29" s="23" t="s">
        <v>268</v>
      </c>
      <c r="I29" s="23" t="s">
        <v>268</v>
      </c>
      <c r="J29" s="23" t="s">
        <v>268</v>
      </c>
      <c r="K29" s="23" t="s">
        <v>268</v>
      </c>
      <c r="L29" s="23" t="s">
        <v>268</v>
      </c>
      <c r="M29" s="23" t="s">
        <v>268</v>
      </c>
      <c r="N29" s="23" t="s">
        <v>268</v>
      </c>
      <c r="O29" s="23" t="s">
        <v>268</v>
      </c>
      <c r="P29" s="23" t="s">
        <v>268</v>
      </c>
      <c r="Q29" s="23" t="s">
        <v>268</v>
      </c>
      <c r="R29" s="23" t="s">
        <v>268</v>
      </c>
      <c r="S29" s="23" t="s">
        <v>268</v>
      </c>
      <c r="T29" s="23" t="s">
        <v>268</v>
      </c>
      <c r="U29" s="17">
        <v>1.46017</v>
      </c>
      <c r="V29" s="23" t="s">
        <v>268</v>
      </c>
    </row>
    <row r="30" spans="1:22">
      <c r="A30" s="21" t="s">
        <v>232</v>
      </c>
      <c r="B30" s="21" t="s">
        <v>237</v>
      </c>
      <c r="C30" s="21" t="s">
        <v>264</v>
      </c>
      <c r="D30" s="21" t="s">
        <v>689</v>
      </c>
      <c r="E30" s="23" t="s">
        <v>268</v>
      </c>
      <c r="F30" s="23" t="s">
        <v>268</v>
      </c>
      <c r="G30" s="23" t="s">
        <v>268</v>
      </c>
      <c r="H30" s="23" t="s">
        <v>268</v>
      </c>
      <c r="I30" s="23" t="s">
        <v>268</v>
      </c>
      <c r="J30" s="23" t="s">
        <v>268</v>
      </c>
      <c r="K30" s="23" t="s">
        <v>268</v>
      </c>
      <c r="L30" s="23" t="s">
        <v>268</v>
      </c>
      <c r="M30" s="23" t="s">
        <v>268</v>
      </c>
      <c r="N30" s="23" t="s">
        <v>268</v>
      </c>
      <c r="O30" s="23" t="s">
        <v>268</v>
      </c>
      <c r="P30" s="23" t="s">
        <v>268</v>
      </c>
      <c r="Q30" s="23" t="s">
        <v>268</v>
      </c>
      <c r="R30" s="23" t="s">
        <v>268</v>
      </c>
      <c r="S30" s="23" t="s">
        <v>268</v>
      </c>
      <c r="T30" s="23" t="s">
        <v>268</v>
      </c>
      <c r="U30" s="23" t="s">
        <v>268</v>
      </c>
      <c r="V30" s="23" t="s">
        <v>268</v>
      </c>
    </row>
    <row r="31" spans="1:22">
      <c r="A31" s="21" t="s">
        <v>240</v>
      </c>
      <c r="B31" s="21" t="s">
        <v>237</v>
      </c>
      <c r="C31" s="21" t="s">
        <v>265</v>
      </c>
      <c r="D31" s="21" t="s">
        <v>214</v>
      </c>
      <c r="E31" s="17">
        <v>2.40483</v>
      </c>
      <c r="F31" s="17">
        <v>2.4346000000000001</v>
      </c>
      <c r="G31" s="17">
        <v>2.6345399999999999</v>
      </c>
      <c r="H31" s="17">
        <v>1.7142900000000001</v>
      </c>
      <c r="I31" s="17">
        <v>1.9051499999999999</v>
      </c>
      <c r="J31" s="17">
        <v>1.81749</v>
      </c>
      <c r="K31" s="17">
        <v>2.0167700000000002</v>
      </c>
      <c r="L31" s="17">
        <v>1.93275</v>
      </c>
      <c r="M31" s="17">
        <v>2.0241400000000001</v>
      </c>
      <c r="N31" s="17">
        <v>1.51515</v>
      </c>
      <c r="O31" s="17">
        <v>1.89744</v>
      </c>
      <c r="P31" s="17">
        <v>1.9284399999999999</v>
      </c>
      <c r="Q31" s="17">
        <v>1.97343</v>
      </c>
      <c r="R31" s="17">
        <v>1.8306500000000001</v>
      </c>
      <c r="S31" s="17">
        <v>1</v>
      </c>
      <c r="T31" s="17">
        <v>1.8591500000000001</v>
      </c>
      <c r="U31" s="17">
        <v>1.32009</v>
      </c>
      <c r="V31" s="23" t="s">
        <v>268</v>
      </c>
    </row>
    <row r="32" spans="1:22">
      <c r="A32" s="21" t="s">
        <v>240</v>
      </c>
      <c r="B32" s="21" t="s">
        <v>237</v>
      </c>
      <c r="C32" s="21" t="s">
        <v>265</v>
      </c>
      <c r="D32" s="21" t="s">
        <v>681</v>
      </c>
      <c r="E32" s="17">
        <v>2.4346000000000001</v>
      </c>
      <c r="F32" s="17">
        <v>2.4346000000000001</v>
      </c>
      <c r="G32" s="17">
        <v>2.6345399999999999</v>
      </c>
      <c r="H32" s="17">
        <v>1.7142900000000001</v>
      </c>
      <c r="I32" s="17">
        <v>1.9051499999999999</v>
      </c>
      <c r="J32" s="17">
        <v>1.81749</v>
      </c>
      <c r="K32" s="17">
        <v>2.0167700000000002</v>
      </c>
      <c r="L32" s="17">
        <v>1.93275</v>
      </c>
      <c r="M32" s="17">
        <v>2.0241400000000001</v>
      </c>
      <c r="N32" s="17">
        <v>1.51515</v>
      </c>
      <c r="O32" s="17">
        <v>1.89744</v>
      </c>
      <c r="P32" s="17">
        <v>1.9284399999999999</v>
      </c>
      <c r="Q32" s="17">
        <v>1.97343</v>
      </c>
      <c r="R32" s="17">
        <v>1.8306500000000001</v>
      </c>
      <c r="S32" s="17">
        <v>1</v>
      </c>
      <c r="T32" s="17">
        <v>1.8591500000000001</v>
      </c>
      <c r="U32" s="23" t="s">
        <v>268</v>
      </c>
      <c r="V32" s="23" t="s">
        <v>268</v>
      </c>
    </row>
    <row r="33" spans="1:22">
      <c r="A33" s="21" t="s">
        <v>240</v>
      </c>
      <c r="B33" s="21" t="s">
        <v>237</v>
      </c>
      <c r="C33" s="21" t="s">
        <v>265</v>
      </c>
      <c r="D33" s="21" t="s">
        <v>682</v>
      </c>
      <c r="E33" s="17">
        <v>2.4466700000000001</v>
      </c>
      <c r="F33" s="17">
        <v>2.4466700000000001</v>
      </c>
      <c r="G33" s="17">
        <v>2.6482800000000002</v>
      </c>
      <c r="H33" s="17">
        <v>1.7167600000000001</v>
      </c>
      <c r="I33" s="17">
        <v>1.9128099999999999</v>
      </c>
      <c r="J33" s="17">
        <v>1.8209599999999999</v>
      </c>
      <c r="K33" s="17">
        <v>2.0327700000000002</v>
      </c>
      <c r="L33" s="17">
        <v>1.93886</v>
      </c>
      <c r="M33" s="17">
        <v>2.0243500000000001</v>
      </c>
      <c r="N33" s="17">
        <v>1.51515</v>
      </c>
      <c r="O33" s="17">
        <v>1.90411</v>
      </c>
      <c r="P33" s="17">
        <v>1.9417899999999999</v>
      </c>
      <c r="Q33" s="17">
        <v>1.9732400000000001</v>
      </c>
      <c r="R33" s="17">
        <v>1.8373999999999999</v>
      </c>
      <c r="S33" s="17">
        <v>1</v>
      </c>
      <c r="T33" s="17">
        <v>1.89655</v>
      </c>
      <c r="U33" s="23" t="s">
        <v>268</v>
      </c>
      <c r="V33" s="23" t="s">
        <v>268</v>
      </c>
    </row>
    <row r="34" spans="1:22">
      <c r="A34" s="21" t="s">
        <v>240</v>
      </c>
      <c r="B34" s="21" t="s">
        <v>237</v>
      </c>
      <c r="C34" s="21" t="s">
        <v>265</v>
      </c>
      <c r="D34" s="21" t="s">
        <v>683</v>
      </c>
      <c r="E34" s="17">
        <v>2.66676</v>
      </c>
      <c r="F34" s="17">
        <v>2.66676</v>
      </c>
      <c r="G34" s="17">
        <v>2.6791200000000002</v>
      </c>
      <c r="H34" s="17">
        <v>2.4473699999999998</v>
      </c>
      <c r="I34" s="17">
        <v>2.1071399999999998</v>
      </c>
      <c r="J34" s="17">
        <v>2.31507</v>
      </c>
      <c r="K34" s="17">
        <v>2.4</v>
      </c>
      <c r="L34" s="17">
        <v>1.98261</v>
      </c>
      <c r="M34" s="17">
        <v>2.0859000000000001</v>
      </c>
      <c r="N34" s="23" t="s">
        <v>268</v>
      </c>
      <c r="O34" s="17">
        <v>2.3270400000000002</v>
      </c>
      <c r="P34" s="17">
        <v>2.0634899999999998</v>
      </c>
      <c r="Q34" s="17">
        <v>2.0588199999999999</v>
      </c>
      <c r="R34" s="17">
        <v>1.9302299999999999</v>
      </c>
      <c r="S34" s="23" t="s">
        <v>268</v>
      </c>
      <c r="T34" s="17">
        <v>2.3157899999999998</v>
      </c>
      <c r="U34" s="23" t="s">
        <v>268</v>
      </c>
      <c r="V34" s="23" t="s">
        <v>268</v>
      </c>
    </row>
    <row r="35" spans="1:22">
      <c r="A35" s="21" t="s">
        <v>240</v>
      </c>
      <c r="B35" s="21" t="s">
        <v>237</v>
      </c>
      <c r="C35" s="21" t="s">
        <v>265</v>
      </c>
      <c r="D35" s="21" t="s">
        <v>684</v>
      </c>
      <c r="E35" s="17">
        <v>1.96496</v>
      </c>
      <c r="F35" s="17">
        <v>1.96496</v>
      </c>
      <c r="G35" s="17">
        <v>3.0625</v>
      </c>
      <c r="H35" s="17">
        <v>1.53691</v>
      </c>
      <c r="I35" s="17">
        <v>2.23231</v>
      </c>
      <c r="J35" s="17">
        <v>2.2432400000000001</v>
      </c>
      <c r="K35" s="17">
        <v>2.2316500000000001</v>
      </c>
      <c r="L35" s="23" t="s">
        <v>268</v>
      </c>
      <c r="M35" s="23" t="s">
        <v>268</v>
      </c>
      <c r="N35" s="23" t="s">
        <v>268</v>
      </c>
      <c r="O35" s="17">
        <v>2.22078</v>
      </c>
      <c r="P35" s="17">
        <v>2.2490600000000001</v>
      </c>
      <c r="Q35" s="23" t="s">
        <v>268</v>
      </c>
      <c r="R35" s="23" t="s">
        <v>268</v>
      </c>
      <c r="S35" s="23" t="s">
        <v>268</v>
      </c>
      <c r="T35" s="23" t="s">
        <v>268</v>
      </c>
      <c r="U35" s="23" t="s">
        <v>268</v>
      </c>
      <c r="V35" s="23" t="s">
        <v>268</v>
      </c>
    </row>
    <row r="36" spans="1:22">
      <c r="A36" s="21" t="s">
        <v>240</v>
      </c>
      <c r="B36" s="21" t="s">
        <v>237</v>
      </c>
      <c r="C36" s="21" t="s">
        <v>265</v>
      </c>
      <c r="D36" s="21" t="s">
        <v>685</v>
      </c>
      <c r="E36" s="17">
        <v>1.9814400000000001</v>
      </c>
      <c r="F36" s="17">
        <v>1.9814400000000001</v>
      </c>
      <c r="G36" s="17">
        <v>2.34172</v>
      </c>
      <c r="H36" s="17">
        <v>1.8647899999999999</v>
      </c>
      <c r="I36" s="17">
        <v>1.89194</v>
      </c>
      <c r="J36" s="17">
        <v>1.82999</v>
      </c>
      <c r="K36" s="17">
        <v>2.0107300000000001</v>
      </c>
      <c r="L36" s="17">
        <v>1.9081600000000001</v>
      </c>
      <c r="M36" s="17">
        <v>1.6881699999999999</v>
      </c>
      <c r="N36" s="17">
        <v>1.4444399999999999</v>
      </c>
      <c r="O36" s="17">
        <v>1.8961699999999999</v>
      </c>
      <c r="P36" s="17">
        <v>1.88053</v>
      </c>
      <c r="Q36" s="17">
        <v>1.8657699999999999</v>
      </c>
      <c r="R36" s="17">
        <v>1.5</v>
      </c>
      <c r="S36" s="17">
        <v>1</v>
      </c>
      <c r="T36" s="17">
        <v>1.5769200000000001</v>
      </c>
      <c r="U36" s="23" t="s">
        <v>268</v>
      </c>
      <c r="V36" s="23" t="s">
        <v>268</v>
      </c>
    </row>
    <row r="37" spans="1:22">
      <c r="A37" s="21" t="s">
        <v>240</v>
      </c>
      <c r="B37" s="21" t="s">
        <v>237</v>
      </c>
      <c r="C37" s="21" t="s">
        <v>265</v>
      </c>
      <c r="D37" s="21" t="s">
        <v>686</v>
      </c>
      <c r="E37" s="17">
        <v>1.7495799999999999</v>
      </c>
      <c r="F37" s="17">
        <v>1.7495799999999999</v>
      </c>
      <c r="G37" s="17">
        <v>1.69912</v>
      </c>
      <c r="H37" s="17">
        <v>1.72</v>
      </c>
      <c r="I37" s="17">
        <v>1.7603500000000001</v>
      </c>
      <c r="J37" s="17">
        <v>1.5640400000000001</v>
      </c>
      <c r="K37" s="17">
        <v>1.8904399999999999</v>
      </c>
      <c r="L37" s="17">
        <v>2.02041</v>
      </c>
      <c r="M37" s="17">
        <v>2.1428600000000002</v>
      </c>
      <c r="N37" s="17">
        <v>1.8333299999999999</v>
      </c>
      <c r="O37" s="17">
        <v>1.7099200000000001</v>
      </c>
      <c r="P37" s="17">
        <v>1.8913</v>
      </c>
      <c r="Q37" s="17">
        <v>1.7916700000000001</v>
      </c>
      <c r="R37" s="17">
        <v>2</v>
      </c>
      <c r="S37" s="23" t="s">
        <v>268</v>
      </c>
      <c r="T37" s="17">
        <v>1.9230799999999999</v>
      </c>
      <c r="U37" s="23" t="s">
        <v>268</v>
      </c>
      <c r="V37" s="23" t="s">
        <v>268</v>
      </c>
    </row>
    <row r="38" spans="1:22">
      <c r="A38" s="21" t="s">
        <v>240</v>
      </c>
      <c r="B38" s="21" t="s">
        <v>237</v>
      </c>
      <c r="C38" s="21" t="s">
        <v>265</v>
      </c>
      <c r="D38" s="21" t="s">
        <v>687</v>
      </c>
      <c r="E38" s="17">
        <v>1.5363899999999999</v>
      </c>
      <c r="F38" s="17">
        <v>1.5363899999999999</v>
      </c>
      <c r="G38" s="17">
        <v>1.60954</v>
      </c>
      <c r="H38" s="17">
        <v>1.5</v>
      </c>
      <c r="I38" s="17">
        <v>1.2972999999999999</v>
      </c>
      <c r="J38" s="17">
        <v>1.45</v>
      </c>
      <c r="K38" s="17">
        <v>1.1499999999999999</v>
      </c>
      <c r="L38" s="17">
        <v>1</v>
      </c>
      <c r="M38" s="17">
        <v>2</v>
      </c>
      <c r="N38" s="23" t="s">
        <v>268</v>
      </c>
      <c r="O38" s="17">
        <v>1.3364499999999999</v>
      </c>
      <c r="P38" s="17">
        <v>1.13514</v>
      </c>
      <c r="Q38" s="17">
        <v>2</v>
      </c>
      <c r="R38" s="17">
        <v>1</v>
      </c>
      <c r="S38" s="23" t="s">
        <v>268</v>
      </c>
      <c r="T38" s="17">
        <v>1.69231</v>
      </c>
      <c r="U38" s="23" t="s">
        <v>268</v>
      </c>
      <c r="V38" s="23" t="s">
        <v>268</v>
      </c>
    </row>
    <row r="39" spans="1:22">
      <c r="A39" s="21" t="s">
        <v>240</v>
      </c>
      <c r="B39" s="21" t="s">
        <v>237</v>
      </c>
      <c r="C39" s="21" t="s">
        <v>265</v>
      </c>
      <c r="D39" s="21" t="s">
        <v>688</v>
      </c>
      <c r="E39" s="17">
        <v>1.32009</v>
      </c>
      <c r="F39" s="23" t="s">
        <v>268</v>
      </c>
      <c r="G39" s="23" t="s">
        <v>268</v>
      </c>
      <c r="H39" s="23" t="s">
        <v>268</v>
      </c>
      <c r="I39" s="23" t="s">
        <v>268</v>
      </c>
      <c r="J39" s="23" t="s">
        <v>268</v>
      </c>
      <c r="K39" s="23" t="s">
        <v>268</v>
      </c>
      <c r="L39" s="23" t="s">
        <v>268</v>
      </c>
      <c r="M39" s="23" t="s">
        <v>268</v>
      </c>
      <c r="N39" s="23" t="s">
        <v>268</v>
      </c>
      <c r="O39" s="23" t="s">
        <v>268</v>
      </c>
      <c r="P39" s="23" t="s">
        <v>268</v>
      </c>
      <c r="Q39" s="23" t="s">
        <v>268</v>
      </c>
      <c r="R39" s="23" t="s">
        <v>268</v>
      </c>
      <c r="S39" s="23" t="s">
        <v>268</v>
      </c>
      <c r="T39" s="23" t="s">
        <v>268</v>
      </c>
      <c r="U39" s="17">
        <v>1.32009</v>
      </c>
      <c r="V39" s="23" t="s">
        <v>268</v>
      </c>
    </row>
    <row r="40" spans="1:22">
      <c r="A40" s="21" t="s">
        <v>240</v>
      </c>
      <c r="B40" s="21" t="s">
        <v>237</v>
      </c>
      <c r="C40" s="21" t="s">
        <v>265</v>
      </c>
      <c r="D40" s="21" t="s">
        <v>689</v>
      </c>
      <c r="E40" s="23" t="s">
        <v>268</v>
      </c>
      <c r="F40" s="23" t="s">
        <v>268</v>
      </c>
      <c r="G40" s="23" t="s">
        <v>268</v>
      </c>
      <c r="H40" s="23" t="s">
        <v>268</v>
      </c>
      <c r="I40" s="23" t="s">
        <v>268</v>
      </c>
      <c r="J40" s="23" t="s">
        <v>268</v>
      </c>
      <c r="K40" s="23" t="s">
        <v>268</v>
      </c>
      <c r="L40" s="23" t="s">
        <v>268</v>
      </c>
      <c r="M40" s="23" t="s">
        <v>268</v>
      </c>
      <c r="N40" s="23" t="s">
        <v>268</v>
      </c>
      <c r="O40" s="23" t="s">
        <v>268</v>
      </c>
      <c r="P40" s="23" t="s">
        <v>268</v>
      </c>
      <c r="Q40" s="23" t="s">
        <v>268</v>
      </c>
      <c r="R40" s="23" t="s">
        <v>268</v>
      </c>
      <c r="S40" s="23" t="s">
        <v>268</v>
      </c>
      <c r="T40" s="23" t="s">
        <v>268</v>
      </c>
      <c r="U40" s="23" t="s">
        <v>268</v>
      </c>
      <c r="V40" s="23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2" orientation="portrait" r:id="rId1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7B03C91-4B14-4434-A3ED-F57B55431573}">
  <sheetPr>
    <pageSetUpPr fitToPage="1"/>
  </sheetPr>
  <dimension ref="A1:V40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33.625" style="20" bestFit="1" customWidth="1"/>
    <col min="5" max="16384" width="12.625" style="20"/>
  </cols>
  <sheetData>
    <row r="1" spans="1:22" s="11" customFormat="1">
      <c r="A1" s="11" t="s">
        <v>192</v>
      </c>
    </row>
    <row r="2" spans="1:22" s="11" customFormat="1">
      <c r="A2" s="11" t="s">
        <v>713</v>
      </c>
    </row>
    <row r="3" spans="1:22" s="11" customFormat="1"/>
    <row r="4" spans="1:22" s="11" customFormat="1" outlineLevel="1">
      <c r="A4" s="11" t="s">
        <v>510</v>
      </c>
    </row>
    <row r="5" spans="1:22" s="11" customFormat="1"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  <c r="P5" s="12" t="s">
        <v>494</v>
      </c>
      <c r="Q5" s="12" t="s">
        <v>494</v>
      </c>
      <c r="R5" s="12" t="s">
        <v>494</v>
      </c>
      <c r="S5" s="12" t="s">
        <v>494</v>
      </c>
      <c r="T5" s="12" t="s">
        <v>494</v>
      </c>
      <c r="U5" s="12" t="s">
        <v>494</v>
      </c>
      <c r="V5" s="12" t="s">
        <v>494</v>
      </c>
    </row>
    <row r="6" spans="1:22" s="11" customFormat="1" ht="36">
      <c r="E6" s="12" t="s">
        <v>696</v>
      </c>
      <c r="F6" s="12" t="s">
        <v>696</v>
      </c>
      <c r="G6" s="12" t="s">
        <v>696</v>
      </c>
      <c r="H6" s="12" t="s">
        <v>696</v>
      </c>
      <c r="I6" s="12" t="s">
        <v>696</v>
      </c>
      <c r="J6" s="12" t="s">
        <v>696</v>
      </c>
      <c r="K6" s="12" t="s">
        <v>696</v>
      </c>
      <c r="L6" s="12" t="s">
        <v>696</v>
      </c>
      <c r="M6" s="12" t="s">
        <v>696</v>
      </c>
      <c r="N6" s="12" t="s">
        <v>696</v>
      </c>
      <c r="O6" s="12" t="s">
        <v>696</v>
      </c>
      <c r="P6" s="12" t="s">
        <v>696</v>
      </c>
      <c r="Q6" s="12" t="s">
        <v>696</v>
      </c>
      <c r="R6" s="12" t="s">
        <v>696</v>
      </c>
      <c r="S6" s="12" t="s">
        <v>696</v>
      </c>
      <c r="T6" s="12" t="s">
        <v>696</v>
      </c>
      <c r="U6" s="12" t="s">
        <v>696</v>
      </c>
      <c r="V6" s="12" t="s">
        <v>696</v>
      </c>
    </row>
    <row r="7" spans="1:22" s="11" customFormat="1">
      <c r="E7" s="12">
        <v>1</v>
      </c>
      <c r="F7" s="12">
        <v>1</v>
      </c>
      <c r="G7" s="12">
        <v>2</v>
      </c>
      <c r="H7" s="12">
        <v>2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3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2</v>
      </c>
      <c r="U7" s="12">
        <v>1</v>
      </c>
      <c r="V7" s="12">
        <v>1</v>
      </c>
    </row>
    <row r="8" spans="1:22" s="11" customFormat="1" ht="60">
      <c r="E8" s="12" t="s">
        <v>214</v>
      </c>
      <c r="F8" s="12" t="s">
        <v>681</v>
      </c>
      <c r="G8" s="12" t="s">
        <v>697</v>
      </c>
      <c r="H8" s="12" t="s">
        <v>698</v>
      </c>
      <c r="I8" s="12" t="s">
        <v>699</v>
      </c>
      <c r="J8" s="12" t="s">
        <v>700</v>
      </c>
      <c r="K8" s="12" t="s">
        <v>701</v>
      </c>
      <c r="L8" s="12" t="s">
        <v>702</v>
      </c>
      <c r="M8" s="12" t="s">
        <v>703</v>
      </c>
      <c r="N8" s="12" t="s">
        <v>704</v>
      </c>
      <c r="O8" s="12" t="s">
        <v>705</v>
      </c>
      <c r="P8" s="12" t="s">
        <v>706</v>
      </c>
      <c r="Q8" s="12" t="s">
        <v>707</v>
      </c>
      <c r="R8" s="12" t="s">
        <v>708</v>
      </c>
      <c r="S8" s="12" t="s">
        <v>709</v>
      </c>
      <c r="T8" s="12" t="s">
        <v>710</v>
      </c>
      <c r="U8" s="12" t="s">
        <v>688</v>
      </c>
      <c r="V8" s="12" t="s">
        <v>689</v>
      </c>
    </row>
    <row r="9" spans="1:22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  <c r="P9" s="13" t="s">
        <v>223</v>
      </c>
      <c r="Q9" s="13" t="s">
        <v>223</v>
      </c>
      <c r="R9" s="13" t="s">
        <v>223</v>
      </c>
      <c r="S9" s="13" t="s">
        <v>223</v>
      </c>
      <c r="T9" s="13" t="s">
        <v>223</v>
      </c>
      <c r="U9" s="13" t="s">
        <v>223</v>
      </c>
      <c r="V9" s="13" t="s">
        <v>223</v>
      </c>
    </row>
    <row r="10" spans="1:22" s="11" customFormat="1">
      <c r="A10" s="14" t="s">
        <v>224</v>
      </c>
      <c r="B10" s="14" t="s">
        <v>259</v>
      </c>
      <c r="C10" s="14" t="s">
        <v>260</v>
      </c>
      <c r="D10" s="14" t="s">
        <v>68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</row>
    <row r="11" spans="1:22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41133578</v>
      </c>
      <c r="F11" s="16">
        <v>40648055</v>
      </c>
      <c r="G11" s="16">
        <v>17675583</v>
      </c>
      <c r="H11" s="16">
        <v>586923</v>
      </c>
      <c r="I11" s="16">
        <v>22340587</v>
      </c>
      <c r="J11" s="16">
        <v>5448075</v>
      </c>
      <c r="K11" s="16">
        <v>8308130</v>
      </c>
      <c r="L11" s="16">
        <v>4929812</v>
      </c>
      <c r="M11" s="16">
        <v>2630970</v>
      </c>
      <c r="N11" s="16">
        <v>1023600</v>
      </c>
      <c r="O11" s="16">
        <v>11092106</v>
      </c>
      <c r="P11" s="16">
        <v>7265366</v>
      </c>
      <c r="Q11" s="16">
        <v>3054271</v>
      </c>
      <c r="R11" s="16">
        <v>682656</v>
      </c>
      <c r="S11" s="16">
        <v>246188</v>
      </c>
      <c r="T11" s="16">
        <v>44962</v>
      </c>
      <c r="U11" s="16">
        <v>485506</v>
      </c>
      <c r="V11" s="16">
        <v>17</v>
      </c>
    </row>
    <row r="12" spans="1:22">
      <c r="A12" s="21" t="s">
        <v>232</v>
      </c>
      <c r="B12" s="21" t="s">
        <v>233</v>
      </c>
      <c r="C12" s="21" t="s">
        <v>262</v>
      </c>
      <c r="D12" s="21" t="s">
        <v>681</v>
      </c>
      <c r="E12" s="16">
        <v>40648055</v>
      </c>
      <c r="F12" s="16">
        <v>40648055</v>
      </c>
      <c r="G12" s="16">
        <v>17675583</v>
      </c>
      <c r="H12" s="16">
        <v>586923</v>
      </c>
      <c r="I12" s="16">
        <v>22340587</v>
      </c>
      <c r="J12" s="16">
        <v>5448075</v>
      </c>
      <c r="K12" s="16">
        <v>8308130</v>
      </c>
      <c r="L12" s="16">
        <v>4929812</v>
      </c>
      <c r="M12" s="16">
        <v>2630970</v>
      </c>
      <c r="N12" s="16">
        <v>1023600</v>
      </c>
      <c r="O12" s="16">
        <v>11092106</v>
      </c>
      <c r="P12" s="16">
        <v>7265366</v>
      </c>
      <c r="Q12" s="16">
        <v>3054271</v>
      </c>
      <c r="R12" s="16">
        <v>682656</v>
      </c>
      <c r="S12" s="16">
        <v>246188</v>
      </c>
      <c r="T12" s="16">
        <v>44962</v>
      </c>
      <c r="U12" s="22" t="s">
        <v>268</v>
      </c>
      <c r="V12" s="22" t="s">
        <v>268</v>
      </c>
    </row>
    <row r="13" spans="1:22">
      <c r="A13" s="21" t="s">
        <v>232</v>
      </c>
      <c r="B13" s="21" t="s">
        <v>233</v>
      </c>
      <c r="C13" s="21" t="s">
        <v>262</v>
      </c>
      <c r="D13" s="21" t="s">
        <v>682</v>
      </c>
      <c r="E13" s="16">
        <v>40113270</v>
      </c>
      <c r="F13" s="16">
        <v>40113270</v>
      </c>
      <c r="G13" s="16">
        <v>17413341</v>
      </c>
      <c r="H13" s="16">
        <v>575043</v>
      </c>
      <c r="I13" s="16">
        <v>22083085</v>
      </c>
      <c r="J13" s="16">
        <v>5371837</v>
      </c>
      <c r="K13" s="16">
        <v>8205731</v>
      </c>
      <c r="L13" s="16">
        <v>4882606</v>
      </c>
      <c r="M13" s="16">
        <v>2607361</v>
      </c>
      <c r="N13" s="16">
        <v>1015550</v>
      </c>
      <c r="O13" s="16">
        <v>10952365</v>
      </c>
      <c r="P13" s="16">
        <v>7183087</v>
      </c>
      <c r="Q13" s="16">
        <v>3027015</v>
      </c>
      <c r="R13" s="16">
        <v>676960</v>
      </c>
      <c r="S13" s="16">
        <v>243658</v>
      </c>
      <c r="T13" s="16">
        <v>41801</v>
      </c>
      <c r="U13" s="22" t="s">
        <v>268</v>
      </c>
      <c r="V13" s="22" t="s">
        <v>268</v>
      </c>
    </row>
    <row r="14" spans="1:22">
      <c r="A14" s="21" t="s">
        <v>232</v>
      </c>
      <c r="B14" s="21" t="s">
        <v>233</v>
      </c>
      <c r="C14" s="21" t="s">
        <v>262</v>
      </c>
      <c r="D14" s="21" t="s">
        <v>683</v>
      </c>
      <c r="E14" s="16">
        <v>22264443</v>
      </c>
      <c r="F14" s="16">
        <v>22264443</v>
      </c>
      <c r="G14" s="16">
        <v>16525897</v>
      </c>
      <c r="H14" s="16">
        <v>153350</v>
      </c>
      <c r="I14" s="16">
        <v>5562745</v>
      </c>
      <c r="J14" s="16">
        <v>130440</v>
      </c>
      <c r="K14" s="16">
        <v>1136895</v>
      </c>
      <c r="L14" s="16">
        <v>2092710</v>
      </c>
      <c r="M14" s="16">
        <v>1439591</v>
      </c>
      <c r="N14" s="16">
        <v>763109</v>
      </c>
      <c r="O14" s="16">
        <v>1389527</v>
      </c>
      <c r="P14" s="16">
        <v>2065792</v>
      </c>
      <c r="Q14" s="16">
        <v>1507423</v>
      </c>
      <c r="R14" s="16">
        <v>417492</v>
      </c>
      <c r="S14" s="16">
        <v>182511</v>
      </c>
      <c r="T14" s="16">
        <v>22451</v>
      </c>
      <c r="U14" s="22" t="s">
        <v>268</v>
      </c>
      <c r="V14" s="22" t="s">
        <v>268</v>
      </c>
    </row>
    <row r="15" spans="1:22">
      <c r="A15" s="21" t="s">
        <v>232</v>
      </c>
      <c r="B15" s="21" t="s">
        <v>233</v>
      </c>
      <c r="C15" s="21" t="s">
        <v>262</v>
      </c>
      <c r="D15" s="21" t="s">
        <v>684</v>
      </c>
      <c r="E15" s="16">
        <v>2151781</v>
      </c>
      <c r="F15" s="16">
        <v>2151781</v>
      </c>
      <c r="G15" s="16">
        <v>6315</v>
      </c>
      <c r="H15" s="16">
        <v>37540</v>
      </c>
      <c r="I15" s="16">
        <v>2107926</v>
      </c>
      <c r="J15" s="16">
        <v>14839</v>
      </c>
      <c r="K15" s="16">
        <v>1176167</v>
      </c>
      <c r="L15" s="16">
        <v>448158</v>
      </c>
      <c r="M15" s="16">
        <v>418223</v>
      </c>
      <c r="N15" s="16">
        <v>50539</v>
      </c>
      <c r="O15" s="16">
        <v>724074</v>
      </c>
      <c r="P15" s="16">
        <v>923542</v>
      </c>
      <c r="Q15" s="16">
        <v>349875</v>
      </c>
      <c r="R15" s="16">
        <v>92403</v>
      </c>
      <c r="S15" s="16">
        <v>18032</v>
      </c>
      <c r="T15" s="22" t="s">
        <v>268</v>
      </c>
      <c r="U15" s="22" t="s">
        <v>268</v>
      </c>
      <c r="V15" s="22" t="s">
        <v>268</v>
      </c>
    </row>
    <row r="16" spans="1:22">
      <c r="A16" s="21" t="s">
        <v>232</v>
      </c>
      <c r="B16" s="21" t="s">
        <v>233</v>
      </c>
      <c r="C16" s="21" t="s">
        <v>262</v>
      </c>
      <c r="D16" s="21" t="s">
        <v>685</v>
      </c>
      <c r="E16" s="16">
        <v>14421531</v>
      </c>
      <c r="F16" s="16">
        <v>14421531</v>
      </c>
      <c r="G16" s="16">
        <v>811753</v>
      </c>
      <c r="H16" s="16">
        <v>365520</v>
      </c>
      <c r="I16" s="16">
        <v>13231626</v>
      </c>
      <c r="J16" s="16">
        <v>4981803</v>
      </c>
      <c r="K16" s="16">
        <v>5357765</v>
      </c>
      <c r="L16" s="16">
        <v>2079929</v>
      </c>
      <c r="M16" s="16">
        <v>641165</v>
      </c>
      <c r="N16" s="16">
        <v>170964</v>
      </c>
      <c r="O16" s="16">
        <v>8266845</v>
      </c>
      <c r="P16" s="16">
        <v>3770930</v>
      </c>
      <c r="Q16" s="16">
        <v>1018029</v>
      </c>
      <c r="R16" s="16">
        <v>139611</v>
      </c>
      <c r="S16" s="16">
        <v>36211</v>
      </c>
      <c r="T16" s="16">
        <v>12632</v>
      </c>
      <c r="U16" s="22" t="s">
        <v>268</v>
      </c>
      <c r="V16" s="22" t="s">
        <v>268</v>
      </c>
    </row>
    <row r="17" spans="1:22">
      <c r="A17" s="21" t="s">
        <v>232</v>
      </c>
      <c r="B17" s="21" t="s">
        <v>233</v>
      </c>
      <c r="C17" s="21" t="s">
        <v>262</v>
      </c>
      <c r="D17" s="21" t="s">
        <v>686</v>
      </c>
      <c r="E17" s="16">
        <v>1275515</v>
      </c>
      <c r="F17" s="16">
        <v>1275515</v>
      </c>
      <c r="G17" s="16">
        <v>69376</v>
      </c>
      <c r="H17" s="16">
        <v>18633</v>
      </c>
      <c r="I17" s="16">
        <v>1180788</v>
      </c>
      <c r="J17" s="16">
        <v>244755</v>
      </c>
      <c r="K17" s="16">
        <v>534904</v>
      </c>
      <c r="L17" s="16">
        <v>261809</v>
      </c>
      <c r="M17" s="16">
        <v>108382</v>
      </c>
      <c r="N17" s="16">
        <v>30938</v>
      </c>
      <c r="O17" s="16">
        <v>571919</v>
      </c>
      <c r="P17" s="16">
        <v>422823</v>
      </c>
      <c r="Q17" s="16">
        <v>151688</v>
      </c>
      <c r="R17" s="16">
        <v>27454</v>
      </c>
      <c r="S17" s="16">
        <v>6904</v>
      </c>
      <c r="T17" s="16">
        <v>6718</v>
      </c>
      <c r="U17" s="22" t="s">
        <v>268</v>
      </c>
      <c r="V17" s="22" t="s">
        <v>268</v>
      </c>
    </row>
    <row r="18" spans="1:22">
      <c r="A18" s="21" t="s">
        <v>232</v>
      </c>
      <c r="B18" s="21" t="s">
        <v>233</v>
      </c>
      <c r="C18" s="21" t="s">
        <v>262</v>
      </c>
      <c r="D18" s="21" t="s">
        <v>687</v>
      </c>
      <c r="E18" s="16">
        <v>534785</v>
      </c>
      <c r="F18" s="16">
        <v>534785</v>
      </c>
      <c r="G18" s="16">
        <v>262242</v>
      </c>
      <c r="H18" s="16">
        <v>11880</v>
      </c>
      <c r="I18" s="16">
        <v>257502</v>
      </c>
      <c r="J18" s="16">
        <v>76238</v>
      </c>
      <c r="K18" s="16">
        <v>102399</v>
      </c>
      <c r="L18" s="16">
        <v>47206</v>
      </c>
      <c r="M18" s="16">
        <v>23609</v>
      </c>
      <c r="N18" s="16">
        <v>8050</v>
      </c>
      <c r="O18" s="16">
        <v>139741</v>
      </c>
      <c r="P18" s="16">
        <v>82279</v>
      </c>
      <c r="Q18" s="16">
        <v>27256</v>
      </c>
      <c r="R18" s="16">
        <v>5696</v>
      </c>
      <c r="S18" s="16">
        <v>2530</v>
      </c>
      <c r="T18" s="16">
        <v>3161</v>
      </c>
      <c r="U18" s="22" t="s">
        <v>268</v>
      </c>
      <c r="V18" s="22" t="s">
        <v>268</v>
      </c>
    </row>
    <row r="19" spans="1:22">
      <c r="A19" s="21" t="s">
        <v>232</v>
      </c>
      <c r="B19" s="21" t="s">
        <v>233</v>
      </c>
      <c r="C19" s="21" t="s">
        <v>262</v>
      </c>
      <c r="D19" s="21" t="s">
        <v>688</v>
      </c>
      <c r="E19" s="16">
        <v>485506</v>
      </c>
      <c r="F19" s="22" t="s">
        <v>268</v>
      </c>
      <c r="G19" s="22" t="s">
        <v>268</v>
      </c>
      <c r="H19" s="22" t="s">
        <v>268</v>
      </c>
      <c r="I19" s="22" t="s">
        <v>268</v>
      </c>
      <c r="J19" s="22" t="s">
        <v>268</v>
      </c>
      <c r="K19" s="22" t="s">
        <v>268</v>
      </c>
      <c r="L19" s="22" t="s">
        <v>268</v>
      </c>
      <c r="M19" s="22" t="s">
        <v>268</v>
      </c>
      <c r="N19" s="22" t="s">
        <v>268</v>
      </c>
      <c r="O19" s="22" t="s">
        <v>268</v>
      </c>
      <c r="P19" s="22" t="s">
        <v>268</v>
      </c>
      <c r="Q19" s="22" t="s">
        <v>268</v>
      </c>
      <c r="R19" s="22" t="s">
        <v>268</v>
      </c>
      <c r="S19" s="22" t="s">
        <v>268</v>
      </c>
      <c r="T19" s="22" t="s">
        <v>268</v>
      </c>
      <c r="U19" s="16">
        <v>485506</v>
      </c>
      <c r="V19" s="22" t="s">
        <v>268</v>
      </c>
    </row>
    <row r="20" spans="1:22">
      <c r="A20" s="21" t="s">
        <v>232</v>
      </c>
      <c r="B20" s="21" t="s">
        <v>233</v>
      </c>
      <c r="C20" s="21" t="s">
        <v>262</v>
      </c>
      <c r="D20" s="21" t="s">
        <v>689</v>
      </c>
      <c r="E20" s="16">
        <v>17</v>
      </c>
      <c r="F20" s="22" t="s">
        <v>268</v>
      </c>
      <c r="G20" s="22" t="s">
        <v>268</v>
      </c>
      <c r="H20" s="22" t="s">
        <v>268</v>
      </c>
      <c r="I20" s="22" t="s">
        <v>268</v>
      </c>
      <c r="J20" s="22" t="s">
        <v>268</v>
      </c>
      <c r="K20" s="22" t="s">
        <v>268</v>
      </c>
      <c r="L20" s="22" t="s">
        <v>268</v>
      </c>
      <c r="M20" s="22" t="s">
        <v>268</v>
      </c>
      <c r="N20" s="22" t="s">
        <v>268</v>
      </c>
      <c r="O20" s="22" t="s">
        <v>268</v>
      </c>
      <c r="P20" s="22" t="s">
        <v>268</v>
      </c>
      <c r="Q20" s="22" t="s">
        <v>268</v>
      </c>
      <c r="R20" s="22" t="s">
        <v>268</v>
      </c>
      <c r="S20" s="22" t="s">
        <v>268</v>
      </c>
      <c r="T20" s="22" t="s">
        <v>268</v>
      </c>
      <c r="U20" s="22" t="s">
        <v>268</v>
      </c>
      <c r="V20" s="16">
        <v>17</v>
      </c>
    </row>
    <row r="21" spans="1:22">
      <c r="A21" s="21" t="s">
        <v>232</v>
      </c>
      <c r="B21" s="21" t="s">
        <v>237</v>
      </c>
      <c r="C21" s="21" t="s">
        <v>264</v>
      </c>
      <c r="D21" s="21" t="s">
        <v>214</v>
      </c>
      <c r="E21" s="16">
        <v>386942</v>
      </c>
      <c r="F21" s="16">
        <v>382885</v>
      </c>
      <c r="G21" s="16">
        <v>177146</v>
      </c>
      <c r="H21" s="16">
        <v>4746</v>
      </c>
      <c r="I21" s="16">
        <v>200496</v>
      </c>
      <c r="J21" s="16">
        <v>57920</v>
      </c>
      <c r="K21" s="16">
        <v>77111</v>
      </c>
      <c r="L21" s="16">
        <v>41814</v>
      </c>
      <c r="M21" s="16">
        <v>20560</v>
      </c>
      <c r="N21" s="16">
        <v>3091</v>
      </c>
      <c r="O21" s="16">
        <v>108110</v>
      </c>
      <c r="P21" s="16">
        <v>61722</v>
      </c>
      <c r="Q21" s="16">
        <v>25984</v>
      </c>
      <c r="R21" s="16">
        <v>4311</v>
      </c>
      <c r="S21" s="16">
        <v>369</v>
      </c>
      <c r="T21" s="16">
        <v>497</v>
      </c>
      <c r="U21" s="16">
        <v>4057</v>
      </c>
      <c r="V21" s="22" t="s">
        <v>268</v>
      </c>
    </row>
    <row r="22" spans="1:22">
      <c r="A22" s="21" t="s">
        <v>232</v>
      </c>
      <c r="B22" s="21" t="s">
        <v>237</v>
      </c>
      <c r="C22" s="21" t="s">
        <v>264</v>
      </c>
      <c r="D22" s="21" t="s">
        <v>681</v>
      </c>
      <c r="E22" s="16">
        <v>382885</v>
      </c>
      <c r="F22" s="16">
        <v>382885</v>
      </c>
      <c r="G22" s="16">
        <v>177146</v>
      </c>
      <c r="H22" s="16">
        <v>4746</v>
      </c>
      <c r="I22" s="16">
        <v>200496</v>
      </c>
      <c r="J22" s="16">
        <v>57920</v>
      </c>
      <c r="K22" s="16">
        <v>77111</v>
      </c>
      <c r="L22" s="16">
        <v>41814</v>
      </c>
      <c r="M22" s="16">
        <v>20560</v>
      </c>
      <c r="N22" s="16">
        <v>3091</v>
      </c>
      <c r="O22" s="16">
        <v>108110</v>
      </c>
      <c r="P22" s="16">
        <v>61722</v>
      </c>
      <c r="Q22" s="16">
        <v>25984</v>
      </c>
      <c r="R22" s="16">
        <v>4311</v>
      </c>
      <c r="S22" s="16">
        <v>369</v>
      </c>
      <c r="T22" s="16">
        <v>497</v>
      </c>
      <c r="U22" s="22" t="s">
        <v>268</v>
      </c>
      <c r="V22" s="22" t="s">
        <v>268</v>
      </c>
    </row>
    <row r="23" spans="1:22">
      <c r="A23" s="21" t="s">
        <v>232</v>
      </c>
      <c r="B23" s="21" t="s">
        <v>237</v>
      </c>
      <c r="C23" s="21" t="s">
        <v>264</v>
      </c>
      <c r="D23" s="21" t="s">
        <v>682</v>
      </c>
      <c r="E23" s="16">
        <v>379088</v>
      </c>
      <c r="F23" s="16">
        <v>379088</v>
      </c>
      <c r="G23" s="16">
        <v>175058</v>
      </c>
      <c r="H23" s="16">
        <v>4670</v>
      </c>
      <c r="I23" s="16">
        <v>198884</v>
      </c>
      <c r="J23" s="16">
        <v>57237</v>
      </c>
      <c r="K23" s="16">
        <v>76486</v>
      </c>
      <c r="L23" s="16">
        <v>41625</v>
      </c>
      <c r="M23" s="16">
        <v>20457</v>
      </c>
      <c r="N23" s="16">
        <v>3079</v>
      </c>
      <c r="O23" s="16">
        <v>107074</v>
      </c>
      <c r="P23" s="16">
        <v>61278</v>
      </c>
      <c r="Q23" s="16">
        <v>25872</v>
      </c>
      <c r="R23" s="16">
        <v>4292</v>
      </c>
      <c r="S23" s="16">
        <v>368</v>
      </c>
      <c r="T23" s="16">
        <v>476</v>
      </c>
      <c r="U23" s="22" t="s">
        <v>268</v>
      </c>
      <c r="V23" s="22" t="s">
        <v>268</v>
      </c>
    </row>
    <row r="24" spans="1:22">
      <c r="A24" s="21" t="s">
        <v>232</v>
      </c>
      <c r="B24" s="21" t="s">
        <v>237</v>
      </c>
      <c r="C24" s="21" t="s">
        <v>264</v>
      </c>
      <c r="D24" s="21" t="s">
        <v>683</v>
      </c>
      <c r="E24" s="16">
        <v>191115</v>
      </c>
      <c r="F24" s="16">
        <v>191115</v>
      </c>
      <c r="G24" s="16">
        <v>159413</v>
      </c>
      <c r="H24" s="16">
        <v>496</v>
      </c>
      <c r="I24" s="16">
        <v>30979</v>
      </c>
      <c r="J24" s="16">
        <v>721</v>
      </c>
      <c r="K24" s="16">
        <v>2545</v>
      </c>
      <c r="L24" s="16">
        <v>12154</v>
      </c>
      <c r="M24" s="16">
        <v>12742</v>
      </c>
      <c r="N24" s="16">
        <v>2817</v>
      </c>
      <c r="O24" s="16">
        <v>6007</v>
      </c>
      <c r="P24" s="16">
        <v>10699</v>
      </c>
      <c r="Q24" s="16">
        <v>10987</v>
      </c>
      <c r="R24" s="16">
        <v>2955</v>
      </c>
      <c r="S24" s="16">
        <v>331</v>
      </c>
      <c r="T24" s="16">
        <v>227</v>
      </c>
      <c r="U24" s="22" t="s">
        <v>268</v>
      </c>
      <c r="V24" s="22" t="s">
        <v>268</v>
      </c>
    </row>
    <row r="25" spans="1:22">
      <c r="A25" s="21" t="s">
        <v>232</v>
      </c>
      <c r="B25" s="21" t="s">
        <v>237</v>
      </c>
      <c r="C25" s="21" t="s">
        <v>264</v>
      </c>
      <c r="D25" s="21" t="s">
        <v>684</v>
      </c>
      <c r="E25" s="16">
        <v>21297</v>
      </c>
      <c r="F25" s="16">
        <v>21297</v>
      </c>
      <c r="G25" s="16">
        <v>51</v>
      </c>
      <c r="H25" s="16">
        <v>946</v>
      </c>
      <c r="I25" s="16">
        <v>20300</v>
      </c>
      <c r="J25" s="16">
        <v>507</v>
      </c>
      <c r="K25" s="16">
        <v>17521</v>
      </c>
      <c r="L25" s="16">
        <v>2041</v>
      </c>
      <c r="M25" s="16">
        <v>231</v>
      </c>
      <c r="N25" s="22" t="s">
        <v>268</v>
      </c>
      <c r="O25" s="16">
        <v>9574</v>
      </c>
      <c r="P25" s="16">
        <v>9828</v>
      </c>
      <c r="Q25" s="16">
        <v>868</v>
      </c>
      <c r="R25" s="16">
        <v>30</v>
      </c>
      <c r="S25" s="22" t="s">
        <v>268</v>
      </c>
      <c r="T25" s="22" t="s">
        <v>268</v>
      </c>
      <c r="U25" s="22" t="s">
        <v>268</v>
      </c>
      <c r="V25" s="22" t="s">
        <v>268</v>
      </c>
    </row>
    <row r="26" spans="1:22">
      <c r="A26" s="21" t="s">
        <v>232</v>
      </c>
      <c r="B26" s="21" t="s">
        <v>237</v>
      </c>
      <c r="C26" s="21" t="s">
        <v>264</v>
      </c>
      <c r="D26" s="21" t="s">
        <v>685</v>
      </c>
      <c r="E26" s="16">
        <v>153648</v>
      </c>
      <c r="F26" s="16">
        <v>153648</v>
      </c>
      <c r="G26" s="16">
        <v>14650</v>
      </c>
      <c r="H26" s="16">
        <v>3071</v>
      </c>
      <c r="I26" s="16">
        <v>135760</v>
      </c>
      <c r="J26" s="16">
        <v>53446</v>
      </c>
      <c r="K26" s="16">
        <v>50200</v>
      </c>
      <c r="L26" s="16">
        <v>25230</v>
      </c>
      <c r="M26" s="16">
        <v>6680</v>
      </c>
      <c r="N26" s="16">
        <v>204</v>
      </c>
      <c r="O26" s="16">
        <v>85370</v>
      </c>
      <c r="P26" s="16">
        <v>36549</v>
      </c>
      <c r="Q26" s="16">
        <v>12713</v>
      </c>
      <c r="R26" s="16">
        <v>1099</v>
      </c>
      <c r="S26" s="16">
        <v>29</v>
      </c>
      <c r="T26" s="16">
        <v>167</v>
      </c>
      <c r="U26" s="22" t="s">
        <v>268</v>
      </c>
      <c r="V26" s="22" t="s">
        <v>268</v>
      </c>
    </row>
    <row r="27" spans="1:22">
      <c r="A27" s="21" t="s">
        <v>232</v>
      </c>
      <c r="B27" s="21" t="s">
        <v>237</v>
      </c>
      <c r="C27" s="21" t="s">
        <v>264</v>
      </c>
      <c r="D27" s="21" t="s">
        <v>686</v>
      </c>
      <c r="E27" s="16">
        <v>13028</v>
      </c>
      <c r="F27" s="16">
        <v>13028</v>
      </c>
      <c r="G27" s="16">
        <v>944</v>
      </c>
      <c r="H27" s="16">
        <v>157</v>
      </c>
      <c r="I27" s="16">
        <v>11845</v>
      </c>
      <c r="J27" s="16">
        <v>2563</v>
      </c>
      <c r="K27" s="16">
        <v>6220</v>
      </c>
      <c r="L27" s="16">
        <v>2200</v>
      </c>
      <c r="M27" s="16">
        <v>804</v>
      </c>
      <c r="N27" s="16">
        <v>58</v>
      </c>
      <c r="O27" s="16">
        <v>6123</v>
      </c>
      <c r="P27" s="16">
        <v>4202</v>
      </c>
      <c r="Q27" s="16">
        <v>1304</v>
      </c>
      <c r="R27" s="16">
        <v>208</v>
      </c>
      <c r="S27" s="16">
        <v>8</v>
      </c>
      <c r="T27" s="16">
        <v>82</v>
      </c>
      <c r="U27" s="22" t="s">
        <v>268</v>
      </c>
      <c r="V27" s="22" t="s">
        <v>268</v>
      </c>
    </row>
    <row r="28" spans="1:22">
      <c r="A28" s="21" t="s">
        <v>232</v>
      </c>
      <c r="B28" s="21" t="s">
        <v>237</v>
      </c>
      <c r="C28" s="21" t="s">
        <v>264</v>
      </c>
      <c r="D28" s="21" t="s">
        <v>687</v>
      </c>
      <c r="E28" s="16">
        <v>3797</v>
      </c>
      <c r="F28" s="16">
        <v>3797</v>
      </c>
      <c r="G28" s="16">
        <v>2088</v>
      </c>
      <c r="H28" s="16">
        <v>76</v>
      </c>
      <c r="I28" s="16">
        <v>1612</v>
      </c>
      <c r="J28" s="16">
        <v>683</v>
      </c>
      <c r="K28" s="16">
        <v>625</v>
      </c>
      <c r="L28" s="16">
        <v>189</v>
      </c>
      <c r="M28" s="16">
        <v>103</v>
      </c>
      <c r="N28" s="16">
        <v>12</v>
      </c>
      <c r="O28" s="16">
        <v>1036</v>
      </c>
      <c r="P28" s="16">
        <v>444</v>
      </c>
      <c r="Q28" s="16">
        <v>112</v>
      </c>
      <c r="R28" s="16">
        <v>19</v>
      </c>
      <c r="S28" s="16">
        <v>1</v>
      </c>
      <c r="T28" s="16">
        <v>21</v>
      </c>
      <c r="U28" s="22" t="s">
        <v>268</v>
      </c>
      <c r="V28" s="22" t="s">
        <v>268</v>
      </c>
    </row>
    <row r="29" spans="1:22">
      <c r="A29" s="21" t="s">
        <v>232</v>
      </c>
      <c r="B29" s="21" t="s">
        <v>237</v>
      </c>
      <c r="C29" s="21" t="s">
        <v>264</v>
      </c>
      <c r="D29" s="21" t="s">
        <v>688</v>
      </c>
      <c r="E29" s="16">
        <v>4057</v>
      </c>
      <c r="F29" s="22" t="s">
        <v>268</v>
      </c>
      <c r="G29" s="22" t="s">
        <v>268</v>
      </c>
      <c r="H29" s="22" t="s">
        <v>268</v>
      </c>
      <c r="I29" s="22" t="s">
        <v>268</v>
      </c>
      <c r="J29" s="22" t="s">
        <v>268</v>
      </c>
      <c r="K29" s="22" t="s">
        <v>268</v>
      </c>
      <c r="L29" s="22" t="s">
        <v>268</v>
      </c>
      <c r="M29" s="22" t="s">
        <v>268</v>
      </c>
      <c r="N29" s="22" t="s">
        <v>268</v>
      </c>
      <c r="O29" s="22" t="s">
        <v>268</v>
      </c>
      <c r="P29" s="22" t="s">
        <v>268</v>
      </c>
      <c r="Q29" s="22" t="s">
        <v>268</v>
      </c>
      <c r="R29" s="22" t="s">
        <v>268</v>
      </c>
      <c r="S29" s="22" t="s">
        <v>268</v>
      </c>
      <c r="T29" s="22" t="s">
        <v>268</v>
      </c>
      <c r="U29" s="16">
        <v>4057</v>
      </c>
      <c r="V29" s="22" t="s">
        <v>268</v>
      </c>
    </row>
    <row r="30" spans="1:22">
      <c r="A30" s="21" t="s">
        <v>232</v>
      </c>
      <c r="B30" s="21" t="s">
        <v>237</v>
      </c>
      <c r="C30" s="21" t="s">
        <v>264</v>
      </c>
      <c r="D30" s="21" t="s">
        <v>689</v>
      </c>
      <c r="E30" s="22" t="s">
        <v>268</v>
      </c>
      <c r="F30" s="22" t="s">
        <v>268</v>
      </c>
      <c r="G30" s="22" t="s">
        <v>268</v>
      </c>
      <c r="H30" s="22" t="s">
        <v>268</v>
      </c>
      <c r="I30" s="22" t="s">
        <v>268</v>
      </c>
      <c r="J30" s="22" t="s">
        <v>268</v>
      </c>
      <c r="K30" s="22" t="s">
        <v>268</v>
      </c>
      <c r="L30" s="22" t="s">
        <v>268</v>
      </c>
      <c r="M30" s="22" t="s">
        <v>268</v>
      </c>
      <c r="N30" s="22" t="s">
        <v>268</v>
      </c>
      <c r="O30" s="22" t="s">
        <v>268</v>
      </c>
      <c r="P30" s="22" t="s">
        <v>268</v>
      </c>
      <c r="Q30" s="22" t="s">
        <v>268</v>
      </c>
      <c r="R30" s="22" t="s">
        <v>268</v>
      </c>
      <c r="S30" s="22" t="s">
        <v>268</v>
      </c>
      <c r="T30" s="22" t="s">
        <v>268</v>
      </c>
      <c r="U30" s="22" t="s">
        <v>268</v>
      </c>
      <c r="V30" s="22" t="s">
        <v>268</v>
      </c>
    </row>
    <row r="31" spans="1:22">
      <c r="A31" s="21" t="s">
        <v>240</v>
      </c>
      <c r="B31" s="21" t="s">
        <v>237</v>
      </c>
      <c r="C31" s="21" t="s">
        <v>265</v>
      </c>
      <c r="D31" s="21" t="s">
        <v>214</v>
      </c>
      <c r="E31" s="16">
        <v>23147</v>
      </c>
      <c r="F31" s="16">
        <v>22792</v>
      </c>
      <c r="G31" s="16">
        <v>14304</v>
      </c>
      <c r="H31" s="16">
        <v>452</v>
      </c>
      <c r="I31" s="16">
        <v>8006</v>
      </c>
      <c r="J31" s="16">
        <v>3749</v>
      </c>
      <c r="K31" s="16">
        <v>3254</v>
      </c>
      <c r="L31" s="16">
        <v>423</v>
      </c>
      <c r="M31" s="16">
        <v>580</v>
      </c>
      <c r="N31" s="22" t="s">
        <v>268</v>
      </c>
      <c r="O31" s="16">
        <v>5797</v>
      </c>
      <c r="P31" s="16">
        <v>1706</v>
      </c>
      <c r="Q31" s="16">
        <v>387</v>
      </c>
      <c r="R31" s="16">
        <v>116</v>
      </c>
      <c r="S31" s="22" t="s">
        <v>268</v>
      </c>
      <c r="T31" s="16">
        <v>30</v>
      </c>
      <c r="U31" s="16">
        <v>355</v>
      </c>
      <c r="V31" s="22" t="s">
        <v>268</v>
      </c>
    </row>
    <row r="32" spans="1:22">
      <c r="A32" s="21" t="s">
        <v>240</v>
      </c>
      <c r="B32" s="21" t="s">
        <v>237</v>
      </c>
      <c r="C32" s="21" t="s">
        <v>265</v>
      </c>
      <c r="D32" s="21" t="s">
        <v>681</v>
      </c>
      <c r="E32" s="16">
        <v>22792</v>
      </c>
      <c r="F32" s="16">
        <v>22792</v>
      </c>
      <c r="G32" s="16">
        <v>14304</v>
      </c>
      <c r="H32" s="16">
        <v>452</v>
      </c>
      <c r="I32" s="16">
        <v>8006</v>
      </c>
      <c r="J32" s="16">
        <v>3749</v>
      </c>
      <c r="K32" s="16">
        <v>3254</v>
      </c>
      <c r="L32" s="16">
        <v>423</v>
      </c>
      <c r="M32" s="16">
        <v>580</v>
      </c>
      <c r="N32" s="22" t="s">
        <v>268</v>
      </c>
      <c r="O32" s="16">
        <v>5797</v>
      </c>
      <c r="P32" s="16">
        <v>1706</v>
      </c>
      <c r="Q32" s="16">
        <v>387</v>
      </c>
      <c r="R32" s="16">
        <v>116</v>
      </c>
      <c r="S32" s="22" t="s">
        <v>268</v>
      </c>
      <c r="T32" s="16">
        <v>30</v>
      </c>
      <c r="U32" s="22" t="s">
        <v>268</v>
      </c>
      <c r="V32" s="22" t="s">
        <v>268</v>
      </c>
    </row>
    <row r="33" spans="1:22">
      <c r="A33" s="21" t="s">
        <v>240</v>
      </c>
      <c r="B33" s="21" t="s">
        <v>237</v>
      </c>
      <c r="C33" s="21" t="s">
        <v>265</v>
      </c>
      <c r="D33" s="21" t="s">
        <v>682</v>
      </c>
      <c r="E33" s="16">
        <v>22555</v>
      </c>
      <c r="F33" s="16">
        <v>22555</v>
      </c>
      <c r="G33" s="16">
        <v>14146</v>
      </c>
      <c r="H33" s="16">
        <v>449</v>
      </c>
      <c r="I33" s="16">
        <v>7934</v>
      </c>
      <c r="J33" s="16">
        <v>3719</v>
      </c>
      <c r="K33" s="16">
        <v>3220</v>
      </c>
      <c r="L33" s="16">
        <v>420</v>
      </c>
      <c r="M33" s="16">
        <v>575</v>
      </c>
      <c r="N33" s="22" t="s">
        <v>268</v>
      </c>
      <c r="O33" s="16">
        <v>5741</v>
      </c>
      <c r="P33" s="16">
        <v>1694</v>
      </c>
      <c r="Q33" s="16">
        <v>384</v>
      </c>
      <c r="R33" s="16">
        <v>115</v>
      </c>
      <c r="S33" s="22" t="s">
        <v>268</v>
      </c>
      <c r="T33" s="16">
        <v>26</v>
      </c>
      <c r="U33" s="22" t="s">
        <v>268</v>
      </c>
      <c r="V33" s="22" t="s">
        <v>268</v>
      </c>
    </row>
    <row r="34" spans="1:22">
      <c r="A34" s="21" t="s">
        <v>240</v>
      </c>
      <c r="B34" s="21" t="s">
        <v>237</v>
      </c>
      <c r="C34" s="21" t="s">
        <v>265</v>
      </c>
      <c r="D34" s="21" t="s">
        <v>683</v>
      </c>
      <c r="E34" s="16">
        <v>13167</v>
      </c>
      <c r="F34" s="16">
        <v>13167</v>
      </c>
      <c r="G34" s="16">
        <v>12504</v>
      </c>
      <c r="H34" s="16">
        <v>13</v>
      </c>
      <c r="I34" s="16">
        <v>640</v>
      </c>
      <c r="J34" s="16">
        <v>43</v>
      </c>
      <c r="K34" s="16">
        <v>28</v>
      </c>
      <c r="L34" s="16">
        <v>115</v>
      </c>
      <c r="M34" s="16">
        <v>454</v>
      </c>
      <c r="N34" s="22" t="s">
        <v>268</v>
      </c>
      <c r="O34" s="16">
        <v>128</v>
      </c>
      <c r="P34" s="16">
        <v>188</v>
      </c>
      <c r="Q34" s="16">
        <v>238</v>
      </c>
      <c r="R34" s="16">
        <v>86</v>
      </c>
      <c r="S34" s="22" t="s">
        <v>268</v>
      </c>
      <c r="T34" s="16">
        <v>10</v>
      </c>
      <c r="U34" s="22" t="s">
        <v>268</v>
      </c>
      <c r="V34" s="22" t="s">
        <v>268</v>
      </c>
    </row>
    <row r="35" spans="1:22">
      <c r="A35" s="21" t="s">
        <v>240</v>
      </c>
      <c r="B35" s="21" t="s">
        <v>237</v>
      </c>
      <c r="C35" s="21" t="s">
        <v>265</v>
      </c>
      <c r="D35" s="21" t="s">
        <v>684</v>
      </c>
      <c r="E35" s="16">
        <v>677</v>
      </c>
      <c r="F35" s="16">
        <v>677</v>
      </c>
      <c r="G35" s="16">
        <v>7</v>
      </c>
      <c r="H35" s="16">
        <v>175</v>
      </c>
      <c r="I35" s="16">
        <v>495</v>
      </c>
      <c r="J35" s="16">
        <v>37</v>
      </c>
      <c r="K35" s="16">
        <v>458</v>
      </c>
      <c r="L35" s="22" t="s">
        <v>268</v>
      </c>
      <c r="M35" s="22" t="s">
        <v>268</v>
      </c>
      <c r="N35" s="22" t="s">
        <v>268</v>
      </c>
      <c r="O35" s="16">
        <v>299</v>
      </c>
      <c r="P35" s="16">
        <v>196</v>
      </c>
      <c r="Q35" s="22" t="s">
        <v>268</v>
      </c>
      <c r="R35" s="22" t="s">
        <v>268</v>
      </c>
      <c r="S35" s="22" t="s">
        <v>268</v>
      </c>
      <c r="T35" s="22" t="s">
        <v>268</v>
      </c>
      <c r="U35" s="22" t="s">
        <v>268</v>
      </c>
      <c r="V35" s="22" t="s">
        <v>268</v>
      </c>
    </row>
    <row r="36" spans="1:22">
      <c r="A36" s="21" t="s">
        <v>240</v>
      </c>
      <c r="B36" s="21" t="s">
        <v>237</v>
      </c>
      <c r="C36" s="21" t="s">
        <v>265</v>
      </c>
      <c r="D36" s="21" t="s">
        <v>685</v>
      </c>
      <c r="E36" s="16">
        <v>7922</v>
      </c>
      <c r="F36" s="16">
        <v>7922</v>
      </c>
      <c r="G36" s="16">
        <v>1557</v>
      </c>
      <c r="H36" s="16">
        <v>247</v>
      </c>
      <c r="I36" s="16">
        <v>6111</v>
      </c>
      <c r="J36" s="16">
        <v>3397</v>
      </c>
      <c r="K36" s="16">
        <v>2363</v>
      </c>
      <c r="L36" s="16">
        <v>258</v>
      </c>
      <c r="M36" s="16">
        <v>93</v>
      </c>
      <c r="N36" s="22" t="s">
        <v>268</v>
      </c>
      <c r="O36" s="16">
        <v>4861</v>
      </c>
      <c r="P36" s="16">
        <v>1103</v>
      </c>
      <c r="Q36" s="16">
        <v>126</v>
      </c>
      <c r="R36" s="16">
        <v>21</v>
      </c>
      <c r="S36" s="22" t="s">
        <v>268</v>
      </c>
      <c r="T36" s="16">
        <v>7</v>
      </c>
      <c r="U36" s="22" t="s">
        <v>268</v>
      </c>
      <c r="V36" s="22" t="s">
        <v>268</v>
      </c>
    </row>
    <row r="37" spans="1:22">
      <c r="A37" s="21" t="s">
        <v>240</v>
      </c>
      <c r="B37" s="21" t="s">
        <v>237</v>
      </c>
      <c r="C37" s="21" t="s">
        <v>265</v>
      </c>
      <c r="D37" s="21" t="s">
        <v>686</v>
      </c>
      <c r="E37" s="16">
        <v>789</v>
      </c>
      <c r="F37" s="16">
        <v>789</v>
      </c>
      <c r="G37" s="16">
        <v>78</v>
      </c>
      <c r="H37" s="16">
        <v>14</v>
      </c>
      <c r="I37" s="16">
        <v>688</v>
      </c>
      <c r="J37" s="16">
        <v>242</v>
      </c>
      <c r="K37" s="16">
        <v>371</v>
      </c>
      <c r="L37" s="16">
        <v>47</v>
      </c>
      <c r="M37" s="16">
        <v>28</v>
      </c>
      <c r="N37" s="22" t="s">
        <v>268</v>
      </c>
      <c r="O37" s="16">
        <v>453</v>
      </c>
      <c r="P37" s="16">
        <v>207</v>
      </c>
      <c r="Q37" s="16">
        <v>20</v>
      </c>
      <c r="R37" s="16">
        <v>8</v>
      </c>
      <c r="S37" s="22" t="s">
        <v>268</v>
      </c>
      <c r="T37" s="16">
        <v>9</v>
      </c>
      <c r="U37" s="22" t="s">
        <v>268</v>
      </c>
      <c r="V37" s="22" t="s">
        <v>268</v>
      </c>
    </row>
    <row r="38" spans="1:22">
      <c r="A38" s="21" t="s">
        <v>240</v>
      </c>
      <c r="B38" s="21" t="s">
        <v>237</v>
      </c>
      <c r="C38" s="21" t="s">
        <v>265</v>
      </c>
      <c r="D38" s="21" t="s">
        <v>687</v>
      </c>
      <c r="E38" s="16">
        <v>237</v>
      </c>
      <c r="F38" s="16">
        <v>237</v>
      </c>
      <c r="G38" s="16">
        <v>158</v>
      </c>
      <c r="H38" s="16">
        <v>3</v>
      </c>
      <c r="I38" s="16">
        <v>72</v>
      </c>
      <c r="J38" s="16">
        <v>30</v>
      </c>
      <c r="K38" s="16">
        <v>34</v>
      </c>
      <c r="L38" s="16">
        <v>3</v>
      </c>
      <c r="M38" s="16">
        <v>5</v>
      </c>
      <c r="N38" s="22" t="s">
        <v>268</v>
      </c>
      <c r="O38" s="16">
        <v>56</v>
      </c>
      <c r="P38" s="16">
        <v>12</v>
      </c>
      <c r="Q38" s="16">
        <v>3</v>
      </c>
      <c r="R38" s="16">
        <v>1</v>
      </c>
      <c r="S38" s="22" t="s">
        <v>268</v>
      </c>
      <c r="T38" s="16">
        <v>4</v>
      </c>
      <c r="U38" s="22" t="s">
        <v>268</v>
      </c>
      <c r="V38" s="22" t="s">
        <v>268</v>
      </c>
    </row>
    <row r="39" spans="1:22">
      <c r="A39" s="21" t="s">
        <v>240</v>
      </c>
      <c r="B39" s="21" t="s">
        <v>237</v>
      </c>
      <c r="C39" s="21" t="s">
        <v>265</v>
      </c>
      <c r="D39" s="21" t="s">
        <v>688</v>
      </c>
      <c r="E39" s="16">
        <v>355</v>
      </c>
      <c r="F39" s="22" t="s">
        <v>268</v>
      </c>
      <c r="G39" s="22" t="s">
        <v>268</v>
      </c>
      <c r="H39" s="22" t="s">
        <v>268</v>
      </c>
      <c r="I39" s="22" t="s">
        <v>268</v>
      </c>
      <c r="J39" s="22" t="s">
        <v>268</v>
      </c>
      <c r="K39" s="22" t="s">
        <v>268</v>
      </c>
      <c r="L39" s="22" t="s">
        <v>268</v>
      </c>
      <c r="M39" s="22" t="s">
        <v>268</v>
      </c>
      <c r="N39" s="22" t="s">
        <v>268</v>
      </c>
      <c r="O39" s="22" t="s">
        <v>268</v>
      </c>
      <c r="P39" s="22" t="s">
        <v>268</v>
      </c>
      <c r="Q39" s="22" t="s">
        <v>268</v>
      </c>
      <c r="R39" s="22" t="s">
        <v>268</v>
      </c>
      <c r="S39" s="22" t="s">
        <v>268</v>
      </c>
      <c r="T39" s="22" t="s">
        <v>268</v>
      </c>
      <c r="U39" s="16">
        <v>355</v>
      </c>
      <c r="V39" s="22" t="s">
        <v>268</v>
      </c>
    </row>
    <row r="40" spans="1:22">
      <c r="A40" s="21" t="s">
        <v>240</v>
      </c>
      <c r="B40" s="21" t="s">
        <v>237</v>
      </c>
      <c r="C40" s="21" t="s">
        <v>265</v>
      </c>
      <c r="D40" s="21" t="s">
        <v>689</v>
      </c>
      <c r="E40" s="22" t="s">
        <v>268</v>
      </c>
      <c r="F40" s="22" t="s">
        <v>268</v>
      </c>
      <c r="G40" s="22" t="s">
        <v>268</v>
      </c>
      <c r="H40" s="22" t="s">
        <v>268</v>
      </c>
      <c r="I40" s="22" t="s">
        <v>268</v>
      </c>
      <c r="J40" s="22" t="s">
        <v>268</v>
      </c>
      <c r="K40" s="22" t="s">
        <v>268</v>
      </c>
      <c r="L40" s="22" t="s">
        <v>268</v>
      </c>
      <c r="M40" s="22" t="s">
        <v>268</v>
      </c>
      <c r="N40" s="22" t="s">
        <v>268</v>
      </c>
      <c r="O40" s="22" t="s">
        <v>268</v>
      </c>
      <c r="P40" s="22" t="s">
        <v>268</v>
      </c>
      <c r="Q40" s="22" t="s">
        <v>268</v>
      </c>
      <c r="R40" s="22" t="s">
        <v>268</v>
      </c>
      <c r="S40" s="22" t="s">
        <v>268</v>
      </c>
      <c r="T40" s="22" t="s">
        <v>268</v>
      </c>
      <c r="U40" s="22" t="s">
        <v>268</v>
      </c>
      <c r="V4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1" orientation="portrait" r:id="rId1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0B46B9-5772-4FA6-BBB4-EE6B7E8B0888}">
  <sheetPr>
    <pageSetUpPr fitToPage="1"/>
  </sheetPr>
  <dimension ref="A1:V40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33.625" style="20" bestFit="1" customWidth="1"/>
    <col min="5" max="16384" width="12.625" style="20"/>
  </cols>
  <sheetData>
    <row r="1" spans="1:22" s="11" customFormat="1">
      <c r="A1" s="11" t="s">
        <v>192</v>
      </c>
    </row>
    <row r="2" spans="1:22" s="11" customFormat="1">
      <c r="A2" s="11" t="s">
        <v>714</v>
      </c>
    </row>
    <row r="3" spans="1:22" s="11" customFormat="1"/>
    <row r="4" spans="1:22" s="11" customFormat="1" outlineLevel="1">
      <c r="A4" s="11" t="s">
        <v>510</v>
      </c>
    </row>
    <row r="5" spans="1:22" s="11" customFormat="1">
      <c r="E5" s="12" t="s">
        <v>495</v>
      </c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  <c r="R5" s="12" t="s">
        <v>495</v>
      </c>
      <c r="S5" s="12" t="s">
        <v>495</v>
      </c>
      <c r="T5" s="12" t="s">
        <v>495</v>
      </c>
      <c r="U5" s="12" t="s">
        <v>495</v>
      </c>
      <c r="V5" s="12" t="s">
        <v>495</v>
      </c>
    </row>
    <row r="6" spans="1:22" s="11" customFormat="1" ht="36">
      <c r="E6" s="12" t="s">
        <v>696</v>
      </c>
      <c r="F6" s="12" t="s">
        <v>696</v>
      </c>
      <c r="G6" s="12" t="s">
        <v>696</v>
      </c>
      <c r="H6" s="12" t="s">
        <v>696</v>
      </c>
      <c r="I6" s="12" t="s">
        <v>696</v>
      </c>
      <c r="J6" s="12" t="s">
        <v>696</v>
      </c>
      <c r="K6" s="12" t="s">
        <v>696</v>
      </c>
      <c r="L6" s="12" t="s">
        <v>696</v>
      </c>
      <c r="M6" s="12" t="s">
        <v>696</v>
      </c>
      <c r="N6" s="12" t="s">
        <v>696</v>
      </c>
      <c r="O6" s="12" t="s">
        <v>696</v>
      </c>
      <c r="P6" s="12" t="s">
        <v>696</v>
      </c>
      <c r="Q6" s="12" t="s">
        <v>696</v>
      </c>
      <c r="R6" s="12" t="s">
        <v>696</v>
      </c>
      <c r="S6" s="12" t="s">
        <v>696</v>
      </c>
      <c r="T6" s="12" t="s">
        <v>696</v>
      </c>
      <c r="U6" s="12" t="s">
        <v>696</v>
      </c>
      <c r="V6" s="12" t="s">
        <v>696</v>
      </c>
    </row>
    <row r="7" spans="1:22" s="11" customFormat="1">
      <c r="E7" s="12">
        <v>1</v>
      </c>
      <c r="F7" s="12">
        <v>1</v>
      </c>
      <c r="G7" s="12">
        <v>2</v>
      </c>
      <c r="H7" s="12">
        <v>2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3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2</v>
      </c>
      <c r="U7" s="12">
        <v>1</v>
      </c>
      <c r="V7" s="12">
        <v>1</v>
      </c>
    </row>
    <row r="8" spans="1:22" s="11" customFormat="1" ht="60">
      <c r="E8" s="12" t="s">
        <v>214</v>
      </c>
      <c r="F8" s="12" t="s">
        <v>681</v>
      </c>
      <c r="G8" s="12" t="s">
        <v>697</v>
      </c>
      <c r="H8" s="12" t="s">
        <v>698</v>
      </c>
      <c r="I8" s="12" t="s">
        <v>699</v>
      </c>
      <c r="J8" s="12" t="s">
        <v>700</v>
      </c>
      <c r="K8" s="12" t="s">
        <v>701</v>
      </c>
      <c r="L8" s="12" t="s">
        <v>702</v>
      </c>
      <c r="M8" s="12" t="s">
        <v>703</v>
      </c>
      <c r="N8" s="12" t="s">
        <v>704</v>
      </c>
      <c r="O8" s="12" t="s">
        <v>705</v>
      </c>
      <c r="P8" s="12" t="s">
        <v>706</v>
      </c>
      <c r="Q8" s="12" t="s">
        <v>707</v>
      </c>
      <c r="R8" s="12" t="s">
        <v>708</v>
      </c>
      <c r="S8" s="12" t="s">
        <v>709</v>
      </c>
      <c r="T8" s="12" t="s">
        <v>710</v>
      </c>
      <c r="U8" s="12" t="s">
        <v>688</v>
      </c>
      <c r="V8" s="12" t="s">
        <v>689</v>
      </c>
    </row>
    <row r="9" spans="1:22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</row>
    <row r="10" spans="1:22" s="11" customFormat="1">
      <c r="A10" s="14" t="s">
        <v>224</v>
      </c>
      <c r="B10" s="14" t="s">
        <v>259</v>
      </c>
      <c r="C10" s="14" t="s">
        <v>260</v>
      </c>
      <c r="D10" s="14" t="s">
        <v>68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</row>
    <row r="11" spans="1:22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86801073</v>
      </c>
      <c r="F11" s="16">
        <v>86153336</v>
      </c>
      <c r="G11" s="16">
        <v>45740827</v>
      </c>
      <c r="H11" s="16">
        <v>1171488</v>
      </c>
      <c r="I11" s="16">
        <v>39140221</v>
      </c>
      <c r="J11" s="16">
        <v>8150116</v>
      </c>
      <c r="K11" s="16">
        <v>13993140</v>
      </c>
      <c r="L11" s="16">
        <v>9434282</v>
      </c>
      <c r="M11" s="16">
        <v>5267322</v>
      </c>
      <c r="N11" s="16">
        <v>2295361</v>
      </c>
      <c r="O11" s="16">
        <v>18207227</v>
      </c>
      <c r="P11" s="16">
        <v>13059342</v>
      </c>
      <c r="Q11" s="16">
        <v>5933047</v>
      </c>
      <c r="R11" s="16">
        <v>1406660</v>
      </c>
      <c r="S11" s="16">
        <v>533945</v>
      </c>
      <c r="T11" s="16">
        <v>100800</v>
      </c>
      <c r="U11" s="16">
        <v>647691</v>
      </c>
      <c r="V11" s="16">
        <v>46</v>
      </c>
    </row>
    <row r="12" spans="1:22">
      <c r="A12" s="21" t="s">
        <v>232</v>
      </c>
      <c r="B12" s="21" t="s">
        <v>233</v>
      </c>
      <c r="C12" s="21" t="s">
        <v>262</v>
      </c>
      <c r="D12" s="21" t="s">
        <v>681</v>
      </c>
      <c r="E12" s="16">
        <v>86153336</v>
      </c>
      <c r="F12" s="16">
        <v>86153336</v>
      </c>
      <c r="G12" s="16">
        <v>45740827</v>
      </c>
      <c r="H12" s="16">
        <v>1171488</v>
      </c>
      <c r="I12" s="16">
        <v>39140221</v>
      </c>
      <c r="J12" s="16">
        <v>8150116</v>
      </c>
      <c r="K12" s="16">
        <v>13993140</v>
      </c>
      <c r="L12" s="16">
        <v>9434282</v>
      </c>
      <c r="M12" s="16">
        <v>5267322</v>
      </c>
      <c r="N12" s="16">
        <v>2295361</v>
      </c>
      <c r="O12" s="16">
        <v>18207227</v>
      </c>
      <c r="P12" s="16">
        <v>13059342</v>
      </c>
      <c r="Q12" s="16">
        <v>5933047</v>
      </c>
      <c r="R12" s="16">
        <v>1406660</v>
      </c>
      <c r="S12" s="16">
        <v>533945</v>
      </c>
      <c r="T12" s="16">
        <v>100800</v>
      </c>
      <c r="U12" s="22" t="s">
        <v>268</v>
      </c>
      <c r="V12" s="22" t="s">
        <v>268</v>
      </c>
    </row>
    <row r="13" spans="1:22">
      <c r="A13" s="21" t="s">
        <v>232</v>
      </c>
      <c r="B13" s="21" t="s">
        <v>233</v>
      </c>
      <c r="C13" s="21" t="s">
        <v>262</v>
      </c>
      <c r="D13" s="21" t="s">
        <v>682</v>
      </c>
      <c r="E13" s="16">
        <v>85269920</v>
      </c>
      <c r="F13" s="16">
        <v>85269920</v>
      </c>
      <c r="G13" s="16">
        <v>45212474</v>
      </c>
      <c r="H13" s="16">
        <v>1153596</v>
      </c>
      <c r="I13" s="16">
        <v>38808780</v>
      </c>
      <c r="J13" s="16">
        <v>8053536</v>
      </c>
      <c r="K13" s="16">
        <v>13863124</v>
      </c>
      <c r="L13" s="16">
        <v>9372387</v>
      </c>
      <c r="M13" s="16">
        <v>5235754</v>
      </c>
      <c r="N13" s="16">
        <v>2283979</v>
      </c>
      <c r="O13" s="16">
        <v>18028231</v>
      </c>
      <c r="P13" s="16">
        <v>12954465</v>
      </c>
      <c r="Q13" s="16">
        <v>5896748</v>
      </c>
      <c r="R13" s="16">
        <v>1398923</v>
      </c>
      <c r="S13" s="16">
        <v>530413</v>
      </c>
      <c r="T13" s="16">
        <v>95070</v>
      </c>
      <c r="U13" s="22" t="s">
        <v>268</v>
      </c>
      <c r="V13" s="22" t="s">
        <v>268</v>
      </c>
    </row>
    <row r="14" spans="1:22">
      <c r="A14" s="21" t="s">
        <v>232</v>
      </c>
      <c r="B14" s="21" t="s">
        <v>233</v>
      </c>
      <c r="C14" s="21" t="s">
        <v>262</v>
      </c>
      <c r="D14" s="21" t="s">
        <v>683</v>
      </c>
      <c r="E14" s="16">
        <v>56192976</v>
      </c>
      <c r="F14" s="16">
        <v>56192976</v>
      </c>
      <c r="G14" s="16">
        <v>43119309</v>
      </c>
      <c r="H14" s="16">
        <v>317417</v>
      </c>
      <c r="I14" s="16">
        <v>12700705</v>
      </c>
      <c r="J14" s="16">
        <v>236948</v>
      </c>
      <c r="K14" s="16">
        <v>2449877</v>
      </c>
      <c r="L14" s="16">
        <v>4846465</v>
      </c>
      <c r="M14" s="16">
        <v>3322394</v>
      </c>
      <c r="N14" s="16">
        <v>1845021</v>
      </c>
      <c r="O14" s="16">
        <v>3151765</v>
      </c>
      <c r="P14" s="16">
        <v>4721954</v>
      </c>
      <c r="Q14" s="16">
        <v>3454649</v>
      </c>
      <c r="R14" s="16">
        <v>960370</v>
      </c>
      <c r="S14" s="16">
        <v>411967</v>
      </c>
      <c r="T14" s="16">
        <v>55545</v>
      </c>
      <c r="U14" s="22" t="s">
        <v>268</v>
      </c>
      <c r="V14" s="22" t="s">
        <v>268</v>
      </c>
    </row>
    <row r="15" spans="1:22">
      <c r="A15" s="21" t="s">
        <v>232</v>
      </c>
      <c r="B15" s="21" t="s">
        <v>233</v>
      </c>
      <c r="C15" s="21" t="s">
        <v>262</v>
      </c>
      <c r="D15" s="21" t="s">
        <v>684</v>
      </c>
      <c r="E15" s="16">
        <v>4010718</v>
      </c>
      <c r="F15" s="16">
        <v>4010718</v>
      </c>
      <c r="G15" s="16">
        <v>12592</v>
      </c>
      <c r="H15" s="16">
        <v>62082</v>
      </c>
      <c r="I15" s="16">
        <v>3936044</v>
      </c>
      <c r="J15" s="16">
        <v>26171</v>
      </c>
      <c r="K15" s="16">
        <v>2197381</v>
      </c>
      <c r="L15" s="16">
        <v>847675</v>
      </c>
      <c r="M15" s="16">
        <v>765440</v>
      </c>
      <c r="N15" s="16">
        <v>99377</v>
      </c>
      <c r="O15" s="16">
        <v>1318758</v>
      </c>
      <c r="P15" s="16">
        <v>1759348</v>
      </c>
      <c r="Q15" s="16">
        <v>650892</v>
      </c>
      <c r="R15" s="16">
        <v>170718</v>
      </c>
      <c r="S15" s="16">
        <v>36328</v>
      </c>
      <c r="T15" s="22" t="s">
        <v>268</v>
      </c>
      <c r="U15" s="22" t="s">
        <v>268</v>
      </c>
      <c r="V15" s="22" t="s">
        <v>268</v>
      </c>
    </row>
    <row r="16" spans="1:22">
      <c r="A16" s="21" t="s">
        <v>232</v>
      </c>
      <c r="B16" s="21" t="s">
        <v>233</v>
      </c>
      <c r="C16" s="21" t="s">
        <v>262</v>
      </c>
      <c r="D16" s="21" t="s">
        <v>685</v>
      </c>
      <c r="E16" s="16">
        <v>22828457</v>
      </c>
      <c r="F16" s="16">
        <v>22828457</v>
      </c>
      <c r="G16" s="16">
        <v>1895629</v>
      </c>
      <c r="H16" s="16">
        <v>728630</v>
      </c>
      <c r="I16" s="16">
        <v>20179184</v>
      </c>
      <c r="J16" s="16">
        <v>7437686</v>
      </c>
      <c r="K16" s="16">
        <v>8279712</v>
      </c>
      <c r="L16" s="16">
        <v>3226705</v>
      </c>
      <c r="M16" s="16">
        <v>954497</v>
      </c>
      <c r="N16" s="16">
        <v>280584</v>
      </c>
      <c r="O16" s="16">
        <v>12615563</v>
      </c>
      <c r="P16" s="16">
        <v>5746389</v>
      </c>
      <c r="Q16" s="16">
        <v>1532230</v>
      </c>
      <c r="R16" s="16">
        <v>217347</v>
      </c>
      <c r="S16" s="16">
        <v>67655</v>
      </c>
      <c r="T16" s="16">
        <v>25014</v>
      </c>
      <c r="U16" s="22" t="s">
        <v>268</v>
      </c>
      <c r="V16" s="22" t="s">
        <v>268</v>
      </c>
    </row>
    <row r="17" spans="1:22">
      <c r="A17" s="21" t="s">
        <v>232</v>
      </c>
      <c r="B17" s="21" t="s">
        <v>233</v>
      </c>
      <c r="C17" s="21" t="s">
        <v>262</v>
      </c>
      <c r="D17" s="21" t="s">
        <v>686</v>
      </c>
      <c r="E17" s="16">
        <v>2237769</v>
      </c>
      <c r="F17" s="16">
        <v>2237769</v>
      </c>
      <c r="G17" s="16">
        <v>184944</v>
      </c>
      <c r="H17" s="16">
        <v>45467</v>
      </c>
      <c r="I17" s="16">
        <v>1992847</v>
      </c>
      <c r="J17" s="16">
        <v>352731</v>
      </c>
      <c r="K17" s="16">
        <v>936154</v>
      </c>
      <c r="L17" s="16">
        <v>451542</v>
      </c>
      <c r="M17" s="16">
        <v>193423</v>
      </c>
      <c r="N17" s="16">
        <v>58997</v>
      </c>
      <c r="O17" s="16">
        <v>942145</v>
      </c>
      <c r="P17" s="16">
        <v>726774</v>
      </c>
      <c r="Q17" s="16">
        <v>258977</v>
      </c>
      <c r="R17" s="16">
        <v>50488</v>
      </c>
      <c r="S17" s="16">
        <v>14463</v>
      </c>
      <c r="T17" s="16">
        <v>14511</v>
      </c>
      <c r="U17" s="22" t="s">
        <v>268</v>
      </c>
      <c r="V17" s="22" t="s">
        <v>268</v>
      </c>
    </row>
    <row r="18" spans="1:22">
      <c r="A18" s="21" t="s">
        <v>232</v>
      </c>
      <c r="B18" s="21" t="s">
        <v>233</v>
      </c>
      <c r="C18" s="21" t="s">
        <v>262</v>
      </c>
      <c r="D18" s="21" t="s">
        <v>687</v>
      </c>
      <c r="E18" s="16">
        <v>883416</v>
      </c>
      <c r="F18" s="16">
        <v>883416</v>
      </c>
      <c r="G18" s="16">
        <v>528353</v>
      </c>
      <c r="H18" s="16">
        <v>17892</v>
      </c>
      <c r="I18" s="16">
        <v>331441</v>
      </c>
      <c r="J18" s="16">
        <v>96580</v>
      </c>
      <c r="K18" s="16">
        <v>130016</v>
      </c>
      <c r="L18" s="16">
        <v>61895</v>
      </c>
      <c r="M18" s="16">
        <v>31568</v>
      </c>
      <c r="N18" s="16">
        <v>11382</v>
      </c>
      <c r="O18" s="16">
        <v>178996</v>
      </c>
      <c r="P18" s="16">
        <v>104877</v>
      </c>
      <c r="Q18" s="16">
        <v>36299</v>
      </c>
      <c r="R18" s="16">
        <v>7737</v>
      </c>
      <c r="S18" s="16">
        <v>3532</v>
      </c>
      <c r="T18" s="16">
        <v>5730</v>
      </c>
      <c r="U18" s="22" t="s">
        <v>268</v>
      </c>
      <c r="V18" s="22" t="s">
        <v>268</v>
      </c>
    </row>
    <row r="19" spans="1:22">
      <c r="A19" s="21" t="s">
        <v>232</v>
      </c>
      <c r="B19" s="21" t="s">
        <v>233</v>
      </c>
      <c r="C19" s="21" t="s">
        <v>262</v>
      </c>
      <c r="D19" s="21" t="s">
        <v>688</v>
      </c>
      <c r="E19" s="16">
        <v>647691</v>
      </c>
      <c r="F19" s="22" t="s">
        <v>268</v>
      </c>
      <c r="G19" s="22" t="s">
        <v>268</v>
      </c>
      <c r="H19" s="22" t="s">
        <v>268</v>
      </c>
      <c r="I19" s="22" t="s">
        <v>268</v>
      </c>
      <c r="J19" s="22" t="s">
        <v>268</v>
      </c>
      <c r="K19" s="22" t="s">
        <v>268</v>
      </c>
      <c r="L19" s="22" t="s">
        <v>268</v>
      </c>
      <c r="M19" s="22" t="s">
        <v>268</v>
      </c>
      <c r="N19" s="22" t="s">
        <v>268</v>
      </c>
      <c r="O19" s="22" t="s">
        <v>268</v>
      </c>
      <c r="P19" s="22" t="s">
        <v>268</v>
      </c>
      <c r="Q19" s="22" t="s">
        <v>268</v>
      </c>
      <c r="R19" s="22" t="s">
        <v>268</v>
      </c>
      <c r="S19" s="22" t="s">
        <v>268</v>
      </c>
      <c r="T19" s="22" t="s">
        <v>268</v>
      </c>
      <c r="U19" s="16">
        <v>647691</v>
      </c>
      <c r="V19" s="22" t="s">
        <v>268</v>
      </c>
    </row>
    <row r="20" spans="1:22">
      <c r="A20" s="21" t="s">
        <v>232</v>
      </c>
      <c r="B20" s="21" t="s">
        <v>233</v>
      </c>
      <c r="C20" s="21" t="s">
        <v>262</v>
      </c>
      <c r="D20" s="21" t="s">
        <v>689</v>
      </c>
      <c r="E20" s="16">
        <v>46</v>
      </c>
      <c r="F20" s="22" t="s">
        <v>268</v>
      </c>
      <c r="G20" s="22" t="s">
        <v>268</v>
      </c>
      <c r="H20" s="22" t="s">
        <v>268</v>
      </c>
      <c r="I20" s="22" t="s">
        <v>268</v>
      </c>
      <c r="J20" s="22" t="s">
        <v>268</v>
      </c>
      <c r="K20" s="22" t="s">
        <v>268</v>
      </c>
      <c r="L20" s="22" t="s">
        <v>268</v>
      </c>
      <c r="M20" s="22" t="s">
        <v>268</v>
      </c>
      <c r="N20" s="22" t="s">
        <v>268</v>
      </c>
      <c r="O20" s="22" t="s">
        <v>268</v>
      </c>
      <c r="P20" s="22" t="s">
        <v>268</v>
      </c>
      <c r="Q20" s="22" t="s">
        <v>268</v>
      </c>
      <c r="R20" s="22" t="s">
        <v>268</v>
      </c>
      <c r="S20" s="22" t="s">
        <v>268</v>
      </c>
      <c r="T20" s="22" t="s">
        <v>268</v>
      </c>
      <c r="U20" s="22" t="s">
        <v>268</v>
      </c>
      <c r="V20" s="16">
        <v>46</v>
      </c>
    </row>
    <row r="21" spans="1:22">
      <c r="A21" s="21" t="s">
        <v>232</v>
      </c>
      <c r="B21" s="21" t="s">
        <v>237</v>
      </c>
      <c r="C21" s="21" t="s">
        <v>264</v>
      </c>
      <c r="D21" s="21" t="s">
        <v>214</v>
      </c>
      <c r="E21" s="16">
        <v>841987</v>
      </c>
      <c r="F21" s="16">
        <v>835721</v>
      </c>
      <c r="G21" s="16">
        <v>464937</v>
      </c>
      <c r="H21" s="16">
        <v>9608</v>
      </c>
      <c r="I21" s="16">
        <v>360001</v>
      </c>
      <c r="J21" s="16">
        <v>101720</v>
      </c>
      <c r="K21" s="16">
        <v>136573</v>
      </c>
      <c r="L21" s="16">
        <v>72403</v>
      </c>
      <c r="M21" s="16">
        <v>42002</v>
      </c>
      <c r="N21" s="16">
        <v>7303</v>
      </c>
      <c r="O21" s="16">
        <v>193271</v>
      </c>
      <c r="P21" s="16">
        <v>109153</v>
      </c>
      <c r="Q21" s="16">
        <v>47903</v>
      </c>
      <c r="R21" s="16">
        <v>8877</v>
      </c>
      <c r="S21" s="16">
        <v>797</v>
      </c>
      <c r="T21" s="16">
        <v>1175</v>
      </c>
      <c r="U21" s="16">
        <v>6266</v>
      </c>
      <c r="V21" s="22" t="s">
        <v>268</v>
      </c>
    </row>
    <row r="22" spans="1:22">
      <c r="A22" s="21" t="s">
        <v>232</v>
      </c>
      <c r="B22" s="21" t="s">
        <v>237</v>
      </c>
      <c r="C22" s="21" t="s">
        <v>264</v>
      </c>
      <c r="D22" s="21" t="s">
        <v>681</v>
      </c>
      <c r="E22" s="16">
        <v>835721</v>
      </c>
      <c r="F22" s="16">
        <v>835721</v>
      </c>
      <c r="G22" s="16">
        <v>464937</v>
      </c>
      <c r="H22" s="16">
        <v>9608</v>
      </c>
      <c r="I22" s="16">
        <v>360001</v>
      </c>
      <c r="J22" s="16">
        <v>101720</v>
      </c>
      <c r="K22" s="16">
        <v>136573</v>
      </c>
      <c r="L22" s="16">
        <v>72403</v>
      </c>
      <c r="M22" s="16">
        <v>42002</v>
      </c>
      <c r="N22" s="16">
        <v>7303</v>
      </c>
      <c r="O22" s="16">
        <v>193271</v>
      </c>
      <c r="P22" s="16">
        <v>109153</v>
      </c>
      <c r="Q22" s="16">
        <v>47903</v>
      </c>
      <c r="R22" s="16">
        <v>8877</v>
      </c>
      <c r="S22" s="16">
        <v>797</v>
      </c>
      <c r="T22" s="16">
        <v>1175</v>
      </c>
      <c r="U22" s="22" t="s">
        <v>268</v>
      </c>
      <c r="V22" s="22" t="s">
        <v>268</v>
      </c>
    </row>
    <row r="23" spans="1:22">
      <c r="A23" s="21" t="s">
        <v>232</v>
      </c>
      <c r="B23" s="21" t="s">
        <v>237</v>
      </c>
      <c r="C23" s="21" t="s">
        <v>264</v>
      </c>
      <c r="D23" s="21" t="s">
        <v>682</v>
      </c>
      <c r="E23" s="16">
        <v>828980</v>
      </c>
      <c r="F23" s="16">
        <v>828980</v>
      </c>
      <c r="G23" s="16">
        <v>460626</v>
      </c>
      <c r="H23" s="16">
        <v>9495</v>
      </c>
      <c r="I23" s="16">
        <v>357724</v>
      </c>
      <c r="J23" s="16">
        <v>100781</v>
      </c>
      <c r="K23" s="16">
        <v>135716</v>
      </c>
      <c r="L23" s="16">
        <v>72109</v>
      </c>
      <c r="M23" s="16">
        <v>41839</v>
      </c>
      <c r="N23" s="16">
        <v>7279</v>
      </c>
      <c r="O23" s="16">
        <v>191811</v>
      </c>
      <c r="P23" s="16">
        <v>108540</v>
      </c>
      <c r="Q23" s="16">
        <v>47733</v>
      </c>
      <c r="R23" s="16">
        <v>8844</v>
      </c>
      <c r="S23" s="16">
        <v>796</v>
      </c>
      <c r="T23" s="16">
        <v>1135</v>
      </c>
      <c r="U23" s="22" t="s">
        <v>268</v>
      </c>
      <c r="V23" s="22" t="s">
        <v>268</v>
      </c>
    </row>
    <row r="24" spans="1:22">
      <c r="A24" s="21" t="s">
        <v>232</v>
      </c>
      <c r="B24" s="21" t="s">
        <v>237</v>
      </c>
      <c r="C24" s="21" t="s">
        <v>264</v>
      </c>
      <c r="D24" s="21" t="s">
        <v>683</v>
      </c>
      <c r="E24" s="16">
        <v>494315</v>
      </c>
      <c r="F24" s="16">
        <v>494315</v>
      </c>
      <c r="G24" s="16">
        <v>421411</v>
      </c>
      <c r="H24" s="16">
        <v>1093</v>
      </c>
      <c r="I24" s="16">
        <v>71248</v>
      </c>
      <c r="J24" s="16">
        <v>1473</v>
      </c>
      <c r="K24" s="16">
        <v>5529</v>
      </c>
      <c r="L24" s="16">
        <v>28006</v>
      </c>
      <c r="M24" s="16">
        <v>29591</v>
      </c>
      <c r="N24" s="16">
        <v>6649</v>
      </c>
      <c r="O24" s="16">
        <v>14141</v>
      </c>
      <c r="P24" s="16">
        <v>24610</v>
      </c>
      <c r="Q24" s="16">
        <v>25137</v>
      </c>
      <c r="R24" s="16">
        <v>6634</v>
      </c>
      <c r="S24" s="16">
        <v>726</v>
      </c>
      <c r="T24" s="16">
        <v>563</v>
      </c>
      <c r="U24" s="22" t="s">
        <v>268</v>
      </c>
      <c r="V24" s="22" t="s">
        <v>268</v>
      </c>
    </row>
    <row r="25" spans="1:22">
      <c r="A25" s="21" t="s">
        <v>232</v>
      </c>
      <c r="B25" s="21" t="s">
        <v>237</v>
      </c>
      <c r="C25" s="21" t="s">
        <v>264</v>
      </c>
      <c r="D25" s="21" t="s">
        <v>684</v>
      </c>
      <c r="E25" s="16">
        <v>40608</v>
      </c>
      <c r="F25" s="16">
        <v>40608</v>
      </c>
      <c r="G25" s="16">
        <v>111</v>
      </c>
      <c r="H25" s="16">
        <v>1589</v>
      </c>
      <c r="I25" s="16">
        <v>38908</v>
      </c>
      <c r="J25" s="16">
        <v>923</v>
      </c>
      <c r="K25" s="16">
        <v>33684</v>
      </c>
      <c r="L25" s="16">
        <v>3948</v>
      </c>
      <c r="M25" s="16">
        <v>353</v>
      </c>
      <c r="N25" s="22" t="s">
        <v>268</v>
      </c>
      <c r="O25" s="16">
        <v>17430</v>
      </c>
      <c r="P25" s="16">
        <v>19645</v>
      </c>
      <c r="Q25" s="16">
        <v>1793</v>
      </c>
      <c r="R25" s="16">
        <v>40</v>
      </c>
      <c r="S25" s="22" t="s">
        <v>268</v>
      </c>
      <c r="T25" s="22" t="s">
        <v>268</v>
      </c>
      <c r="U25" s="22" t="s">
        <v>268</v>
      </c>
      <c r="V25" s="22" t="s">
        <v>268</v>
      </c>
    </row>
    <row r="26" spans="1:22">
      <c r="A26" s="21" t="s">
        <v>232</v>
      </c>
      <c r="B26" s="21" t="s">
        <v>237</v>
      </c>
      <c r="C26" s="21" t="s">
        <v>264</v>
      </c>
      <c r="D26" s="21" t="s">
        <v>685</v>
      </c>
      <c r="E26" s="16">
        <v>269058</v>
      </c>
      <c r="F26" s="16">
        <v>269058</v>
      </c>
      <c r="G26" s="16">
        <v>36615</v>
      </c>
      <c r="H26" s="16">
        <v>6474</v>
      </c>
      <c r="I26" s="16">
        <v>225599</v>
      </c>
      <c r="J26" s="16">
        <v>94386</v>
      </c>
      <c r="K26" s="16">
        <v>83849</v>
      </c>
      <c r="L26" s="16">
        <v>36666</v>
      </c>
      <c r="M26" s="16">
        <v>10219</v>
      </c>
      <c r="N26" s="16">
        <v>479</v>
      </c>
      <c r="O26" s="16">
        <v>148801</v>
      </c>
      <c r="P26" s="16">
        <v>56375</v>
      </c>
      <c r="Q26" s="16">
        <v>18666</v>
      </c>
      <c r="R26" s="16">
        <v>1704</v>
      </c>
      <c r="S26" s="16">
        <v>53</v>
      </c>
      <c r="T26" s="16">
        <v>370</v>
      </c>
      <c r="U26" s="22" t="s">
        <v>268</v>
      </c>
      <c r="V26" s="22" t="s">
        <v>268</v>
      </c>
    </row>
    <row r="27" spans="1:22">
      <c r="A27" s="21" t="s">
        <v>232</v>
      </c>
      <c r="B27" s="21" t="s">
        <v>237</v>
      </c>
      <c r="C27" s="21" t="s">
        <v>264</v>
      </c>
      <c r="D27" s="21" t="s">
        <v>686</v>
      </c>
      <c r="E27" s="16">
        <v>24999</v>
      </c>
      <c r="F27" s="16">
        <v>24999</v>
      </c>
      <c r="G27" s="16">
        <v>2489</v>
      </c>
      <c r="H27" s="16">
        <v>339</v>
      </c>
      <c r="I27" s="16">
        <v>21969</v>
      </c>
      <c r="J27" s="16">
        <v>3999</v>
      </c>
      <c r="K27" s="16">
        <v>12654</v>
      </c>
      <c r="L27" s="16">
        <v>3489</v>
      </c>
      <c r="M27" s="16">
        <v>1676</v>
      </c>
      <c r="N27" s="16">
        <v>151</v>
      </c>
      <c r="O27" s="16">
        <v>11439</v>
      </c>
      <c r="P27" s="16">
        <v>7910</v>
      </c>
      <c r="Q27" s="16">
        <v>2137</v>
      </c>
      <c r="R27" s="16">
        <v>466</v>
      </c>
      <c r="S27" s="16">
        <v>17</v>
      </c>
      <c r="T27" s="16">
        <v>202</v>
      </c>
      <c r="U27" s="22" t="s">
        <v>268</v>
      </c>
      <c r="V27" s="22" t="s">
        <v>268</v>
      </c>
    </row>
    <row r="28" spans="1:22">
      <c r="A28" s="21" t="s">
        <v>232</v>
      </c>
      <c r="B28" s="21" t="s">
        <v>237</v>
      </c>
      <c r="C28" s="21" t="s">
        <v>264</v>
      </c>
      <c r="D28" s="21" t="s">
        <v>687</v>
      </c>
      <c r="E28" s="16">
        <v>6741</v>
      </c>
      <c r="F28" s="16">
        <v>6741</v>
      </c>
      <c r="G28" s="16">
        <v>4311</v>
      </c>
      <c r="H28" s="16">
        <v>113</v>
      </c>
      <c r="I28" s="16">
        <v>2277</v>
      </c>
      <c r="J28" s="16">
        <v>939</v>
      </c>
      <c r="K28" s="16">
        <v>857</v>
      </c>
      <c r="L28" s="16">
        <v>294</v>
      </c>
      <c r="M28" s="16">
        <v>163</v>
      </c>
      <c r="N28" s="16">
        <v>24</v>
      </c>
      <c r="O28" s="16">
        <v>1460</v>
      </c>
      <c r="P28" s="16">
        <v>613</v>
      </c>
      <c r="Q28" s="16">
        <v>170</v>
      </c>
      <c r="R28" s="16">
        <v>33</v>
      </c>
      <c r="S28" s="16">
        <v>1</v>
      </c>
      <c r="T28" s="16">
        <v>40</v>
      </c>
      <c r="U28" s="22" t="s">
        <v>268</v>
      </c>
      <c r="V28" s="22" t="s">
        <v>268</v>
      </c>
    </row>
    <row r="29" spans="1:22">
      <c r="A29" s="21" t="s">
        <v>232</v>
      </c>
      <c r="B29" s="21" t="s">
        <v>237</v>
      </c>
      <c r="C29" s="21" t="s">
        <v>264</v>
      </c>
      <c r="D29" s="21" t="s">
        <v>688</v>
      </c>
      <c r="E29" s="16">
        <v>6266</v>
      </c>
      <c r="F29" s="22" t="s">
        <v>268</v>
      </c>
      <c r="G29" s="22" t="s">
        <v>268</v>
      </c>
      <c r="H29" s="22" t="s">
        <v>268</v>
      </c>
      <c r="I29" s="22" t="s">
        <v>268</v>
      </c>
      <c r="J29" s="22" t="s">
        <v>268</v>
      </c>
      <c r="K29" s="22" t="s">
        <v>268</v>
      </c>
      <c r="L29" s="22" t="s">
        <v>268</v>
      </c>
      <c r="M29" s="22" t="s">
        <v>268</v>
      </c>
      <c r="N29" s="22" t="s">
        <v>268</v>
      </c>
      <c r="O29" s="22" t="s">
        <v>268</v>
      </c>
      <c r="P29" s="22" t="s">
        <v>268</v>
      </c>
      <c r="Q29" s="22" t="s">
        <v>268</v>
      </c>
      <c r="R29" s="22" t="s">
        <v>268</v>
      </c>
      <c r="S29" s="22" t="s">
        <v>268</v>
      </c>
      <c r="T29" s="22" t="s">
        <v>268</v>
      </c>
      <c r="U29" s="16">
        <v>6266</v>
      </c>
      <c r="V29" s="22" t="s">
        <v>268</v>
      </c>
    </row>
    <row r="30" spans="1:22">
      <c r="A30" s="21" t="s">
        <v>232</v>
      </c>
      <c r="B30" s="21" t="s">
        <v>237</v>
      </c>
      <c r="C30" s="21" t="s">
        <v>264</v>
      </c>
      <c r="D30" s="21" t="s">
        <v>689</v>
      </c>
      <c r="E30" s="22" t="s">
        <v>268</v>
      </c>
      <c r="F30" s="22" t="s">
        <v>268</v>
      </c>
      <c r="G30" s="22" t="s">
        <v>268</v>
      </c>
      <c r="H30" s="22" t="s">
        <v>268</v>
      </c>
      <c r="I30" s="22" t="s">
        <v>268</v>
      </c>
      <c r="J30" s="22" t="s">
        <v>268</v>
      </c>
      <c r="K30" s="22" t="s">
        <v>268</v>
      </c>
      <c r="L30" s="22" t="s">
        <v>268</v>
      </c>
      <c r="M30" s="22" t="s">
        <v>268</v>
      </c>
      <c r="N30" s="22" t="s">
        <v>268</v>
      </c>
      <c r="O30" s="22" t="s">
        <v>268</v>
      </c>
      <c r="P30" s="22" t="s">
        <v>268</v>
      </c>
      <c r="Q30" s="22" t="s">
        <v>268</v>
      </c>
      <c r="R30" s="22" t="s">
        <v>268</v>
      </c>
      <c r="S30" s="22" t="s">
        <v>268</v>
      </c>
      <c r="T30" s="22" t="s">
        <v>268</v>
      </c>
      <c r="U30" s="22" t="s">
        <v>268</v>
      </c>
      <c r="V30" s="22" t="s">
        <v>268</v>
      </c>
    </row>
    <row r="31" spans="1:22">
      <c r="A31" s="21" t="s">
        <v>240</v>
      </c>
      <c r="B31" s="21" t="s">
        <v>237</v>
      </c>
      <c r="C31" s="21" t="s">
        <v>265</v>
      </c>
      <c r="D31" s="21" t="s">
        <v>214</v>
      </c>
      <c r="E31" s="16">
        <v>52523</v>
      </c>
      <c r="F31" s="16">
        <v>51968</v>
      </c>
      <c r="G31" s="16">
        <v>36077</v>
      </c>
      <c r="H31" s="16">
        <v>788</v>
      </c>
      <c r="I31" s="16">
        <v>15035</v>
      </c>
      <c r="J31" s="16">
        <v>6496</v>
      </c>
      <c r="K31" s="16">
        <v>6545</v>
      </c>
      <c r="L31" s="16">
        <v>820</v>
      </c>
      <c r="M31" s="16">
        <v>1174</v>
      </c>
      <c r="N31" s="22" t="s">
        <v>268</v>
      </c>
      <c r="O31" s="16">
        <v>10739</v>
      </c>
      <c r="P31" s="16">
        <v>3308</v>
      </c>
      <c r="Q31" s="16">
        <v>770</v>
      </c>
      <c r="R31" s="16">
        <v>218</v>
      </c>
      <c r="S31" s="22" t="s">
        <v>268</v>
      </c>
      <c r="T31" s="16">
        <v>68</v>
      </c>
      <c r="U31" s="16">
        <v>555</v>
      </c>
      <c r="V31" s="22" t="s">
        <v>268</v>
      </c>
    </row>
    <row r="32" spans="1:22">
      <c r="A32" s="21" t="s">
        <v>240</v>
      </c>
      <c r="B32" s="21" t="s">
        <v>237</v>
      </c>
      <c r="C32" s="21" t="s">
        <v>265</v>
      </c>
      <c r="D32" s="21" t="s">
        <v>681</v>
      </c>
      <c r="E32" s="16">
        <v>51968</v>
      </c>
      <c r="F32" s="16">
        <v>51968</v>
      </c>
      <c r="G32" s="16">
        <v>36077</v>
      </c>
      <c r="H32" s="16">
        <v>788</v>
      </c>
      <c r="I32" s="16">
        <v>15035</v>
      </c>
      <c r="J32" s="16">
        <v>6496</v>
      </c>
      <c r="K32" s="16">
        <v>6545</v>
      </c>
      <c r="L32" s="16">
        <v>820</v>
      </c>
      <c r="M32" s="16">
        <v>1174</v>
      </c>
      <c r="N32" s="22" t="s">
        <v>268</v>
      </c>
      <c r="O32" s="16">
        <v>10739</v>
      </c>
      <c r="P32" s="16">
        <v>3308</v>
      </c>
      <c r="Q32" s="16">
        <v>770</v>
      </c>
      <c r="R32" s="16">
        <v>218</v>
      </c>
      <c r="S32" s="22" t="s">
        <v>268</v>
      </c>
      <c r="T32" s="16">
        <v>68</v>
      </c>
      <c r="U32" s="22" t="s">
        <v>268</v>
      </c>
      <c r="V32" s="22" t="s">
        <v>268</v>
      </c>
    </row>
    <row r="33" spans="1:22">
      <c r="A33" s="21" t="s">
        <v>240</v>
      </c>
      <c r="B33" s="21" t="s">
        <v>237</v>
      </c>
      <c r="C33" s="21" t="s">
        <v>265</v>
      </c>
      <c r="D33" s="21" t="s">
        <v>682</v>
      </c>
      <c r="E33" s="16">
        <v>51544</v>
      </c>
      <c r="F33" s="16">
        <v>51544</v>
      </c>
      <c r="G33" s="16">
        <v>35776</v>
      </c>
      <c r="H33" s="16">
        <v>782</v>
      </c>
      <c r="I33" s="16">
        <v>14928</v>
      </c>
      <c r="J33" s="16">
        <v>6447</v>
      </c>
      <c r="K33" s="16">
        <v>6500</v>
      </c>
      <c r="L33" s="16">
        <v>817</v>
      </c>
      <c r="M33" s="16">
        <v>1164</v>
      </c>
      <c r="N33" s="22" t="s">
        <v>268</v>
      </c>
      <c r="O33" s="16">
        <v>10656</v>
      </c>
      <c r="P33" s="16">
        <v>3291</v>
      </c>
      <c r="Q33" s="16">
        <v>764</v>
      </c>
      <c r="R33" s="16">
        <v>217</v>
      </c>
      <c r="S33" s="22" t="s">
        <v>268</v>
      </c>
      <c r="T33" s="16">
        <v>58</v>
      </c>
      <c r="U33" s="22" t="s">
        <v>268</v>
      </c>
      <c r="V33" s="22" t="s">
        <v>268</v>
      </c>
    </row>
    <row r="34" spans="1:22">
      <c r="A34" s="21" t="s">
        <v>240</v>
      </c>
      <c r="B34" s="21" t="s">
        <v>237</v>
      </c>
      <c r="C34" s="21" t="s">
        <v>265</v>
      </c>
      <c r="D34" s="21" t="s">
        <v>683</v>
      </c>
      <c r="E34" s="16">
        <v>33251</v>
      </c>
      <c r="F34" s="16">
        <v>33251</v>
      </c>
      <c r="G34" s="16">
        <v>31861</v>
      </c>
      <c r="H34" s="16">
        <v>31</v>
      </c>
      <c r="I34" s="16">
        <v>1335</v>
      </c>
      <c r="J34" s="16">
        <v>96</v>
      </c>
      <c r="K34" s="16">
        <v>64</v>
      </c>
      <c r="L34" s="16">
        <v>228</v>
      </c>
      <c r="M34" s="16">
        <v>947</v>
      </c>
      <c r="N34" s="22" t="s">
        <v>268</v>
      </c>
      <c r="O34" s="16">
        <v>292</v>
      </c>
      <c r="P34" s="16">
        <v>387</v>
      </c>
      <c r="Q34" s="16">
        <v>490</v>
      </c>
      <c r="R34" s="16">
        <v>166</v>
      </c>
      <c r="S34" s="22" t="s">
        <v>268</v>
      </c>
      <c r="T34" s="16">
        <v>24</v>
      </c>
      <c r="U34" s="22" t="s">
        <v>268</v>
      </c>
      <c r="V34" s="22" t="s">
        <v>268</v>
      </c>
    </row>
    <row r="35" spans="1:22">
      <c r="A35" s="21" t="s">
        <v>240</v>
      </c>
      <c r="B35" s="21" t="s">
        <v>237</v>
      </c>
      <c r="C35" s="21" t="s">
        <v>265</v>
      </c>
      <c r="D35" s="21" t="s">
        <v>684</v>
      </c>
      <c r="E35" s="16">
        <v>1366</v>
      </c>
      <c r="F35" s="16">
        <v>1366</v>
      </c>
      <c r="G35" s="16">
        <v>16</v>
      </c>
      <c r="H35" s="16">
        <v>257</v>
      </c>
      <c r="I35" s="16">
        <v>1093</v>
      </c>
      <c r="J35" s="16">
        <v>83</v>
      </c>
      <c r="K35" s="16">
        <v>1010</v>
      </c>
      <c r="L35" s="22" t="s">
        <v>268</v>
      </c>
      <c r="M35" s="22" t="s">
        <v>268</v>
      </c>
      <c r="N35" s="22" t="s">
        <v>268</v>
      </c>
      <c r="O35" s="16">
        <v>664</v>
      </c>
      <c r="P35" s="16">
        <v>429</v>
      </c>
      <c r="Q35" s="22" t="s">
        <v>268</v>
      </c>
      <c r="R35" s="22" t="s">
        <v>268</v>
      </c>
      <c r="S35" s="22" t="s">
        <v>268</v>
      </c>
      <c r="T35" s="22" t="s">
        <v>268</v>
      </c>
      <c r="U35" s="22" t="s">
        <v>268</v>
      </c>
      <c r="V35" s="22" t="s">
        <v>268</v>
      </c>
    </row>
    <row r="36" spans="1:22">
      <c r="A36" s="21" t="s">
        <v>240</v>
      </c>
      <c r="B36" s="21" t="s">
        <v>237</v>
      </c>
      <c r="C36" s="21" t="s">
        <v>265</v>
      </c>
      <c r="D36" s="21" t="s">
        <v>685</v>
      </c>
      <c r="E36" s="16">
        <v>15489</v>
      </c>
      <c r="F36" s="16">
        <v>15489</v>
      </c>
      <c r="G36" s="16">
        <v>3714</v>
      </c>
      <c r="H36" s="16">
        <v>464</v>
      </c>
      <c r="I36" s="16">
        <v>11298</v>
      </c>
      <c r="J36" s="16">
        <v>5922</v>
      </c>
      <c r="K36" s="16">
        <v>4727</v>
      </c>
      <c r="L36" s="16">
        <v>492</v>
      </c>
      <c r="M36" s="16">
        <v>157</v>
      </c>
      <c r="N36" s="22" t="s">
        <v>268</v>
      </c>
      <c r="O36" s="16">
        <v>8946</v>
      </c>
      <c r="P36" s="16">
        <v>2080</v>
      </c>
      <c r="Q36" s="16">
        <v>238</v>
      </c>
      <c r="R36" s="16">
        <v>34</v>
      </c>
      <c r="S36" s="22" t="s">
        <v>268</v>
      </c>
      <c r="T36" s="16">
        <v>13</v>
      </c>
      <c r="U36" s="22" t="s">
        <v>268</v>
      </c>
      <c r="V36" s="22" t="s">
        <v>268</v>
      </c>
    </row>
    <row r="37" spans="1:22">
      <c r="A37" s="21" t="s">
        <v>240</v>
      </c>
      <c r="B37" s="21" t="s">
        <v>237</v>
      </c>
      <c r="C37" s="21" t="s">
        <v>265</v>
      </c>
      <c r="D37" s="21" t="s">
        <v>686</v>
      </c>
      <c r="E37" s="16">
        <v>1438</v>
      </c>
      <c r="F37" s="16">
        <v>1438</v>
      </c>
      <c r="G37" s="16">
        <v>185</v>
      </c>
      <c r="H37" s="16">
        <v>30</v>
      </c>
      <c r="I37" s="16">
        <v>1202</v>
      </c>
      <c r="J37" s="16">
        <v>346</v>
      </c>
      <c r="K37" s="16">
        <v>699</v>
      </c>
      <c r="L37" s="16">
        <v>97</v>
      </c>
      <c r="M37" s="16">
        <v>60</v>
      </c>
      <c r="N37" s="22" t="s">
        <v>268</v>
      </c>
      <c r="O37" s="16">
        <v>754</v>
      </c>
      <c r="P37" s="16">
        <v>395</v>
      </c>
      <c r="Q37" s="16">
        <v>36</v>
      </c>
      <c r="R37" s="16">
        <v>17</v>
      </c>
      <c r="S37" s="22" t="s">
        <v>268</v>
      </c>
      <c r="T37" s="16">
        <v>21</v>
      </c>
      <c r="U37" s="22" t="s">
        <v>268</v>
      </c>
      <c r="V37" s="22" t="s">
        <v>268</v>
      </c>
    </row>
    <row r="38" spans="1:22">
      <c r="A38" s="21" t="s">
        <v>240</v>
      </c>
      <c r="B38" s="21" t="s">
        <v>237</v>
      </c>
      <c r="C38" s="21" t="s">
        <v>265</v>
      </c>
      <c r="D38" s="21" t="s">
        <v>687</v>
      </c>
      <c r="E38" s="16">
        <v>424</v>
      </c>
      <c r="F38" s="16">
        <v>424</v>
      </c>
      <c r="G38" s="16">
        <v>301</v>
      </c>
      <c r="H38" s="16">
        <v>6</v>
      </c>
      <c r="I38" s="16">
        <v>107</v>
      </c>
      <c r="J38" s="16">
        <v>49</v>
      </c>
      <c r="K38" s="16">
        <v>45</v>
      </c>
      <c r="L38" s="16">
        <v>3</v>
      </c>
      <c r="M38" s="16">
        <v>10</v>
      </c>
      <c r="N38" s="22" t="s">
        <v>268</v>
      </c>
      <c r="O38" s="16">
        <v>83</v>
      </c>
      <c r="P38" s="16">
        <v>17</v>
      </c>
      <c r="Q38" s="16">
        <v>6</v>
      </c>
      <c r="R38" s="16">
        <v>1</v>
      </c>
      <c r="S38" s="22" t="s">
        <v>268</v>
      </c>
      <c r="T38" s="16">
        <v>10</v>
      </c>
      <c r="U38" s="22" t="s">
        <v>268</v>
      </c>
      <c r="V38" s="22" t="s">
        <v>268</v>
      </c>
    </row>
    <row r="39" spans="1:22">
      <c r="A39" s="21" t="s">
        <v>240</v>
      </c>
      <c r="B39" s="21" t="s">
        <v>237</v>
      </c>
      <c r="C39" s="21" t="s">
        <v>265</v>
      </c>
      <c r="D39" s="21" t="s">
        <v>688</v>
      </c>
      <c r="E39" s="16">
        <v>555</v>
      </c>
      <c r="F39" s="22" t="s">
        <v>268</v>
      </c>
      <c r="G39" s="22" t="s">
        <v>268</v>
      </c>
      <c r="H39" s="22" t="s">
        <v>268</v>
      </c>
      <c r="I39" s="22" t="s">
        <v>268</v>
      </c>
      <c r="J39" s="22" t="s">
        <v>268</v>
      </c>
      <c r="K39" s="22" t="s">
        <v>268</v>
      </c>
      <c r="L39" s="22" t="s">
        <v>268</v>
      </c>
      <c r="M39" s="22" t="s">
        <v>268</v>
      </c>
      <c r="N39" s="22" t="s">
        <v>268</v>
      </c>
      <c r="O39" s="22" t="s">
        <v>268</v>
      </c>
      <c r="P39" s="22" t="s">
        <v>268</v>
      </c>
      <c r="Q39" s="22" t="s">
        <v>268</v>
      </c>
      <c r="R39" s="22" t="s">
        <v>268</v>
      </c>
      <c r="S39" s="22" t="s">
        <v>268</v>
      </c>
      <c r="T39" s="22" t="s">
        <v>268</v>
      </c>
      <c r="U39" s="16">
        <v>555</v>
      </c>
      <c r="V39" s="22" t="s">
        <v>268</v>
      </c>
    </row>
    <row r="40" spans="1:22">
      <c r="A40" s="21" t="s">
        <v>240</v>
      </c>
      <c r="B40" s="21" t="s">
        <v>237</v>
      </c>
      <c r="C40" s="21" t="s">
        <v>265</v>
      </c>
      <c r="D40" s="21" t="s">
        <v>689</v>
      </c>
      <c r="E40" s="22" t="s">
        <v>268</v>
      </c>
      <c r="F40" s="22" t="s">
        <v>268</v>
      </c>
      <c r="G40" s="22" t="s">
        <v>268</v>
      </c>
      <c r="H40" s="22" t="s">
        <v>268</v>
      </c>
      <c r="I40" s="22" t="s">
        <v>268</v>
      </c>
      <c r="J40" s="22" t="s">
        <v>268</v>
      </c>
      <c r="K40" s="22" t="s">
        <v>268</v>
      </c>
      <c r="L40" s="22" t="s">
        <v>268</v>
      </c>
      <c r="M40" s="22" t="s">
        <v>268</v>
      </c>
      <c r="N40" s="22" t="s">
        <v>268</v>
      </c>
      <c r="O40" s="22" t="s">
        <v>268</v>
      </c>
      <c r="P40" s="22" t="s">
        <v>268</v>
      </c>
      <c r="Q40" s="22" t="s">
        <v>268</v>
      </c>
      <c r="R40" s="22" t="s">
        <v>268</v>
      </c>
      <c r="S40" s="22" t="s">
        <v>268</v>
      </c>
      <c r="T40" s="22" t="s">
        <v>268</v>
      </c>
      <c r="U40" s="22" t="s">
        <v>268</v>
      </c>
      <c r="V4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1" orientation="portrait" r:id="rId1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FFAECB6-FF3C-4A3F-8FEB-5A193E3E129C}">
  <sheetPr>
    <pageSetUpPr fitToPage="1"/>
  </sheetPr>
  <dimension ref="A1:V40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33.625" style="20" bestFit="1" customWidth="1"/>
    <col min="5" max="16384" width="12.625" style="20"/>
  </cols>
  <sheetData>
    <row r="1" spans="1:22" s="11" customFormat="1">
      <c r="A1" s="11" t="s">
        <v>192</v>
      </c>
    </row>
    <row r="2" spans="1:22" s="11" customFormat="1">
      <c r="A2" s="11" t="s">
        <v>715</v>
      </c>
    </row>
    <row r="3" spans="1:22" s="11" customFormat="1"/>
    <row r="4" spans="1:22" s="11" customFormat="1" outlineLevel="1">
      <c r="A4" s="11" t="s">
        <v>510</v>
      </c>
    </row>
    <row r="5" spans="1:22" s="11" customFormat="1" ht="24">
      <c r="E5" s="12" t="s">
        <v>496</v>
      </c>
      <c r="F5" s="12" t="s">
        <v>496</v>
      </c>
      <c r="G5" s="12" t="s">
        <v>496</v>
      </c>
      <c r="H5" s="12" t="s">
        <v>496</v>
      </c>
      <c r="I5" s="12" t="s">
        <v>496</v>
      </c>
      <c r="J5" s="12" t="s">
        <v>496</v>
      </c>
      <c r="K5" s="12" t="s">
        <v>496</v>
      </c>
      <c r="L5" s="12" t="s">
        <v>496</v>
      </c>
      <c r="M5" s="12" t="s">
        <v>496</v>
      </c>
      <c r="N5" s="12" t="s">
        <v>496</v>
      </c>
      <c r="O5" s="12" t="s">
        <v>496</v>
      </c>
      <c r="P5" s="12" t="s">
        <v>496</v>
      </c>
      <c r="Q5" s="12" t="s">
        <v>496</v>
      </c>
      <c r="R5" s="12" t="s">
        <v>496</v>
      </c>
      <c r="S5" s="12" t="s">
        <v>496</v>
      </c>
      <c r="T5" s="12" t="s">
        <v>496</v>
      </c>
      <c r="U5" s="12" t="s">
        <v>496</v>
      </c>
      <c r="V5" s="12" t="s">
        <v>496</v>
      </c>
    </row>
    <row r="6" spans="1:22" s="11" customFormat="1" ht="36">
      <c r="E6" s="12" t="s">
        <v>696</v>
      </c>
      <c r="F6" s="12" t="s">
        <v>696</v>
      </c>
      <c r="G6" s="12" t="s">
        <v>696</v>
      </c>
      <c r="H6" s="12" t="s">
        <v>696</v>
      </c>
      <c r="I6" s="12" t="s">
        <v>696</v>
      </c>
      <c r="J6" s="12" t="s">
        <v>696</v>
      </c>
      <c r="K6" s="12" t="s">
        <v>696</v>
      </c>
      <c r="L6" s="12" t="s">
        <v>696</v>
      </c>
      <c r="M6" s="12" t="s">
        <v>696</v>
      </c>
      <c r="N6" s="12" t="s">
        <v>696</v>
      </c>
      <c r="O6" s="12" t="s">
        <v>696</v>
      </c>
      <c r="P6" s="12" t="s">
        <v>696</v>
      </c>
      <c r="Q6" s="12" t="s">
        <v>696</v>
      </c>
      <c r="R6" s="12" t="s">
        <v>696</v>
      </c>
      <c r="S6" s="12" t="s">
        <v>696</v>
      </c>
      <c r="T6" s="12" t="s">
        <v>696</v>
      </c>
      <c r="U6" s="12" t="s">
        <v>696</v>
      </c>
      <c r="V6" s="12" t="s">
        <v>696</v>
      </c>
    </row>
    <row r="7" spans="1:22" s="11" customFormat="1">
      <c r="E7" s="12">
        <v>1</v>
      </c>
      <c r="F7" s="12">
        <v>1</v>
      </c>
      <c r="G7" s="12">
        <v>2</v>
      </c>
      <c r="H7" s="12">
        <v>2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3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2</v>
      </c>
      <c r="U7" s="12">
        <v>1</v>
      </c>
      <c r="V7" s="12">
        <v>1</v>
      </c>
    </row>
    <row r="8" spans="1:22" s="11" customFormat="1" ht="60">
      <c r="E8" s="12" t="s">
        <v>214</v>
      </c>
      <c r="F8" s="12" t="s">
        <v>681</v>
      </c>
      <c r="G8" s="12" t="s">
        <v>697</v>
      </c>
      <c r="H8" s="12" t="s">
        <v>698</v>
      </c>
      <c r="I8" s="12" t="s">
        <v>699</v>
      </c>
      <c r="J8" s="12" t="s">
        <v>700</v>
      </c>
      <c r="K8" s="12" t="s">
        <v>701</v>
      </c>
      <c r="L8" s="12" t="s">
        <v>702</v>
      </c>
      <c r="M8" s="12" t="s">
        <v>703</v>
      </c>
      <c r="N8" s="12" t="s">
        <v>704</v>
      </c>
      <c r="O8" s="12" t="s">
        <v>705</v>
      </c>
      <c r="P8" s="12" t="s">
        <v>706</v>
      </c>
      <c r="Q8" s="12" t="s">
        <v>707</v>
      </c>
      <c r="R8" s="12" t="s">
        <v>708</v>
      </c>
      <c r="S8" s="12" t="s">
        <v>709</v>
      </c>
      <c r="T8" s="12" t="s">
        <v>710</v>
      </c>
      <c r="U8" s="12" t="s">
        <v>688</v>
      </c>
      <c r="V8" s="12" t="s">
        <v>689</v>
      </c>
    </row>
    <row r="9" spans="1:22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</row>
    <row r="10" spans="1:22" s="11" customFormat="1">
      <c r="A10" s="14" t="s">
        <v>224</v>
      </c>
      <c r="B10" s="14" t="s">
        <v>259</v>
      </c>
      <c r="C10" s="14" t="s">
        <v>260</v>
      </c>
      <c r="D10" s="14" t="s">
        <v>68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</row>
    <row r="11" spans="1:22">
      <c r="A11" s="15" t="s">
        <v>232</v>
      </c>
      <c r="B11" s="15" t="s">
        <v>233</v>
      </c>
      <c r="C11" s="15" t="s">
        <v>262</v>
      </c>
      <c r="D11" s="15" t="s">
        <v>214</v>
      </c>
      <c r="E11" s="17">
        <v>2.11022</v>
      </c>
      <c r="F11" s="17">
        <v>2.1194899999999999</v>
      </c>
      <c r="G11" s="17">
        <v>2.5878000000000001</v>
      </c>
      <c r="H11" s="17">
        <v>1.9959800000000001</v>
      </c>
      <c r="I11" s="17">
        <v>1.7519800000000001</v>
      </c>
      <c r="J11" s="17">
        <v>1.49596</v>
      </c>
      <c r="K11" s="17">
        <v>1.6842699999999999</v>
      </c>
      <c r="L11" s="17">
        <v>1.9137200000000001</v>
      </c>
      <c r="M11" s="17">
        <v>2.0020500000000001</v>
      </c>
      <c r="N11" s="17">
        <v>2.2424400000000002</v>
      </c>
      <c r="O11" s="17">
        <v>1.6414599999999999</v>
      </c>
      <c r="P11" s="17">
        <v>1.79748</v>
      </c>
      <c r="Q11" s="17">
        <v>1.9425399999999999</v>
      </c>
      <c r="R11" s="17">
        <v>2.0605699999999998</v>
      </c>
      <c r="S11" s="17">
        <v>2.1688499999999999</v>
      </c>
      <c r="T11" s="17">
        <v>2.2418900000000002</v>
      </c>
      <c r="U11" s="17">
        <v>1.33405</v>
      </c>
      <c r="V11" s="17">
        <v>2.7058800000000001</v>
      </c>
    </row>
    <row r="12" spans="1:22">
      <c r="A12" s="21" t="s">
        <v>232</v>
      </c>
      <c r="B12" s="21" t="s">
        <v>233</v>
      </c>
      <c r="C12" s="21" t="s">
        <v>262</v>
      </c>
      <c r="D12" s="21" t="s">
        <v>681</v>
      </c>
      <c r="E12" s="17">
        <v>2.1194899999999999</v>
      </c>
      <c r="F12" s="17">
        <v>2.1194899999999999</v>
      </c>
      <c r="G12" s="17">
        <v>2.5878000000000001</v>
      </c>
      <c r="H12" s="17">
        <v>1.9959800000000001</v>
      </c>
      <c r="I12" s="17">
        <v>1.7519800000000001</v>
      </c>
      <c r="J12" s="17">
        <v>1.49596</v>
      </c>
      <c r="K12" s="17">
        <v>1.6842699999999999</v>
      </c>
      <c r="L12" s="17">
        <v>1.9137200000000001</v>
      </c>
      <c r="M12" s="17">
        <v>2.0020500000000001</v>
      </c>
      <c r="N12" s="17">
        <v>2.2424400000000002</v>
      </c>
      <c r="O12" s="17">
        <v>1.6414599999999999</v>
      </c>
      <c r="P12" s="17">
        <v>1.79748</v>
      </c>
      <c r="Q12" s="17">
        <v>1.9425399999999999</v>
      </c>
      <c r="R12" s="17">
        <v>2.0605699999999998</v>
      </c>
      <c r="S12" s="17">
        <v>2.1688499999999999</v>
      </c>
      <c r="T12" s="17">
        <v>2.2418900000000002</v>
      </c>
      <c r="U12" s="23" t="s">
        <v>268</v>
      </c>
      <c r="V12" s="23" t="s">
        <v>268</v>
      </c>
    </row>
    <row r="13" spans="1:22">
      <c r="A13" s="21" t="s">
        <v>232</v>
      </c>
      <c r="B13" s="21" t="s">
        <v>233</v>
      </c>
      <c r="C13" s="21" t="s">
        <v>262</v>
      </c>
      <c r="D13" s="21" t="s">
        <v>682</v>
      </c>
      <c r="E13" s="17">
        <v>2.1257299999999999</v>
      </c>
      <c r="F13" s="17">
        <v>2.1257299999999999</v>
      </c>
      <c r="G13" s="17">
        <v>2.5964299999999998</v>
      </c>
      <c r="H13" s="17">
        <v>2.0061</v>
      </c>
      <c r="I13" s="17">
        <v>1.7574000000000001</v>
      </c>
      <c r="J13" s="17">
        <v>1.4992099999999999</v>
      </c>
      <c r="K13" s="17">
        <v>1.6894400000000001</v>
      </c>
      <c r="L13" s="17">
        <v>1.9195500000000001</v>
      </c>
      <c r="M13" s="17">
        <v>2.00807</v>
      </c>
      <c r="N13" s="17">
        <v>2.2490100000000002</v>
      </c>
      <c r="O13" s="17">
        <v>1.6460600000000001</v>
      </c>
      <c r="P13" s="17">
        <v>1.8034699999999999</v>
      </c>
      <c r="Q13" s="17">
        <v>1.94804</v>
      </c>
      <c r="R13" s="17">
        <v>2.0664799999999999</v>
      </c>
      <c r="S13" s="17">
        <v>2.1768700000000001</v>
      </c>
      <c r="T13" s="17">
        <v>2.2743500000000001</v>
      </c>
      <c r="U13" s="23" t="s">
        <v>268</v>
      </c>
      <c r="V13" s="23" t="s">
        <v>268</v>
      </c>
    </row>
    <row r="14" spans="1:22">
      <c r="A14" s="21" t="s">
        <v>232</v>
      </c>
      <c r="B14" s="21" t="s">
        <v>233</v>
      </c>
      <c r="C14" s="21" t="s">
        <v>262</v>
      </c>
      <c r="D14" s="21" t="s">
        <v>683</v>
      </c>
      <c r="E14" s="17">
        <v>2.5238900000000002</v>
      </c>
      <c r="F14" s="17">
        <v>2.5238900000000002</v>
      </c>
      <c r="G14" s="17">
        <v>2.6092</v>
      </c>
      <c r="H14" s="17">
        <v>2.06989</v>
      </c>
      <c r="I14" s="17">
        <v>2.2831700000000001</v>
      </c>
      <c r="J14" s="17">
        <v>1.81653</v>
      </c>
      <c r="K14" s="17">
        <v>2.1548799999999999</v>
      </c>
      <c r="L14" s="17">
        <v>2.3158799999999999</v>
      </c>
      <c r="M14" s="17">
        <v>2.3078699999999999</v>
      </c>
      <c r="N14" s="17">
        <v>2.41777</v>
      </c>
      <c r="O14" s="17">
        <v>2.26823</v>
      </c>
      <c r="P14" s="17">
        <v>2.2857799999999999</v>
      </c>
      <c r="Q14" s="17">
        <v>2.29176</v>
      </c>
      <c r="R14" s="17">
        <v>2.3003300000000002</v>
      </c>
      <c r="S14" s="17">
        <v>2.2572199999999998</v>
      </c>
      <c r="T14" s="17">
        <v>2.4740500000000001</v>
      </c>
      <c r="U14" s="23" t="s">
        <v>268</v>
      </c>
      <c r="V14" s="23" t="s">
        <v>268</v>
      </c>
    </row>
    <row r="15" spans="1:22">
      <c r="A15" s="21" t="s">
        <v>232</v>
      </c>
      <c r="B15" s="21" t="s">
        <v>233</v>
      </c>
      <c r="C15" s="21" t="s">
        <v>262</v>
      </c>
      <c r="D15" s="21" t="s">
        <v>684</v>
      </c>
      <c r="E15" s="17">
        <v>1.86391</v>
      </c>
      <c r="F15" s="17">
        <v>1.86391</v>
      </c>
      <c r="G15" s="17">
        <v>1.9939800000000001</v>
      </c>
      <c r="H15" s="17">
        <v>1.6537599999999999</v>
      </c>
      <c r="I15" s="17">
        <v>1.8672599999999999</v>
      </c>
      <c r="J15" s="17">
        <v>1.76366</v>
      </c>
      <c r="K15" s="17">
        <v>1.86826</v>
      </c>
      <c r="L15" s="17">
        <v>1.8914599999999999</v>
      </c>
      <c r="M15" s="17">
        <v>1.83022</v>
      </c>
      <c r="N15" s="17">
        <v>1.96634</v>
      </c>
      <c r="O15" s="17">
        <v>1.8212999999999999</v>
      </c>
      <c r="P15" s="17">
        <v>1.905</v>
      </c>
      <c r="Q15" s="17">
        <v>1.86036</v>
      </c>
      <c r="R15" s="17">
        <v>1.84754</v>
      </c>
      <c r="S15" s="17">
        <v>2.01464</v>
      </c>
      <c r="T15" s="23" t="s">
        <v>268</v>
      </c>
      <c r="U15" s="23" t="s">
        <v>268</v>
      </c>
      <c r="V15" s="23" t="s">
        <v>268</v>
      </c>
    </row>
    <row r="16" spans="1:22">
      <c r="A16" s="21" t="s">
        <v>232</v>
      </c>
      <c r="B16" s="21" t="s">
        <v>233</v>
      </c>
      <c r="C16" s="21" t="s">
        <v>262</v>
      </c>
      <c r="D16" s="21" t="s">
        <v>685</v>
      </c>
      <c r="E16" s="17">
        <v>1.58294</v>
      </c>
      <c r="F16" s="17">
        <v>1.58294</v>
      </c>
      <c r="G16" s="17">
        <v>2.3352300000000001</v>
      </c>
      <c r="H16" s="17">
        <v>1.9934099999999999</v>
      </c>
      <c r="I16" s="17">
        <v>1.5250699999999999</v>
      </c>
      <c r="J16" s="17">
        <v>1.4929699999999999</v>
      </c>
      <c r="K16" s="17">
        <v>1.5453699999999999</v>
      </c>
      <c r="L16" s="17">
        <v>1.55135</v>
      </c>
      <c r="M16" s="17">
        <v>1.4886900000000001</v>
      </c>
      <c r="N16" s="17">
        <v>1.6411899999999999</v>
      </c>
      <c r="O16" s="17">
        <v>1.5260400000000001</v>
      </c>
      <c r="P16" s="17">
        <v>1.5238700000000001</v>
      </c>
      <c r="Q16" s="17">
        <v>1.50509</v>
      </c>
      <c r="R16" s="17">
        <v>1.5568</v>
      </c>
      <c r="S16" s="17">
        <v>1.86835</v>
      </c>
      <c r="T16" s="17">
        <v>1.98021</v>
      </c>
      <c r="U16" s="23" t="s">
        <v>268</v>
      </c>
      <c r="V16" s="23" t="s">
        <v>268</v>
      </c>
    </row>
    <row r="17" spans="1:22">
      <c r="A17" s="21" t="s">
        <v>232</v>
      </c>
      <c r="B17" s="21" t="s">
        <v>233</v>
      </c>
      <c r="C17" s="21" t="s">
        <v>262</v>
      </c>
      <c r="D17" s="21" t="s">
        <v>686</v>
      </c>
      <c r="E17" s="17">
        <v>1.7544</v>
      </c>
      <c r="F17" s="17">
        <v>1.7544</v>
      </c>
      <c r="G17" s="17">
        <v>2.6658200000000001</v>
      </c>
      <c r="H17" s="17">
        <v>2.4401299999999999</v>
      </c>
      <c r="I17" s="17">
        <v>1.68773</v>
      </c>
      <c r="J17" s="17">
        <v>1.44116</v>
      </c>
      <c r="K17" s="17">
        <v>1.75013</v>
      </c>
      <c r="L17" s="17">
        <v>1.7246999999999999</v>
      </c>
      <c r="M17" s="17">
        <v>1.78464</v>
      </c>
      <c r="N17" s="17">
        <v>1.9069400000000001</v>
      </c>
      <c r="O17" s="17">
        <v>1.64734</v>
      </c>
      <c r="P17" s="17">
        <v>1.7188600000000001</v>
      </c>
      <c r="Q17" s="17">
        <v>1.7073</v>
      </c>
      <c r="R17" s="17">
        <v>1.839</v>
      </c>
      <c r="S17" s="17">
        <v>2.0948699999999998</v>
      </c>
      <c r="T17" s="17">
        <v>2.1600199999999998</v>
      </c>
      <c r="U17" s="23" t="s">
        <v>268</v>
      </c>
      <c r="V17" s="23" t="s">
        <v>268</v>
      </c>
    </row>
    <row r="18" spans="1:22">
      <c r="A18" s="21" t="s">
        <v>232</v>
      </c>
      <c r="B18" s="21" t="s">
        <v>233</v>
      </c>
      <c r="C18" s="21" t="s">
        <v>262</v>
      </c>
      <c r="D18" s="21" t="s">
        <v>687</v>
      </c>
      <c r="E18" s="17">
        <v>1.65191</v>
      </c>
      <c r="F18" s="17">
        <v>1.65191</v>
      </c>
      <c r="G18" s="17">
        <v>2.0147499999999998</v>
      </c>
      <c r="H18" s="17">
        <v>1.50606</v>
      </c>
      <c r="I18" s="17">
        <v>1.28714</v>
      </c>
      <c r="J18" s="17">
        <v>1.2668200000000001</v>
      </c>
      <c r="K18" s="17">
        <v>1.2697000000000001</v>
      </c>
      <c r="L18" s="17">
        <v>1.3111699999999999</v>
      </c>
      <c r="M18" s="17">
        <v>1.3371200000000001</v>
      </c>
      <c r="N18" s="17">
        <v>1.41391</v>
      </c>
      <c r="O18" s="17">
        <v>1.28091</v>
      </c>
      <c r="P18" s="17">
        <v>1.2746500000000001</v>
      </c>
      <c r="Q18" s="17">
        <v>1.33178</v>
      </c>
      <c r="R18" s="17">
        <v>1.35832</v>
      </c>
      <c r="S18" s="17">
        <v>1.39605</v>
      </c>
      <c r="T18" s="17">
        <v>1.8127200000000001</v>
      </c>
      <c r="U18" s="23" t="s">
        <v>268</v>
      </c>
      <c r="V18" s="23" t="s">
        <v>268</v>
      </c>
    </row>
    <row r="19" spans="1:22">
      <c r="A19" s="21" t="s">
        <v>232</v>
      </c>
      <c r="B19" s="21" t="s">
        <v>233</v>
      </c>
      <c r="C19" s="21" t="s">
        <v>262</v>
      </c>
      <c r="D19" s="21" t="s">
        <v>688</v>
      </c>
      <c r="E19" s="17">
        <v>1.33405</v>
      </c>
      <c r="F19" s="23" t="s">
        <v>268</v>
      </c>
      <c r="G19" s="23" t="s">
        <v>268</v>
      </c>
      <c r="H19" s="23" t="s">
        <v>268</v>
      </c>
      <c r="I19" s="23" t="s">
        <v>268</v>
      </c>
      <c r="J19" s="23" t="s">
        <v>268</v>
      </c>
      <c r="K19" s="23" t="s">
        <v>268</v>
      </c>
      <c r="L19" s="23" t="s">
        <v>268</v>
      </c>
      <c r="M19" s="23" t="s">
        <v>268</v>
      </c>
      <c r="N19" s="23" t="s">
        <v>268</v>
      </c>
      <c r="O19" s="23" t="s">
        <v>268</v>
      </c>
      <c r="P19" s="23" t="s">
        <v>268</v>
      </c>
      <c r="Q19" s="23" t="s">
        <v>268</v>
      </c>
      <c r="R19" s="23" t="s">
        <v>268</v>
      </c>
      <c r="S19" s="23" t="s">
        <v>268</v>
      </c>
      <c r="T19" s="23" t="s">
        <v>268</v>
      </c>
      <c r="U19" s="17">
        <v>1.33405</v>
      </c>
      <c r="V19" s="23" t="s">
        <v>268</v>
      </c>
    </row>
    <row r="20" spans="1:22">
      <c r="A20" s="21" t="s">
        <v>232</v>
      </c>
      <c r="B20" s="21" t="s">
        <v>233</v>
      </c>
      <c r="C20" s="21" t="s">
        <v>262</v>
      </c>
      <c r="D20" s="21" t="s">
        <v>689</v>
      </c>
      <c r="E20" s="17">
        <v>2.7058800000000001</v>
      </c>
      <c r="F20" s="23" t="s">
        <v>268</v>
      </c>
      <c r="G20" s="23" t="s">
        <v>268</v>
      </c>
      <c r="H20" s="23" t="s">
        <v>268</v>
      </c>
      <c r="I20" s="23" t="s">
        <v>268</v>
      </c>
      <c r="J20" s="23" t="s">
        <v>268</v>
      </c>
      <c r="K20" s="23" t="s">
        <v>268</v>
      </c>
      <c r="L20" s="23" t="s">
        <v>268</v>
      </c>
      <c r="M20" s="23" t="s">
        <v>268</v>
      </c>
      <c r="N20" s="23" t="s">
        <v>268</v>
      </c>
      <c r="O20" s="23" t="s">
        <v>268</v>
      </c>
      <c r="P20" s="23" t="s">
        <v>268</v>
      </c>
      <c r="Q20" s="23" t="s">
        <v>268</v>
      </c>
      <c r="R20" s="23" t="s">
        <v>268</v>
      </c>
      <c r="S20" s="23" t="s">
        <v>268</v>
      </c>
      <c r="T20" s="23" t="s">
        <v>268</v>
      </c>
      <c r="U20" s="23" t="s">
        <v>268</v>
      </c>
      <c r="V20" s="17">
        <v>2.7058800000000001</v>
      </c>
    </row>
    <row r="21" spans="1:22">
      <c r="A21" s="21" t="s">
        <v>232</v>
      </c>
      <c r="B21" s="21" t="s">
        <v>237</v>
      </c>
      <c r="C21" s="21" t="s">
        <v>264</v>
      </c>
      <c r="D21" s="21" t="s">
        <v>214</v>
      </c>
      <c r="E21" s="17">
        <v>2.1760000000000002</v>
      </c>
      <c r="F21" s="17">
        <v>2.18269</v>
      </c>
      <c r="G21" s="17">
        <v>2.6246</v>
      </c>
      <c r="H21" s="17">
        <v>2.0244399999999998</v>
      </c>
      <c r="I21" s="17">
        <v>1.79555</v>
      </c>
      <c r="J21" s="17">
        <v>1.7562199999999999</v>
      </c>
      <c r="K21" s="17">
        <v>1.77112</v>
      </c>
      <c r="L21" s="17">
        <v>1.7315499999999999</v>
      </c>
      <c r="M21" s="17">
        <v>2.0428999999999999</v>
      </c>
      <c r="N21" s="17">
        <v>2.36267</v>
      </c>
      <c r="O21" s="17">
        <v>1.78773</v>
      </c>
      <c r="P21" s="17">
        <v>1.7684599999999999</v>
      </c>
      <c r="Q21" s="17">
        <v>1.8435600000000001</v>
      </c>
      <c r="R21" s="17">
        <v>2.0591499999999998</v>
      </c>
      <c r="S21" s="17">
        <v>2.1598899999999999</v>
      </c>
      <c r="T21" s="17">
        <v>2.3641899999999998</v>
      </c>
      <c r="U21" s="17">
        <v>1.5444899999999999</v>
      </c>
      <c r="V21" s="23" t="s">
        <v>268</v>
      </c>
    </row>
    <row r="22" spans="1:22">
      <c r="A22" s="21" t="s">
        <v>232</v>
      </c>
      <c r="B22" s="21" t="s">
        <v>237</v>
      </c>
      <c r="C22" s="21" t="s">
        <v>264</v>
      </c>
      <c r="D22" s="21" t="s">
        <v>681</v>
      </c>
      <c r="E22" s="17">
        <v>2.18269</v>
      </c>
      <c r="F22" s="17">
        <v>2.18269</v>
      </c>
      <c r="G22" s="17">
        <v>2.6246</v>
      </c>
      <c r="H22" s="17">
        <v>2.0244399999999998</v>
      </c>
      <c r="I22" s="17">
        <v>1.79555</v>
      </c>
      <c r="J22" s="17">
        <v>1.7562199999999999</v>
      </c>
      <c r="K22" s="17">
        <v>1.77112</v>
      </c>
      <c r="L22" s="17">
        <v>1.7315499999999999</v>
      </c>
      <c r="M22" s="17">
        <v>2.0428999999999999</v>
      </c>
      <c r="N22" s="17">
        <v>2.36267</v>
      </c>
      <c r="O22" s="17">
        <v>1.78773</v>
      </c>
      <c r="P22" s="17">
        <v>1.7684599999999999</v>
      </c>
      <c r="Q22" s="17">
        <v>1.8435600000000001</v>
      </c>
      <c r="R22" s="17">
        <v>2.0591499999999998</v>
      </c>
      <c r="S22" s="17">
        <v>2.1598899999999999</v>
      </c>
      <c r="T22" s="17">
        <v>2.3641899999999998</v>
      </c>
      <c r="U22" s="23" t="s">
        <v>268</v>
      </c>
      <c r="V22" s="23" t="s">
        <v>268</v>
      </c>
    </row>
    <row r="23" spans="1:22">
      <c r="A23" s="21" t="s">
        <v>232</v>
      </c>
      <c r="B23" s="21" t="s">
        <v>237</v>
      </c>
      <c r="C23" s="21" t="s">
        <v>264</v>
      </c>
      <c r="D23" s="21" t="s">
        <v>682</v>
      </c>
      <c r="E23" s="17">
        <v>2.1867700000000001</v>
      </c>
      <c r="F23" s="17">
        <v>2.1867700000000001</v>
      </c>
      <c r="G23" s="17">
        <v>2.6312799999999998</v>
      </c>
      <c r="H23" s="17">
        <v>2.0331899999999998</v>
      </c>
      <c r="I23" s="17">
        <v>1.7986599999999999</v>
      </c>
      <c r="J23" s="17">
        <v>1.7607699999999999</v>
      </c>
      <c r="K23" s="17">
        <v>1.7743899999999999</v>
      </c>
      <c r="L23" s="17">
        <v>1.7323500000000001</v>
      </c>
      <c r="M23" s="17">
        <v>2.04522</v>
      </c>
      <c r="N23" s="17">
        <v>2.36408</v>
      </c>
      <c r="O23" s="17">
        <v>1.79139</v>
      </c>
      <c r="P23" s="17">
        <v>1.7712699999999999</v>
      </c>
      <c r="Q23" s="17">
        <v>1.84497</v>
      </c>
      <c r="R23" s="17">
        <v>2.0605799999999999</v>
      </c>
      <c r="S23" s="17">
        <v>2.1630400000000001</v>
      </c>
      <c r="T23" s="17">
        <v>2.3844500000000002</v>
      </c>
      <c r="U23" s="23" t="s">
        <v>268</v>
      </c>
      <c r="V23" s="23" t="s">
        <v>268</v>
      </c>
    </row>
    <row r="24" spans="1:22">
      <c r="A24" s="21" t="s">
        <v>232</v>
      </c>
      <c r="B24" s="21" t="s">
        <v>237</v>
      </c>
      <c r="C24" s="21" t="s">
        <v>264</v>
      </c>
      <c r="D24" s="21" t="s">
        <v>683</v>
      </c>
      <c r="E24" s="17">
        <v>2.5864799999999999</v>
      </c>
      <c r="F24" s="17">
        <v>2.5864799999999999</v>
      </c>
      <c r="G24" s="17">
        <v>2.6435200000000001</v>
      </c>
      <c r="H24" s="17">
        <v>2.20363</v>
      </c>
      <c r="I24" s="17">
        <v>2.2998799999999999</v>
      </c>
      <c r="J24" s="17">
        <v>2.0430000000000001</v>
      </c>
      <c r="K24" s="17">
        <v>2.1724999999999999</v>
      </c>
      <c r="L24" s="17">
        <v>2.3042600000000002</v>
      </c>
      <c r="M24" s="17">
        <v>2.3223199999999999</v>
      </c>
      <c r="N24" s="17">
        <v>2.3603100000000001</v>
      </c>
      <c r="O24" s="17">
        <v>2.3540899999999998</v>
      </c>
      <c r="P24" s="17">
        <v>2.3002099999999999</v>
      </c>
      <c r="Q24" s="17">
        <v>2.28789</v>
      </c>
      <c r="R24" s="17">
        <v>2.2450100000000002</v>
      </c>
      <c r="S24" s="17">
        <v>2.1933500000000001</v>
      </c>
      <c r="T24" s="17">
        <v>2.4801799999999998</v>
      </c>
      <c r="U24" s="23" t="s">
        <v>268</v>
      </c>
      <c r="V24" s="23" t="s">
        <v>268</v>
      </c>
    </row>
    <row r="25" spans="1:22">
      <c r="A25" s="21" t="s">
        <v>232</v>
      </c>
      <c r="B25" s="21" t="s">
        <v>237</v>
      </c>
      <c r="C25" s="21" t="s">
        <v>264</v>
      </c>
      <c r="D25" s="21" t="s">
        <v>684</v>
      </c>
      <c r="E25" s="17">
        <v>1.9067499999999999</v>
      </c>
      <c r="F25" s="17">
        <v>1.9067499999999999</v>
      </c>
      <c r="G25" s="17">
        <v>2.1764700000000001</v>
      </c>
      <c r="H25" s="17">
        <v>1.6797</v>
      </c>
      <c r="I25" s="17">
        <v>1.91665</v>
      </c>
      <c r="J25" s="17">
        <v>1.8205100000000001</v>
      </c>
      <c r="K25" s="17">
        <v>1.92249</v>
      </c>
      <c r="L25" s="17">
        <v>1.93435</v>
      </c>
      <c r="M25" s="17">
        <v>1.5281400000000001</v>
      </c>
      <c r="N25" s="23" t="s">
        <v>268</v>
      </c>
      <c r="O25" s="17">
        <v>1.82056</v>
      </c>
      <c r="P25" s="17">
        <v>1.99888</v>
      </c>
      <c r="Q25" s="17">
        <v>2.0656699999999999</v>
      </c>
      <c r="R25" s="17">
        <v>1.3333299999999999</v>
      </c>
      <c r="S25" s="23" t="s">
        <v>268</v>
      </c>
      <c r="T25" s="23" t="s">
        <v>268</v>
      </c>
      <c r="U25" s="23" t="s">
        <v>268</v>
      </c>
      <c r="V25" s="23" t="s">
        <v>268</v>
      </c>
    </row>
    <row r="26" spans="1:22">
      <c r="A26" s="21" t="s">
        <v>232</v>
      </c>
      <c r="B26" s="21" t="s">
        <v>237</v>
      </c>
      <c r="C26" s="21" t="s">
        <v>264</v>
      </c>
      <c r="D26" s="21" t="s">
        <v>685</v>
      </c>
      <c r="E26" s="17">
        <v>1.7511300000000001</v>
      </c>
      <c r="F26" s="17">
        <v>1.7511300000000001</v>
      </c>
      <c r="G26" s="17">
        <v>2.49932</v>
      </c>
      <c r="H26" s="17">
        <v>2.1081099999999999</v>
      </c>
      <c r="I26" s="17">
        <v>1.6617500000000001</v>
      </c>
      <c r="J26" s="17">
        <v>1.7660100000000001</v>
      </c>
      <c r="K26" s="17">
        <v>1.6702999999999999</v>
      </c>
      <c r="L26" s="17">
        <v>1.4532700000000001</v>
      </c>
      <c r="M26" s="17">
        <v>1.52979</v>
      </c>
      <c r="N26" s="17">
        <v>2.3480400000000001</v>
      </c>
      <c r="O26" s="17">
        <v>1.7430099999999999</v>
      </c>
      <c r="P26" s="17">
        <v>1.5424500000000001</v>
      </c>
      <c r="Q26" s="17">
        <v>1.4682599999999999</v>
      </c>
      <c r="R26" s="17">
        <v>1.5505</v>
      </c>
      <c r="S26" s="17">
        <v>1.82759</v>
      </c>
      <c r="T26" s="17">
        <v>2.21557</v>
      </c>
      <c r="U26" s="23" t="s">
        <v>268</v>
      </c>
      <c r="V26" s="23" t="s">
        <v>268</v>
      </c>
    </row>
    <row r="27" spans="1:22">
      <c r="A27" s="21" t="s">
        <v>232</v>
      </c>
      <c r="B27" s="21" t="s">
        <v>237</v>
      </c>
      <c r="C27" s="21" t="s">
        <v>264</v>
      </c>
      <c r="D27" s="21" t="s">
        <v>686</v>
      </c>
      <c r="E27" s="17">
        <v>1.9188700000000001</v>
      </c>
      <c r="F27" s="17">
        <v>1.9188700000000001</v>
      </c>
      <c r="G27" s="17">
        <v>2.6366499999999999</v>
      </c>
      <c r="H27" s="17">
        <v>2.15924</v>
      </c>
      <c r="I27" s="17">
        <v>1.8547100000000001</v>
      </c>
      <c r="J27" s="17">
        <v>1.5602799999999999</v>
      </c>
      <c r="K27" s="17">
        <v>2.0344099999999998</v>
      </c>
      <c r="L27" s="17">
        <v>1.5859099999999999</v>
      </c>
      <c r="M27" s="17">
        <v>2.0845799999999999</v>
      </c>
      <c r="N27" s="17">
        <v>2.60345</v>
      </c>
      <c r="O27" s="17">
        <v>1.8682000000000001</v>
      </c>
      <c r="P27" s="17">
        <v>1.8824399999999999</v>
      </c>
      <c r="Q27" s="17">
        <v>1.6388</v>
      </c>
      <c r="R27" s="17">
        <v>2.24038</v>
      </c>
      <c r="S27" s="17">
        <v>2.125</v>
      </c>
      <c r="T27" s="17">
        <v>2.4634100000000001</v>
      </c>
      <c r="U27" s="23" t="s">
        <v>268</v>
      </c>
      <c r="V27" s="23" t="s">
        <v>268</v>
      </c>
    </row>
    <row r="28" spans="1:22">
      <c r="A28" s="21" t="s">
        <v>232</v>
      </c>
      <c r="B28" s="21" t="s">
        <v>237</v>
      </c>
      <c r="C28" s="21" t="s">
        <v>264</v>
      </c>
      <c r="D28" s="21" t="s">
        <v>687</v>
      </c>
      <c r="E28" s="17">
        <v>1.77535</v>
      </c>
      <c r="F28" s="17">
        <v>1.77535</v>
      </c>
      <c r="G28" s="17">
        <v>2.0646599999999999</v>
      </c>
      <c r="H28" s="17">
        <v>1.4868399999999999</v>
      </c>
      <c r="I28" s="17">
        <v>1.4125300000000001</v>
      </c>
      <c r="J28" s="17">
        <v>1.3748199999999999</v>
      </c>
      <c r="K28" s="17">
        <v>1.3712</v>
      </c>
      <c r="L28" s="17">
        <v>1.5555600000000001</v>
      </c>
      <c r="M28" s="17">
        <v>1.5825199999999999</v>
      </c>
      <c r="N28" s="17">
        <v>2</v>
      </c>
      <c r="O28" s="17">
        <v>1.40927</v>
      </c>
      <c r="P28" s="17">
        <v>1.38063</v>
      </c>
      <c r="Q28" s="17">
        <v>1.51786</v>
      </c>
      <c r="R28" s="17">
        <v>1.7368399999999999</v>
      </c>
      <c r="S28" s="17">
        <v>1</v>
      </c>
      <c r="T28" s="17">
        <v>1.90476</v>
      </c>
      <c r="U28" s="23" t="s">
        <v>268</v>
      </c>
      <c r="V28" s="23" t="s">
        <v>268</v>
      </c>
    </row>
    <row r="29" spans="1:22">
      <c r="A29" s="21" t="s">
        <v>232</v>
      </c>
      <c r="B29" s="21" t="s">
        <v>237</v>
      </c>
      <c r="C29" s="21" t="s">
        <v>264</v>
      </c>
      <c r="D29" s="21" t="s">
        <v>688</v>
      </c>
      <c r="E29" s="17">
        <v>1.5444899999999999</v>
      </c>
      <c r="F29" s="23" t="s">
        <v>268</v>
      </c>
      <c r="G29" s="23" t="s">
        <v>268</v>
      </c>
      <c r="H29" s="23" t="s">
        <v>268</v>
      </c>
      <c r="I29" s="23" t="s">
        <v>268</v>
      </c>
      <c r="J29" s="23" t="s">
        <v>268</v>
      </c>
      <c r="K29" s="23" t="s">
        <v>268</v>
      </c>
      <c r="L29" s="23" t="s">
        <v>268</v>
      </c>
      <c r="M29" s="23" t="s">
        <v>268</v>
      </c>
      <c r="N29" s="23" t="s">
        <v>268</v>
      </c>
      <c r="O29" s="23" t="s">
        <v>268</v>
      </c>
      <c r="P29" s="23" t="s">
        <v>268</v>
      </c>
      <c r="Q29" s="23" t="s">
        <v>268</v>
      </c>
      <c r="R29" s="23" t="s">
        <v>268</v>
      </c>
      <c r="S29" s="23" t="s">
        <v>268</v>
      </c>
      <c r="T29" s="23" t="s">
        <v>268</v>
      </c>
      <c r="U29" s="17">
        <v>1.5444899999999999</v>
      </c>
      <c r="V29" s="23" t="s">
        <v>268</v>
      </c>
    </row>
    <row r="30" spans="1:22">
      <c r="A30" s="21" t="s">
        <v>232</v>
      </c>
      <c r="B30" s="21" t="s">
        <v>237</v>
      </c>
      <c r="C30" s="21" t="s">
        <v>264</v>
      </c>
      <c r="D30" s="21" t="s">
        <v>689</v>
      </c>
      <c r="E30" s="23" t="s">
        <v>268</v>
      </c>
      <c r="F30" s="23" t="s">
        <v>268</v>
      </c>
      <c r="G30" s="23" t="s">
        <v>268</v>
      </c>
      <c r="H30" s="23" t="s">
        <v>268</v>
      </c>
      <c r="I30" s="23" t="s">
        <v>268</v>
      </c>
      <c r="J30" s="23" t="s">
        <v>268</v>
      </c>
      <c r="K30" s="23" t="s">
        <v>268</v>
      </c>
      <c r="L30" s="23" t="s">
        <v>268</v>
      </c>
      <c r="M30" s="23" t="s">
        <v>268</v>
      </c>
      <c r="N30" s="23" t="s">
        <v>268</v>
      </c>
      <c r="O30" s="23" t="s">
        <v>268</v>
      </c>
      <c r="P30" s="23" t="s">
        <v>268</v>
      </c>
      <c r="Q30" s="23" t="s">
        <v>268</v>
      </c>
      <c r="R30" s="23" t="s">
        <v>268</v>
      </c>
      <c r="S30" s="23" t="s">
        <v>268</v>
      </c>
      <c r="T30" s="23" t="s">
        <v>268</v>
      </c>
      <c r="U30" s="23" t="s">
        <v>268</v>
      </c>
      <c r="V30" s="23" t="s">
        <v>268</v>
      </c>
    </row>
    <row r="31" spans="1:22">
      <c r="A31" s="21" t="s">
        <v>240</v>
      </c>
      <c r="B31" s="21" t="s">
        <v>237</v>
      </c>
      <c r="C31" s="21" t="s">
        <v>265</v>
      </c>
      <c r="D31" s="21" t="s">
        <v>214</v>
      </c>
      <c r="E31" s="17">
        <v>2.26911</v>
      </c>
      <c r="F31" s="17">
        <v>2.2801</v>
      </c>
      <c r="G31" s="17">
        <v>2.52216</v>
      </c>
      <c r="H31" s="17">
        <v>1.74336</v>
      </c>
      <c r="I31" s="17">
        <v>1.8779699999999999</v>
      </c>
      <c r="J31" s="17">
        <v>1.7327300000000001</v>
      </c>
      <c r="K31" s="17">
        <v>2.0113699999999999</v>
      </c>
      <c r="L31" s="17">
        <v>1.9385300000000001</v>
      </c>
      <c r="M31" s="17">
        <v>2.0241400000000001</v>
      </c>
      <c r="N31" s="23" t="s">
        <v>268</v>
      </c>
      <c r="O31" s="17">
        <v>1.8525100000000001</v>
      </c>
      <c r="P31" s="17">
        <v>1.9390400000000001</v>
      </c>
      <c r="Q31" s="17">
        <v>1.98966</v>
      </c>
      <c r="R31" s="17">
        <v>1.87931</v>
      </c>
      <c r="S31" s="23" t="s">
        <v>268</v>
      </c>
      <c r="T31" s="17">
        <v>2.26667</v>
      </c>
      <c r="U31" s="17">
        <v>1.56338</v>
      </c>
      <c r="V31" s="23" t="s">
        <v>268</v>
      </c>
    </row>
    <row r="32" spans="1:22">
      <c r="A32" s="21" t="s">
        <v>240</v>
      </c>
      <c r="B32" s="21" t="s">
        <v>237</v>
      </c>
      <c r="C32" s="21" t="s">
        <v>265</v>
      </c>
      <c r="D32" s="21" t="s">
        <v>681</v>
      </c>
      <c r="E32" s="17">
        <v>2.2801</v>
      </c>
      <c r="F32" s="17">
        <v>2.2801</v>
      </c>
      <c r="G32" s="17">
        <v>2.52216</v>
      </c>
      <c r="H32" s="17">
        <v>1.74336</v>
      </c>
      <c r="I32" s="17">
        <v>1.8779699999999999</v>
      </c>
      <c r="J32" s="17">
        <v>1.7327300000000001</v>
      </c>
      <c r="K32" s="17">
        <v>2.0113699999999999</v>
      </c>
      <c r="L32" s="17">
        <v>1.9385300000000001</v>
      </c>
      <c r="M32" s="17">
        <v>2.0241400000000001</v>
      </c>
      <c r="N32" s="23" t="s">
        <v>268</v>
      </c>
      <c r="O32" s="17">
        <v>1.8525100000000001</v>
      </c>
      <c r="P32" s="17">
        <v>1.9390400000000001</v>
      </c>
      <c r="Q32" s="17">
        <v>1.98966</v>
      </c>
      <c r="R32" s="17">
        <v>1.87931</v>
      </c>
      <c r="S32" s="23" t="s">
        <v>268</v>
      </c>
      <c r="T32" s="17">
        <v>2.26667</v>
      </c>
      <c r="U32" s="23" t="s">
        <v>268</v>
      </c>
      <c r="V32" s="23" t="s">
        <v>268</v>
      </c>
    </row>
    <row r="33" spans="1:22">
      <c r="A33" s="21" t="s">
        <v>240</v>
      </c>
      <c r="B33" s="21" t="s">
        <v>237</v>
      </c>
      <c r="C33" s="21" t="s">
        <v>265</v>
      </c>
      <c r="D33" s="21" t="s">
        <v>682</v>
      </c>
      <c r="E33" s="17">
        <v>2.2852600000000001</v>
      </c>
      <c r="F33" s="17">
        <v>2.2852600000000001</v>
      </c>
      <c r="G33" s="17">
        <v>2.5290499999999998</v>
      </c>
      <c r="H33" s="17">
        <v>1.7416499999999999</v>
      </c>
      <c r="I33" s="17">
        <v>1.8815200000000001</v>
      </c>
      <c r="J33" s="17">
        <v>1.73353</v>
      </c>
      <c r="K33" s="17">
        <v>2.0186299999999999</v>
      </c>
      <c r="L33" s="17">
        <v>1.9452400000000001</v>
      </c>
      <c r="M33" s="17">
        <v>2.0243500000000001</v>
      </c>
      <c r="N33" s="23" t="s">
        <v>268</v>
      </c>
      <c r="O33" s="17">
        <v>1.85612</v>
      </c>
      <c r="P33" s="17">
        <v>1.9427399999999999</v>
      </c>
      <c r="Q33" s="17">
        <v>1.9895799999999999</v>
      </c>
      <c r="R33" s="17">
        <v>1.88696</v>
      </c>
      <c r="S33" s="23" t="s">
        <v>268</v>
      </c>
      <c r="T33" s="17">
        <v>2.2307700000000001</v>
      </c>
      <c r="U33" s="23" t="s">
        <v>268</v>
      </c>
      <c r="V33" s="23" t="s">
        <v>268</v>
      </c>
    </row>
    <row r="34" spans="1:22">
      <c r="A34" s="21" t="s">
        <v>240</v>
      </c>
      <c r="B34" s="21" t="s">
        <v>237</v>
      </c>
      <c r="C34" s="21" t="s">
        <v>265</v>
      </c>
      <c r="D34" s="21" t="s">
        <v>683</v>
      </c>
      <c r="E34" s="17">
        <v>2.5253299999999999</v>
      </c>
      <c r="F34" s="17">
        <v>2.5253299999999999</v>
      </c>
      <c r="G34" s="17">
        <v>2.54806</v>
      </c>
      <c r="H34" s="17">
        <v>2.38462</v>
      </c>
      <c r="I34" s="17">
        <v>2.0859399999999999</v>
      </c>
      <c r="J34" s="17">
        <v>2.2325599999999999</v>
      </c>
      <c r="K34" s="17">
        <v>2.2857099999999999</v>
      </c>
      <c r="L34" s="17">
        <v>1.98261</v>
      </c>
      <c r="M34" s="17">
        <v>2.0859000000000001</v>
      </c>
      <c r="N34" s="23" t="s">
        <v>268</v>
      </c>
      <c r="O34" s="17">
        <v>2.28125</v>
      </c>
      <c r="P34" s="17">
        <v>2.0585100000000001</v>
      </c>
      <c r="Q34" s="17">
        <v>2.0588199999999999</v>
      </c>
      <c r="R34" s="17">
        <v>1.9302299999999999</v>
      </c>
      <c r="S34" s="23" t="s">
        <v>268</v>
      </c>
      <c r="T34" s="17">
        <v>2.4</v>
      </c>
      <c r="U34" s="23" t="s">
        <v>268</v>
      </c>
      <c r="V34" s="23" t="s">
        <v>268</v>
      </c>
    </row>
    <row r="35" spans="1:22">
      <c r="A35" s="21" t="s">
        <v>240</v>
      </c>
      <c r="B35" s="21" t="s">
        <v>237</v>
      </c>
      <c r="C35" s="21" t="s">
        <v>265</v>
      </c>
      <c r="D35" s="21" t="s">
        <v>684</v>
      </c>
      <c r="E35" s="17">
        <v>2.0177299999999998</v>
      </c>
      <c r="F35" s="17">
        <v>2.0177299999999998</v>
      </c>
      <c r="G35" s="17">
        <v>2.2857099999999999</v>
      </c>
      <c r="H35" s="17">
        <v>1.4685699999999999</v>
      </c>
      <c r="I35" s="17">
        <v>2.2080799999999998</v>
      </c>
      <c r="J35" s="17">
        <v>2.2432400000000001</v>
      </c>
      <c r="K35" s="17">
        <v>2.2052399999999999</v>
      </c>
      <c r="L35" s="23" t="s">
        <v>268</v>
      </c>
      <c r="M35" s="23" t="s">
        <v>268</v>
      </c>
      <c r="N35" s="23" t="s">
        <v>268</v>
      </c>
      <c r="O35" s="17">
        <v>2.2207400000000002</v>
      </c>
      <c r="P35" s="17">
        <v>2.1887799999999999</v>
      </c>
      <c r="Q35" s="23" t="s">
        <v>268</v>
      </c>
      <c r="R35" s="23" t="s">
        <v>268</v>
      </c>
      <c r="S35" s="23" t="s">
        <v>268</v>
      </c>
      <c r="T35" s="23" t="s">
        <v>268</v>
      </c>
      <c r="U35" s="23" t="s">
        <v>268</v>
      </c>
      <c r="V35" s="23" t="s">
        <v>268</v>
      </c>
    </row>
    <row r="36" spans="1:22">
      <c r="A36" s="21" t="s">
        <v>240</v>
      </c>
      <c r="B36" s="21" t="s">
        <v>237</v>
      </c>
      <c r="C36" s="21" t="s">
        <v>265</v>
      </c>
      <c r="D36" s="21" t="s">
        <v>685</v>
      </c>
      <c r="E36" s="17">
        <v>1.95519</v>
      </c>
      <c r="F36" s="17">
        <v>1.95519</v>
      </c>
      <c r="G36" s="17">
        <v>2.3853599999999999</v>
      </c>
      <c r="H36" s="17">
        <v>1.8785400000000001</v>
      </c>
      <c r="I36" s="17">
        <v>1.8488</v>
      </c>
      <c r="J36" s="17">
        <v>1.7433000000000001</v>
      </c>
      <c r="K36" s="17">
        <v>2.0004200000000001</v>
      </c>
      <c r="L36" s="17">
        <v>1.9069799999999999</v>
      </c>
      <c r="M36" s="17">
        <v>1.6881699999999999</v>
      </c>
      <c r="N36" s="23" t="s">
        <v>268</v>
      </c>
      <c r="O36" s="17">
        <v>1.84036</v>
      </c>
      <c r="P36" s="17">
        <v>1.8857699999999999</v>
      </c>
      <c r="Q36" s="17">
        <v>1.88889</v>
      </c>
      <c r="R36" s="17">
        <v>1.6190500000000001</v>
      </c>
      <c r="S36" s="23" t="s">
        <v>268</v>
      </c>
      <c r="T36" s="17">
        <v>1.85714</v>
      </c>
      <c r="U36" s="23" t="s">
        <v>268</v>
      </c>
      <c r="V36" s="23" t="s">
        <v>268</v>
      </c>
    </row>
    <row r="37" spans="1:22">
      <c r="A37" s="21" t="s">
        <v>240</v>
      </c>
      <c r="B37" s="21" t="s">
        <v>237</v>
      </c>
      <c r="C37" s="21" t="s">
        <v>265</v>
      </c>
      <c r="D37" s="21" t="s">
        <v>686</v>
      </c>
      <c r="E37" s="17">
        <v>1.82256</v>
      </c>
      <c r="F37" s="17">
        <v>1.82256</v>
      </c>
      <c r="G37" s="17">
        <v>2.3717899999999998</v>
      </c>
      <c r="H37" s="17">
        <v>2.1428600000000002</v>
      </c>
      <c r="I37" s="17">
        <v>1.74709</v>
      </c>
      <c r="J37" s="17">
        <v>1.4297500000000001</v>
      </c>
      <c r="K37" s="17">
        <v>1.8841000000000001</v>
      </c>
      <c r="L37" s="17">
        <v>2.0638299999999998</v>
      </c>
      <c r="M37" s="17">
        <v>2.1428600000000002</v>
      </c>
      <c r="N37" s="23" t="s">
        <v>268</v>
      </c>
      <c r="O37" s="17">
        <v>1.6644600000000001</v>
      </c>
      <c r="P37" s="17">
        <v>1.90821</v>
      </c>
      <c r="Q37" s="17">
        <v>1.8</v>
      </c>
      <c r="R37" s="17">
        <v>2.125</v>
      </c>
      <c r="S37" s="23" t="s">
        <v>268</v>
      </c>
      <c r="T37" s="17">
        <v>2.3333300000000001</v>
      </c>
      <c r="U37" s="23" t="s">
        <v>268</v>
      </c>
      <c r="V37" s="23" t="s">
        <v>268</v>
      </c>
    </row>
    <row r="38" spans="1:22">
      <c r="A38" s="21" t="s">
        <v>240</v>
      </c>
      <c r="B38" s="21" t="s">
        <v>237</v>
      </c>
      <c r="C38" s="21" t="s">
        <v>265</v>
      </c>
      <c r="D38" s="21" t="s">
        <v>687</v>
      </c>
      <c r="E38" s="17">
        <v>1.7890299999999999</v>
      </c>
      <c r="F38" s="17">
        <v>1.7890299999999999</v>
      </c>
      <c r="G38" s="17">
        <v>1.90506</v>
      </c>
      <c r="H38" s="17">
        <v>2</v>
      </c>
      <c r="I38" s="17">
        <v>1.48611</v>
      </c>
      <c r="J38" s="17">
        <v>1.6333299999999999</v>
      </c>
      <c r="K38" s="17">
        <v>1.3235300000000001</v>
      </c>
      <c r="L38" s="17">
        <v>1</v>
      </c>
      <c r="M38" s="17">
        <v>2</v>
      </c>
      <c r="N38" s="23" t="s">
        <v>268</v>
      </c>
      <c r="O38" s="17">
        <v>1.48214</v>
      </c>
      <c r="P38" s="17">
        <v>1.4166700000000001</v>
      </c>
      <c r="Q38" s="17">
        <v>2</v>
      </c>
      <c r="R38" s="17">
        <v>1</v>
      </c>
      <c r="S38" s="23" t="s">
        <v>268</v>
      </c>
      <c r="T38" s="17">
        <v>2.5</v>
      </c>
      <c r="U38" s="23" t="s">
        <v>268</v>
      </c>
      <c r="V38" s="23" t="s">
        <v>268</v>
      </c>
    </row>
    <row r="39" spans="1:22">
      <c r="A39" s="21" t="s">
        <v>240</v>
      </c>
      <c r="B39" s="21" t="s">
        <v>237</v>
      </c>
      <c r="C39" s="21" t="s">
        <v>265</v>
      </c>
      <c r="D39" s="21" t="s">
        <v>688</v>
      </c>
      <c r="E39" s="17">
        <v>1.56338</v>
      </c>
      <c r="F39" s="23" t="s">
        <v>268</v>
      </c>
      <c r="G39" s="23" t="s">
        <v>268</v>
      </c>
      <c r="H39" s="23" t="s">
        <v>268</v>
      </c>
      <c r="I39" s="23" t="s">
        <v>268</v>
      </c>
      <c r="J39" s="23" t="s">
        <v>268</v>
      </c>
      <c r="K39" s="23" t="s">
        <v>268</v>
      </c>
      <c r="L39" s="23" t="s">
        <v>268</v>
      </c>
      <c r="M39" s="23" t="s">
        <v>268</v>
      </c>
      <c r="N39" s="23" t="s">
        <v>268</v>
      </c>
      <c r="O39" s="23" t="s">
        <v>268</v>
      </c>
      <c r="P39" s="23" t="s">
        <v>268</v>
      </c>
      <c r="Q39" s="23" t="s">
        <v>268</v>
      </c>
      <c r="R39" s="23" t="s">
        <v>268</v>
      </c>
      <c r="S39" s="23" t="s">
        <v>268</v>
      </c>
      <c r="T39" s="23" t="s">
        <v>268</v>
      </c>
      <c r="U39" s="17">
        <v>1.56338</v>
      </c>
      <c r="V39" s="23" t="s">
        <v>268</v>
      </c>
    </row>
    <row r="40" spans="1:22">
      <c r="A40" s="21" t="s">
        <v>240</v>
      </c>
      <c r="B40" s="21" t="s">
        <v>237</v>
      </c>
      <c r="C40" s="21" t="s">
        <v>265</v>
      </c>
      <c r="D40" s="21" t="s">
        <v>689</v>
      </c>
      <c r="E40" s="23" t="s">
        <v>268</v>
      </c>
      <c r="F40" s="23" t="s">
        <v>268</v>
      </c>
      <c r="G40" s="23" t="s">
        <v>268</v>
      </c>
      <c r="H40" s="23" t="s">
        <v>268</v>
      </c>
      <c r="I40" s="23" t="s">
        <v>268</v>
      </c>
      <c r="J40" s="23" t="s">
        <v>268</v>
      </c>
      <c r="K40" s="23" t="s">
        <v>268</v>
      </c>
      <c r="L40" s="23" t="s">
        <v>268</v>
      </c>
      <c r="M40" s="23" t="s">
        <v>268</v>
      </c>
      <c r="N40" s="23" t="s">
        <v>268</v>
      </c>
      <c r="O40" s="23" t="s">
        <v>268</v>
      </c>
      <c r="P40" s="23" t="s">
        <v>268</v>
      </c>
      <c r="Q40" s="23" t="s">
        <v>268</v>
      </c>
      <c r="R40" s="23" t="s">
        <v>268</v>
      </c>
      <c r="S40" s="23" t="s">
        <v>268</v>
      </c>
      <c r="T40" s="23" t="s">
        <v>268</v>
      </c>
      <c r="U40" s="23" t="s">
        <v>268</v>
      </c>
      <c r="V40" s="23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1" orientation="portrait" r:id="rId1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EF9766-6EDC-4E2B-827B-BEFAA78AEF15}">
  <sheetPr>
    <pageSetUpPr fitToPage="1"/>
  </sheetPr>
  <dimension ref="A1:AB40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3.625" style="20" bestFit="1" customWidth="1"/>
    <col min="5" max="16384" width="12.625" style="20"/>
  </cols>
  <sheetData>
    <row r="1" spans="1:28" s="11" customFormat="1">
      <c r="A1" s="11" t="s">
        <v>192</v>
      </c>
    </row>
    <row r="2" spans="1:28" s="11" customFormat="1">
      <c r="A2" s="11" t="s">
        <v>716</v>
      </c>
    </row>
    <row r="3" spans="1:28" s="11" customFormat="1"/>
    <row r="4" spans="1:28" s="11" customFormat="1" hidden="1"/>
    <row r="5" spans="1:28" s="11" customFormat="1"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  <c r="P5" s="12" t="s">
        <v>494</v>
      </c>
      <c r="Q5" s="12" t="s">
        <v>494</v>
      </c>
      <c r="R5" s="12" t="s">
        <v>494</v>
      </c>
      <c r="S5" s="12" t="s">
        <v>494</v>
      </c>
      <c r="T5" s="12" t="s">
        <v>494</v>
      </c>
      <c r="U5" s="12" t="s">
        <v>494</v>
      </c>
      <c r="V5" s="12" t="s">
        <v>494</v>
      </c>
      <c r="W5" s="12" t="s">
        <v>494</v>
      </c>
      <c r="X5" s="12" t="s">
        <v>494</v>
      </c>
      <c r="Y5" s="12" t="s">
        <v>494</v>
      </c>
      <c r="Z5" s="12" t="s">
        <v>494</v>
      </c>
      <c r="AA5" s="12" t="s">
        <v>494</v>
      </c>
      <c r="AB5" s="12" t="s">
        <v>494</v>
      </c>
    </row>
    <row r="6" spans="1:28" s="11" customFormat="1" ht="24">
      <c r="E6" s="12" t="s">
        <v>563</v>
      </c>
      <c r="F6" s="12" t="s">
        <v>563</v>
      </c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</row>
    <row r="7" spans="1:28" s="11" customFormat="1">
      <c r="E7" s="12">
        <v>1</v>
      </c>
      <c r="F7" s="12">
        <v>1</v>
      </c>
      <c r="G7" s="12">
        <v>2</v>
      </c>
      <c r="H7" s="12">
        <v>3</v>
      </c>
      <c r="I7" s="12">
        <v>3</v>
      </c>
      <c r="J7" s="12">
        <v>3</v>
      </c>
      <c r="K7" s="12">
        <v>3</v>
      </c>
      <c r="L7" s="12">
        <v>2</v>
      </c>
      <c r="M7" s="12">
        <v>3</v>
      </c>
      <c r="N7" s="12">
        <v>3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3</v>
      </c>
      <c r="U7" s="12">
        <v>3</v>
      </c>
      <c r="V7" s="12">
        <v>3</v>
      </c>
      <c r="W7" s="12">
        <v>1</v>
      </c>
      <c r="X7" s="12">
        <v>1</v>
      </c>
      <c r="Y7" s="12">
        <v>1</v>
      </c>
      <c r="Z7" s="12">
        <v>1</v>
      </c>
      <c r="AA7" s="12">
        <v>1</v>
      </c>
      <c r="AB7" s="12">
        <v>1</v>
      </c>
    </row>
    <row r="8" spans="1:28" s="11" customFormat="1" ht="60">
      <c r="E8" s="12" t="s">
        <v>214</v>
      </c>
      <c r="F8" s="12" t="s">
        <v>564</v>
      </c>
      <c r="G8" s="12" t="s">
        <v>565</v>
      </c>
      <c r="H8" s="12" t="s">
        <v>566</v>
      </c>
      <c r="I8" s="12" t="s">
        <v>567</v>
      </c>
      <c r="J8" s="12" t="s">
        <v>568</v>
      </c>
      <c r="K8" s="12" t="s">
        <v>569</v>
      </c>
      <c r="L8" s="12" t="s">
        <v>570</v>
      </c>
      <c r="M8" s="12" t="s">
        <v>571</v>
      </c>
      <c r="N8" s="12" t="s">
        <v>575</v>
      </c>
      <c r="O8" s="12" t="s">
        <v>578</v>
      </c>
      <c r="P8" s="12" t="s">
        <v>581</v>
      </c>
      <c r="Q8" s="12" t="s">
        <v>584</v>
      </c>
      <c r="R8" s="12" t="s">
        <v>585</v>
      </c>
      <c r="S8" s="12" t="s">
        <v>586</v>
      </c>
      <c r="T8" s="12" t="s">
        <v>589</v>
      </c>
      <c r="U8" s="12" t="s">
        <v>592</v>
      </c>
      <c r="V8" s="12" t="s">
        <v>593</v>
      </c>
      <c r="W8" s="12" t="s">
        <v>594</v>
      </c>
      <c r="X8" s="12" t="s">
        <v>595</v>
      </c>
      <c r="Y8" s="12" t="s">
        <v>596</v>
      </c>
      <c r="Z8" s="12" t="s">
        <v>597</v>
      </c>
      <c r="AA8" s="12" t="s">
        <v>616</v>
      </c>
      <c r="AB8" s="12" t="s">
        <v>617</v>
      </c>
    </row>
    <row r="9" spans="1:28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  <c r="P9" s="13" t="s">
        <v>223</v>
      </c>
      <c r="Q9" s="13" t="s">
        <v>223</v>
      </c>
      <c r="R9" s="13" t="s">
        <v>223</v>
      </c>
      <c r="S9" s="13" t="s">
        <v>223</v>
      </c>
      <c r="T9" s="13" t="s">
        <v>223</v>
      </c>
      <c r="U9" s="13" t="s">
        <v>223</v>
      </c>
      <c r="V9" s="13" t="s">
        <v>223</v>
      </c>
      <c r="W9" s="13" t="s">
        <v>223</v>
      </c>
      <c r="X9" s="13" t="s">
        <v>223</v>
      </c>
      <c r="Y9" s="13" t="s">
        <v>223</v>
      </c>
      <c r="Z9" s="13" t="s">
        <v>223</v>
      </c>
      <c r="AA9" s="13" t="s">
        <v>223</v>
      </c>
      <c r="AB9" s="13" t="s">
        <v>223</v>
      </c>
    </row>
    <row r="10" spans="1:28" s="11" customFormat="1">
      <c r="A10" s="14" t="s">
        <v>224</v>
      </c>
      <c r="B10" s="14" t="s">
        <v>259</v>
      </c>
      <c r="C10" s="14" t="s">
        <v>230</v>
      </c>
      <c r="D10" s="14" t="s">
        <v>68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</row>
    <row r="11" spans="1:28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55704949</v>
      </c>
      <c r="F11" s="16">
        <v>33889589</v>
      </c>
      <c r="G11" s="16">
        <v>30110571</v>
      </c>
      <c r="H11" s="16">
        <v>11158840</v>
      </c>
      <c r="I11" s="16">
        <v>13949190</v>
      </c>
      <c r="J11" s="16">
        <v>738006</v>
      </c>
      <c r="K11" s="16">
        <v>4264535</v>
      </c>
      <c r="L11" s="16">
        <v>3779018</v>
      </c>
      <c r="M11" s="16">
        <v>159224</v>
      </c>
      <c r="N11" s="16">
        <v>608813</v>
      </c>
      <c r="O11" s="16">
        <v>499365</v>
      </c>
      <c r="P11" s="16">
        <v>917696</v>
      </c>
      <c r="Q11" s="16">
        <v>107465</v>
      </c>
      <c r="R11" s="16">
        <v>359156</v>
      </c>
      <c r="S11" s="16">
        <v>64587</v>
      </c>
      <c r="T11" s="16">
        <v>185925</v>
      </c>
      <c r="U11" s="16">
        <v>346184</v>
      </c>
      <c r="V11" s="16">
        <v>530603</v>
      </c>
      <c r="W11" s="16">
        <v>504198</v>
      </c>
      <c r="X11" s="16">
        <v>21151042</v>
      </c>
      <c r="Y11" s="16">
        <v>160120</v>
      </c>
      <c r="Z11" s="16">
        <v>2337703</v>
      </c>
      <c r="AA11" s="16">
        <v>6533895</v>
      </c>
      <c r="AB11" s="16">
        <v>6716806</v>
      </c>
    </row>
    <row r="12" spans="1:28">
      <c r="A12" s="21" t="s">
        <v>232</v>
      </c>
      <c r="B12" s="21" t="s">
        <v>233</v>
      </c>
      <c r="C12" s="21" t="s">
        <v>262</v>
      </c>
      <c r="D12" s="21" t="s">
        <v>681</v>
      </c>
      <c r="E12" s="16">
        <v>54953523</v>
      </c>
      <c r="F12" s="16">
        <v>33770971</v>
      </c>
      <c r="G12" s="16">
        <v>30000020</v>
      </c>
      <c r="H12" s="16">
        <v>11122313</v>
      </c>
      <c r="I12" s="16">
        <v>13904475</v>
      </c>
      <c r="J12" s="16">
        <v>735943</v>
      </c>
      <c r="K12" s="16">
        <v>4237289</v>
      </c>
      <c r="L12" s="16">
        <v>3770951</v>
      </c>
      <c r="M12" s="16">
        <v>159007</v>
      </c>
      <c r="N12" s="16">
        <v>607923</v>
      </c>
      <c r="O12" s="16">
        <v>498488</v>
      </c>
      <c r="P12" s="16">
        <v>915799</v>
      </c>
      <c r="Q12" s="16">
        <v>107252</v>
      </c>
      <c r="R12" s="16">
        <v>358415</v>
      </c>
      <c r="S12" s="16">
        <v>64441</v>
      </c>
      <c r="T12" s="16">
        <v>185504</v>
      </c>
      <c r="U12" s="16">
        <v>345263</v>
      </c>
      <c r="V12" s="16">
        <v>528859</v>
      </c>
      <c r="W12" s="16">
        <v>501195</v>
      </c>
      <c r="X12" s="16">
        <v>20523606</v>
      </c>
      <c r="Y12" s="16">
        <v>157751</v>
      </c>
      <c r="Z12" s="16">
        <v>2332603</v>
      </c>
      <c r="AA12" s="16">
        <v>6512086</v>
      </c>
      <c r="AB12" s="16">
        <v>6686107</v>
      </c>
    </row>
    <row r="13" spans="1:28">
      <c r="A13" s="21" t="s">
        <v>232</v>
      </c>
      <c r="B13" s="21" t="s">
        <v>233</v>
      </c>
      <c r="C13" s="21" t="s">
        <v>262</v>
      </c>
      <c r="D13" s="21" t="s">
        <v>682</v>
      </c>
      <c r="E13" s="16">
        <v>54261580</v>
      </c>
      <c r="F13" s="16">
        <v>33526938</v>
      </c>
      <c r="G13" s="16">
        <v>29768602</v>
      </c>
      <c r="H13" s="16">
        <v>11058886</v>
      </c>
      <c r="I13" s="16">
        <v>13803457</v>
      </c>
      <c r="J13" s="16">
        <v>730097</v>
      </c>
      <c r="K13" s="16">
        <v>4176162</v>
      </c>
      <c r="L13" s="16">
        <v>3758336</v>
      </c>
      <c r="M13" s="16">
        <v>158820</v>
      </c>
      <c r="N13" s="16">
        <v>606821</v>
      </c>
      <c r="O13" s="16">
        <v>497518</v>
      </c>
      <c r="P13" s="16">
        <v>913995</v>
      </c>
      <c r="Q13" s="16">
        <v>106730</v>
      </c>
      <c r="R13" s="16">
        <v>357203</v>
      </c>
      <c r="S13" s="16">
        <v>64310</v>
      </c>
      <c r="T13" s="16">
        <v>185130</v>
      </c>
      <c r="U13" s="16">
        <v>342274</v>
      </c>
      <c r="V13" s="16">
        <v>525535</v>
      </c>
      <c r="W13" s="16">
        <v>497040</v>
      </c>
      <c r="X13" s="16">
        <v>20080448</v>
      </c>
      <c r="Y13" s="16">
        <v>157154</v>
      </c>
      <c r="Z13" s="16">
        <v>2326601</v>
      </c>
      <c r="AA13" s="16">
        <v>6483110</v>
      </c>
      <c r="AB13" s="16">
        <v>6584760</v>
      </c>
    </row>
    <row r="14" spans="1:28">
      <c r="A14" s="21" t="s">
        <v>232</v>
      </c>
      <c r="B14" s="21" t="s">
        <v>233</v>
      </c>
      <c r="C14" s="21" t="s">
        <v>262</v>
      </c>
      <c r="D14" s="21" t="s">
        <v>683</v>
      </c>
      <c r="E14" s="16">
        <v>33729416</v>
      </c>
      <c r="F14" s="16">
        <v>26188560</v>
      </c>
      <c r="G14" s="16">
        <v>22766834</v>
      </c>
      <c r="H14" s="16">
        <v>8559210</v>
      </c>
      <c r="I14" s="16">
        <v>10937867</v>
      </c>
      <c r="J14" s="16">
        <v>569165</v>
      </c>
      <c r="K14" s="16">
        <v>2700592</v>
      </c>
      <c r="L14" s="16">
        <v>3421726</v>
      </c>
      <c r="M14" s="16">
        <v>156150</v>
      </c>
      <c r="N14" s="16">
        <v>581994</v>
      </c>
      <c r="O14" s="16">
        <v>491699</v>
      </c>
      <c r="P14" s="16">
        <v>881228</v>
      </c>
      <c r="Q14" s="16">
        <v>93916</v>
      </c>
      <c r="R14" s="16">
        <v>330297</v>
      </c>
      <c r="S14" s="16">
        <v>61917</v>
      </c>
      <c r="T14" s="16">
        <v>180579</v>
      </c>
      <c r="U14" s="16">
        <v>222328</v>
      </c>
      <c r="V14" s="16">
        <v>421618</v>
      </c>
      <c r="W14" s="16">
        <v>172770</v>
      </c>
      <c r="X14" s="16">
        <v>7278913</v>
      </c>
      <c r="Y14" s="16">
        <v>89173</v>
      </c>
      <c r="Z14" s="16">
        <v>2194165</v>
      </c>
      <c r="AA14" s="16">
        <v>5782749</v>
      </c>
      <c r="AB14" s="16">
        <v>4435064</v>
      </c>
    </row>
    <row r="15" spans="1:28">
      <c r="A15" s="21" t="s">
        <v>232</v>
      </c>
      <c r="B15" s="21" t="s">
        <v>233</v>
      </c>
      <c r="C15" s="21" t="s">
        <v>262</v>
      </c>
      <c r="D15" s="21" t="s">
        <v>684</v>
      </c>
      <c r="E15" s="16">
        <v>2649041</v>
      </c>
      <c r="F15" s="16">
        <v>1424181</v>
      </c>
      <c r="G15" s="16">
        <v>1351888</v>
      </c>
      <c r="H15" s="16">
        <v>477663</v>
      </c>
      <c r="I15" s="16">
        <v>390617</v>
      </c>
      <c r="J15" s="16">
        <v>41773</v>
      </c>
      <c r="K15" s="16">
        <v>441835</v>
      </c>
      <c r="L15" s="16">
        <v>72293</v>
      </c>
      <c r="M15" s="16">
        <v>392</v>
      </c>
      <c r="N15" s="16">
        <v>5032</v>
      </c>
      <c r="O15" s="16">
        <v>695</v>
      </c>
      <c r="P15" s="16">
        <v>5226</v>
      </c>
      <c r="Q15" s="16">
        <v>3078</v>
      </c>
      <c r="R15" s="16">
        <v>6156</v>
      </c>
      <c r="S15" s="16">
        <v>333</v>
      </c>
      <c r="T15" s="16">
        <v>528</v>
      </c>
      <c r="U15" s="16">
        <v>22063</v>
      </c>
      <c r="V15" s="16">
        <v>28790</v>
      </c>
      <c r="W15" s="16">
        <v>15769</v>
      </c>
      <c r="X15" s="16">
        <v>1200420</v>
      </c>
      <c r="Y15" s="16">
        <v>8671</v>
      </c>
      <c r="Z15" s="16">
        <v>32235</v>
      </c>
      <c r="AA15" s="16">
        <v>329663</v>
      </c>
      <c r="AB15" s="16">
        <v>761322</v>
      </c>
    </row>
    <row r="16" spans="1:28">
      <c r="A16" s="21" t="s">
        <v>232</v>
      </c>
      <c r="B16" s="21" t="s">
        <v>233</v>
      </c>
      <c r="C16" s="21" t="s">
        <v>262</v>
      </c>
      <c r="D16" s="21" t="s">
        <v>685</v>
      </c>
      <c r="E16" s="16">
        <v>16331426</v>
      </c>
      <c r="F16" s="16">
        <v>5365351</v>
      </c>
      <c r="G16" s="16">
        <v>5113081</v>
      </c>
      <c r="H16" s="16">
        <v>1840157</v>
      </c>
      <c r="I16" s="16">
        <v>2157981</v>
      </c>
      <c r="J16" s="16">
        <v>111940</v>
      </c>
      <c r="K16" s="16">
        <v>1003003</v>
      </c>
      <c r="L16" s="16">
        <v>252270</v>
      </c>
      <c r="M16" s="16">
        <v>2020</v>
      </c>
      <c r="N16" s="16">
        <v>18321</v>
      </c>
      <c r="O16" s="16">
        <v>4171</v>
      </c>
      <c r="P16" s="16">
        <v>24876</v>
      </c>
      <c r="Q16" s="16">
        <v>9262</v>
      </c>
      <c r="R16" s="16">
        <v>19717</v>
      </c>
      <c r="S16" s="16">
        <v>1912</v>
      </c>
      <c r="T16" s="16">
        <v>3588</v>
      </c>
      <c r="U16" s="16">
        <v>95525</v>
      </c>
      <c r="V16" s="16">
        <v>72878</v>
      </c>
      <c r="W16" s="16">
        <v>299767</v>
      </c>
      <c r="X16" s="16">
        <v>10609104</v>
      </c>
      <c r="Y16" s="16">
        <v>57204</v>
      </c>
      <c r="Z16" s="16">
        <v>94156</v>
      </c>
      <c r="AA16" s="16">
        <v>355444</v>
      </c>
      <c r="AB16" s="16">
        <v>1365049</v>
      </c>
    </row>
    <row r="17" spans="1:28">
      <c r="A17" s="21" t="s">
        <v>232</v>
      </c>
      <c r="B17" s="21" t="s">
        <v>233</v>
      </c>
      <c r="C17" s="21" t="s">
        <v>262</v>
      </c>
      <c r="D17" s="21" t="s">
        <v>686</v>
      </c>
      <c r="E17" s="16">
        <v>1551697</v>
      </c>
      <c r="F17" s="16">
        <v>548846</v>
      </c>
      <c r="G17" s="16">
        <v>536799</v>
      </c>
      <c r="H17" s="16">
        <v>181856</v>
      </c>
      <c r="I17" s="16">
        <v>316992</v>
      </c>
      <c r="J17" s="16">
        <v>7219</v>
      </c>
      <c r="K17" s="16">
        <v>30732</v>
      </c>
      <c r="L17" s="16">
        <v>12047</v>
      </c>
      <c r="M17" s="16">
        <v>258</v>
      </c>
      <c r="N17" s="16">
        <v>1474</v>
      </c>
      <c r="O17" s="16">
        <v>953</v>
      </c>
      <c r="P17" s="16">
        <v>2665</v>
      </c>
      <c r="Q17" s="16">
        <v>474</v>
      </c>
      <c r="R17" s="16">
        <v>1033</v>
      </c>
      <c r="S17" s="16">
        <v>148</v>
      </c>
      <c r="T17" s="16">
        <v>435</v>
      </c>
      <c r="U17" s="16">
        <v>2358</v>
      </c>
      <c r="V17" s="16">
        <v>2249</v>
      </c>
      <c r="W17" s="16">
        <v>8734</v>
      </c>
      <c r="X17" s="16">
        <v>992011</v>
      </c>
      <c r="Y17" s="16">
        <v>2106</v>
      </c>
      <c r="Z17" s="16">
        <v>6045</v>
      </c>
      <c r="AA17" s="16">
        <v>15254</v>
      </c>
      <c r="AB17" s="16">
        <v>23325</v>
      </c>
    </row>
    <row r="18" spans="1:28">
      <c r="A18" s="21" t="s">
        <v>232</v>
      </c>
      <c r="B18" s="21" t="s">
        <v>233</v>
      </c>
      <c r="C18" s="21" t="s">
        <v>262</v>
      </c>
      <c r="D18" s="21" t="s">
        <v>687</v>
      </c>
      <c r="E18" s="16">
        <v>691943</v>
      </c>
      <c r="F18" s="16">
        <v>244033</v>
      </c>
      <c r="G18" s="16">
        <v>231418</v>
      </c>
      <c r="H18" s="16">
        <v>63427</v>
      </c>
      <c r="I18" s="16">
        <v>101018</v>
      </c>
      <c r="J18" s="16">
        <v>5846</v>
      </c>
      <c r="K18" s="16">
        <v>61127</v>
      </c>
      <c r="L18" s="16">
        <v>12615</v>
      </c>
      <c r="M18" s="16">
        <v>187</v>
      </c>
      <c r="N18" s="16">
        <v>1102</v>
      </c>
      <c r="O18" s="16">
        <v>970</v>
      </c>
      <c r="P18" s="16">
        <v>1804</v>
      </c>
      <c r="Q18" s="16">
        <v>522</v>
      </c>
      <c r="R18" s="16">
        <v>1212</v>
      </c>
      <c r="S18" s="16">
        <v>131</v>
      </c>
      <c r="T18" s="16">
        <v>374</v>
      </c>
      <c r="U18" s="16">
        <v>2989</v>
      </c>
      <c r="V18" s="16">
        <v>3324</v>
      </c>
      <c r="W18" s="16">
        <v>4155</v>
      </c>
      <c r="X18" s="16">
        <v>443158</v>
      </c>
      <c r="Y18" s="16">
        <v>597</v>
      </c>
      <c r="Z18" s="16">
        <v>6002</v>
      </c>
      <c r="AA18" s="16">
        <v>28976</v>
      </c>
      <c r="AB18" s="16">
        <v>101347</v>
      </c>
    </row>
    <row r="19" spans="1:28">
      <c r="A19" s="21" t="s">
        <v>232</v>
      </c>
      <c r="B19" s="21" t="s">
        <v>233</v>
      </c>
      <c r="C19" s="21" t="s">
        <v>262</v>
      </c>
      <c r="D19" s="21" t="s">
        <v>688</v>
      </c>
      <c r="E19" s="16">
        <v>751370</v>
      </c>
      <c r="F19" s="16">
        <v>118585</v>
      </c>
      <c r="G19" s="16">
        <v>110523</v>
      </c>
      <c r="H19" s="16">
        <v>36523</v>
      </c>
      <c r="I19" s="16">
        <v>44697</v>
      </c>
      <c r="J19" s="16">
        <v>2061</v>
      </c>
      <c r="K19" s="16">
        <v>27242</v>
      </c>
      <c r="L19" s="16">
        <v>8062</v>
      </c>
      <c r="M19" s="16">
        <v>217</v>
      </c>
      <c r="N19" s="16">
        <v>890</v>
      </c>
      <c r="O19" s="16">
        <v>877</v>
      </c>
      <c r="P19" s="16">
        <v>1893</v>
      </c>
      <c r="Q19" s="16">
        <v>213</v>
      </c>
      <c r="R19" s="16">
        <v>740</v>
      </c>
      <c r="S19" s="16">
        <v>146</v>
      </c>
      <c r="T19" s="16">
        <v>421</v>
      </c>
      <c r="U19" s="16">
        <v>921</v>
      </c>
      <c r="V19" s="16">
        <v>1744</v>
      </c>
      <c r="W19" s="16">
        <v>3003</v>
      </c>
      <c r="X19" s="16">
        <v>627419</v>
      </c>
      <c r="Y19" s="16">
        <v>2363</v>
      </c>
      <c r="Z19" s="16">
        <v>5095</v>
      </c>
      <c r="AA19" s="16">
        <v>21806</v>
      </c>
      <c r="AB19" s="16">
        <v>30697</v>
      </c>
    </row>
    <row r="20" spans="1:28">
      <c r="A20" s="21" t="s">
        <v>232</v>
      </c>
      <c r="B20" s="21" t="s">
        <v>233</v>
      </c>
      <c r="C20" s="21" t="s">
        <v>262</v>
      </c>
      <c r="D20" s="21" t="s">
        <v>689</v>
      </c>
      <c r="E20" s="16">
        <v>56</v>
      </c>
      <c r="F20" s="16">
        <v>33</v>
      </c>
      <c r="G20" s="16">
        <v>28</v>
      </c>
      <c r="H20" s="16">
        <v>4</v>
      </c>
      <c r="I20" s="16">
        <v>18</v>
      </c>
      <c r="J20" s="16">
        <v>2</v>
      </c>
      <c r="K20" s="16">
        <v>4</v>
      </c>
      <c r="L20" s="16">
        <v>5</v>
      </c>
      <c r="M20" s="22" t="s">
        <v>268</v>
      </c>
      <c r="N20" s="22" t="s">
        <v>268</v>
      </c>
      <c r="O20" s="22" t="s">
        <v>268</v>
      </c>
      <c r="P20" s="16">
        <v>4</v>
      </c>
      <c r="Q20" s="22" t="s">
        <v>268</v>
      </c>
      <c r="R20" s="16">
        <v>1</v>
      </c>
      <c r="S20" s="22" t="s">
        <v>268</v>
      </c>
      <c r="T20" s="22" t="s">
        <v>268</v>
      </c>
      <c r="U20" s="22" t="s">
        <v>268</v>
      </c>
      <c r="V20" s="22" t="s">
        <v>268</v>
      </c>
      <c r="W20" s="22" t="s">
        <v>268</v>
      </c>
      <c r="X20" s="16">
        <v>17</v>
      </c>
      <c r="Y20" s="16">
        <v>6</v>
      </c>
      <c r="Z20" s="16">
        <v>5</v>
      </c>
      <c r="AA20" s="16">
        <v>3</v>
      </c>
      <c r="AB20" s="16">
        <v>2</v>
      </c>
    </row>
    <row r="21" spans="1:28">
      <c r="A21" s="21" t="s">
        <v>232</v>
      </c>
      <c r="B21" s="21" t="s">
        <v>237</v>
      </c>
      <c r="C21" s="21" t="s">
        <v>264</v>
      </c>
      <c r="D21" s="21" t="s">
        <v>214</v>
      </c>
      <c r="E21" s="16">
        <v>716740</v>
      </c>
      <c r="F21" s="16">
        <v>467025</v>
      </c>
      <c r="G21" s="16">
        <v>396063</v>
      </c>
      <c r="H21" s="16">
        <v>149328</v>
      </c>
      <c r="I21" s="16">
        <v>175135</v>
      </c>
      <c r="J21" s="16">
        <v>9867</v>
      </c>
      <c r="K21" s="16">
        <v>61733</v>
      </c>
      <c r="L21" s="16">
        <v>70962</v>
      </c>
      <c r="M21" s="16">
        <v>3574</v>
      </c>
      <c r="N21" s="16">
        <v>11896</v>
      </c>
      <c r="O21" s="16">
        <v>9848</v>
      </c>
      <c r="P21" s="16">
        <v>14968</v>
      </c>
      <c r="Q21" s="16">
        <v>2174</v>
      </c>
      <c r="R21" s="16">
        <v>7277</v>
      </c>
      <c r="S21" s="16">
        <v>1575</v>
      </c>
      <c r="T21" s="16">
        <v>4509</v>
      </c>
      <c r="U21" s="16">
        <v>5413</v>
      </c>
      <c r="V21" s="16">
        <v>9728</v>
      </c>
      <c r="W21" s="16">
        <v>5536</v>
      </c>
      <c r="X21" s="16">
        <v>242940</v>
      </c>
      <c r="Y21" s="16">
        <v>1239</v>
      </c>
      <c r="Z21" s="16">
        <v>43735</v>
      </c>
      <c r="AA21" s="16">
        <v>94175</v>
      </c>
      <c r="AB21" s="16">
        <v>92410</v>
      </c>
    </row>
    <row r="22" spans="1:28">
      <c r="A22" s="21" t="s">
        <v>232</v>
      </c>
      <c r="B22" s="21" t="s">
        <v>237</v>
      </c>
      <c r="C22" s="21" t="s">
        <v>264</v>
      </c>
      <c r="D22" s="21" t="s">
        <v>681</v>
      </c>
      <c r="E22" s="16">
        <v>706446</v>
      </c>
      <c r="F22" s="16">
        <v>464767</v>
      </c>
      <c r="G22" s="16">
        <v>393963</v>
      </c>
      <c r="H22" s="16">
        <v>148595</v>
      </c>
      <c r="I22" s="16">
        <v>174267</v>
      </c>
      <c r="J22" s="16">
        <v>9827</v>
      </c>
      <c r="K22" s="16">
        <v>61274</v>
      </c>
      <c r="L22" s="16">
        <v>70804</v>
      </c>
      <c r="M22" s="16">
        <v>3569</v>
      </c>
      <c r="N22" s="16">
        <v>11878</v>
      </c>
      <c r="O22" s="16">
        <v>9836</v>
      </c>
      <c r="P22" s="16">
        <v>14936</v>
      </c>
      <c r="Q22" s="16">
        <v>2169</v>
      </c>
      <c r="R22" s="16">
        <v>7250</v>
      </c>
      <c r="S22" s="16">
        <v>1573</v>
      </c>
      <c r="T22" s="16">
        <v>4503</v>
      </c>
      <c r="U22" s="16">
        <v>5399</v>
      </c>
      <c r="V22" s="16">
        <v>9691</v>
      </c>
      <c r="W22" s="16">
        <v>5492</v>
      </c>
      <c r="X22" s="16">
        <v>234952</v>
      </c>
      <c r="Y22" s="16">
        <v>1235</v>
      </c>
      <c r="Z22" s="16">
        <v>43628</v>
      </c>
      <c r="AA22" s="16">
        <v>93688</v>
      </c>
      <c r="AB22" s="16">
        <v>92025</v>
      </c>
    </row>
    <row r="23" spans="1:28">
      <c r="A23" s="21" t="s">
        <v>232</v>
      </c>
      <c r="B23" s="21" t="s">
        <v>237</v>
      </c>
      <c r="C23" s="21" t="s">
        <v>264</v>
      </c>
      <c r="D23" s="21" t="s">
        <v>682</v>
      </c>
      <c r="E23" s="16">
        <v>698728</v>
      </c>
      <c r="F23" s="16">
        <v>461772</v>
      </c>
      <c r="G23" s="16">
        <v>391145</v>
      </c>
      <c r="H23" s="16">
        <v>147904</v>
      </c>
      <c r="I23" s="16">
        <v>173021</v>
      </c>
      <c r="J23" s="16">
        <v>9743</v>
      </c>
      <c r="K23" s="16">
        <v>60477</v>
      </c>
      <c r="L23" s="16">
        <v>70627</v>
      </c>
      <c r="M23" s="16">
        <v>3567</v>
      </c>
      <c r="N23" s="16">
        <v>11859</v>
      </c>
      <c r="O23" s="16">
        <v>9826</v>
      </c>
      <c r="P23" s="16">
        <v>14910</v>
      </c>
      <c r="Q23" s="16">
        <v>2164</v>
      </c>
      <c r="R23" s="16">
        <v>7225</v>
      </c>
      <c r="S23" s="16">
        <v>1570</v>
      </c>
      <c r="T23" s="16">
        <v>4493</v>
      </c>
      <c r="U23" s="16">
        <v>5368</v>
      </c>
      <c r="V23" s="16">
        <v>9645</v>
      </c>
      <c r="W23" s="16">
        <v>5453</v>
      </c>
      <c r="X23" s="16">
        <v>230269</v>
      </c>
      <c r="Y23" s="16">
        <v>1234</v>
      </c>
      <c r="Z23" s="16">
        <v>43531</v>
      </c>
      <c r="AA23" s="16">
        <v>93367</v>
      </c>
      <c r="AB23" s="16">
        <v>91054</v>
      </c>
    </row>
    <row r="24" spans="1:28">
      <c r="A24" s="21" t="s">
        <v>232</v>
      </c>
      <c r="B24" s="21" t="s">
        <v>237</v>
      </c>
      <c r="C24" s="21" t="s">
        <v>264</v>
      </c>
      <c r="D24" s="21" t="s">
        <v>683</v>
      </c>
      <c r="E24" s="16">
        <v>445753</v>
      </c>
      <c r="F24" s="16">
        <v>351723</v>
      </c>
      <c r="G24" s="16">
        <v>286997</v>
      </c>
      <c r="H24" s="16">
        <v>116716</v>
      </c>
      <c r="I24" s="16">
        <v>125838</v>
      </c>
      <c r="J24" s="16">
        <v>7500</v>
      </c>
      <c r="K24" s="16">
        <v>36943</v>
      </c>
      <c r="L24" s="16">
        <v>64726</v>
      </c>
      <c r="M24" s="16">
        <v>3518</v>
      </c>
      <c r="N24" s="16">
        <v>11422</v>
      </c>
      <c r="O24" s="16">
        <v>9680</v>
      </c>
      <c r="P24" s="16">
        <v>14253</v>
      </c>
      <c r="Q24" s="16">
        <v>1965</v>
      </c>
      <c r="R24" s="16">
        <v>6677</v>
      </c>
      <c r="S24" s="16">
        <v>1526</v>
      </c>
      <c r="T24" s="16">
        <v>4375</v>
      </c>
      <c r="U24" s="16">
        <v>3678</v>
      </c>
      <c r="V24" s="16">
        <v>7632</v>
      </c>
      <c r="W24" s="16">
        <v>2102</v>
      </c>
      <c r="X24" s="16">
        <v>91371</v>
      </c>
      <c r="Y24" s="16">
        <v>557</v>
      </c>
      <c r="Z24" s="16">
        <v>40707</v>
      </c>
      <c r="AA24" s="16">
        <v>83581</v>
      </c>
      <c r="AB24" s="16">
        <v>63650</v>
      </c>
    </row>
    <row r="25" spans="1:28">
      <c r="A25" s="21" t="s">
        <v>232</v>
      </c>
      <c r="B25" s="21" t="s">
        <v>237</v>
      </c>
      <c r="C25" s="21" t="s">
        <v>264</v>
      </c>
      <c r="D25" s="21" t="s">
        <v>684</v>
      </c>
      <c r="E25" s="16">
        <v>38359</v>
      </c>
      <c r="F25" s="16">
        <v>21768</v>
      </c>
      <c r="G25" s="16">
        <v>20336</v>
      </c>
      <c r="H25" s="16">
        <v>6367</v>
      </c>
      <c r="I25" s="16">
        <v>6207</v>
      </c>
      <c r="J25" s="16">
        <v>624</v>
      </c>
      <c r="K25" s="16">
        <v>7138</v>
      </c>
      <c r="L25" s="16">
        <v>1432</v>
      </c>
      <c r="M25" s="16">
        <v>6</v>
      </c>
      <c r="N25" s="16">
        <v>91</v>
      </c>
      <c r="O25" s="16">
        <v>21</v>
      </c>
      <c r="P25" s="16">
        <v>115</v>
      </c>
      <c r="Q25" s="16">
        <v>58</v>
      </c>
      <c r="R25" s="16">
        <v>132</v>
      </c>
      <c r="S25" s="16">
        <v>6</v>
      </c>
      <c r="T25" s="16">
        <v>15</v>
      </c>
      <c r="U25" s="16">
        <v>364</v>
      </c>
      <c r="V25" s="16">
        <v>624</v>
      </c>
      <c r="W25" s="16">
        <v>145</v>
      </c>
      <c r="X25" s="16">
        <v>16369</v>
      </c>
      <c r="Y25" s="16">
        <v>77</v>
      </c>
      <c r="Z25" s="16">
        <v>729</v>
      </c>
      <c r="AA25" s="16">
        <v>4393</v>
      </c>
      <c r="AB25" s="16">
        <v>11123</v>
      </c>
    </row>
    <row r="26" spans="1:28">
      <c r="A26" s="21" t="s">
        <v>232</v>
      </c>
      <c r="B26" s="21" t="s">
        <v>237</v>
      </c>
      <c r="C26" s="21" t="s">
        <v>264</v>
      </c>
      <c r="D26" s="21" t="s">
        <v>685</v>
      </c>
      <c r="E26" s="16">
        <v>197019</v>
      </c>
      <c r="F26" s="16">
        <v>81492</v>
      </c>
      <c r="G26" s="16">
        <v>77206</v>
      </c>
      <c r="H26" s="16">
        <v>22874</v>
      </c>
      <c r="I26" s="16">
        <v>36824</v>
      </c>
      <c r="J26" s="16">
        <v>1516</v>
      </c>
      <c r="K26" s="16">
        <v>15992</v>
      </c>
      <c r="L26" s="16">
        <v>4286</v>
      </c>
      <c r="M26" s="16">
        <v>38</v>
      </c>
      <c r="N26" s="16">
        <v>327</v>
      </c>
      <c r="O26" s="16">
        <v>103</v>
      </c>
      <c r="P26" s="16">
        <v>502</v>
      </c>
      <c r="Q26" s="16">
        <v>135</v>
      </c>
      <c r="R26" s="16">
        <v>393</v>
      </c>
      <c r="S26" s="16">
        <v>37</v>
      </c>
      <c r="T26" s="16">
        <v>93</v>
      </c>
      <c r="U26" s="16">
        <v>1296</v>
      </c>
      <c r="V26" s="16">
        <v>1362</v>
      </c>
      <c r="W26" s="16">
        <v>3120</v>
      </c>
      <c r="X26" s="16">
        <v>111820</v>
      </c>
      <c r="Y26" s="16">
        <v>587</v>
      </c>
      <c r="Z26" s="16">
        <v>1987</v>
      </c>
      <c r="AA26" s="16">
        <v>5179</v>
      </c>
      <c r="AB26" s="16">
        <v>16021</v>
      </c>
    </row>
    <row r="27" spans="1:28">
      <c r="A27" s="21" t="s">
        <v>232</v>
      </c>
      <c r="B27" s="21" t="s">
        <v>237</v>
      </c>
      <c r="C27" s="21" t="s">
        <v>264</v>
      </c>
      <c r="D27" s="21" t="s">
        <v>686</v>
      </c>
      <c r="E27" s="16">
        <v>17597</v>
      </c>
      <c r="F27" s="16">
        <v>6789</v>
      </c>
      <c r="G27" s="16">
        <v>6606</v>
      </c>
      <c r="H27" s="16">
        <v>1947</v>
      </c>
      <c r="I27" s="16">
        <v>4152</v>
      </c>
      <c r="J27" s="16">
        <v>103</v>
      </c>
      <c r="K27" s="16">
        <v>404</v>
      </c>
      <c r="L27" s="16">
        <v>183</v>
      </c>
      <c r="M27" s="16">
        <v>5</v>
      </c>
      <c r="N27" s="16">
        <v>19</v>
      </c>
      <c r="O27" s="16">
        <v>22</v>
      </c>
      <c r="P27" s="16">
        <v>40</v>
      </c>
      <c r="Q27" s="16">
        <v>6</v>
      </c>
      <c r="R27" s="16">
        <v>23</v>
      </c>
      <c r="S27" s="16">
        <v>1</v>
      </c>
      <c r="T27" s="16">
        <v>10</v>
      </c>
      <c r="U27" s="16">
        <v>30</v>
      </c>
      <c r="V27" s="16">
        <v>27</v>
      </c>
      <c r="W27" s="16">
        <v>86</v>
      </c>
      <c r="X27" s="16">
        <v>10709</v>
      </c>
      <c r="Y27" s="16">
        <v>13</v>
      </c>
      <c r="Z27" s="16">
        <v>108</v>
      </c>
      <c r="AA27" s="16">
        <v>214</v>
      </c>
      <c r="AB27" s="16">
        <v>260</v>
      </c>
    </row>
    <row r="28" spans="1:28">
      <c r="A28" s="21" t="s">
        <v>232</v>
      </c>
      <c r="B28" s="21" t="s">
        <v>237</v>
      </c>
      <c r="C28" s="21" t="s">
        <v>264</v>
      </c>
      <c r="D28" s="21" t="s">
        <v>687</v>
      </c>
      <c r="E28" s="16">
        <v>7718</v>
      </c>
      <c r="F28" s="16">
        <v>2995</v>
      </c>
      <c r="G28" s="16">
        <v>2818</v>
      </c>
      <c r="H28" s="16">
        <v>691</v>
      </c>
      <c r="I28" s="16">
        <v>1246</v>
      </c>
      <c r="J28" s="16">
        <v>84</v>
      </c>
      <c r="K28" s="16">
        <v>797</v>
      </c>
      <c r="L28" s="16">
        <v>177</v>
      </c>
      <c r="M28" s="16">
        <v>2</v>
      </c>
      <c r="N28" s="16">
        <v>19</v>
      </c>
      <c r="O28" s="16">
        <v>10</v>
      </c>
      <c r="P28" s="16">
        <v>26</v>
      </c>
      <c r="Q28" s="16">
        <v>5</v>
      </c>
      <c r="R28" s="16">
        <v>25</v>
      </c>
      <c r="S28" s="16">
        <v>3</v>
      </c>
      <c r="T28" s="16">
        <v>10</v>
      </c>
      <c r="U28" s="16">
        <v>31</v>
      </c>
      <c r="V28" s="16">
        <v>46</v>
      </c>
      <c r="W28" s="16">
        <v>39</v>
      </c>
      <c r="X28" s="16">
        <v>4683</v>
      </c>
      <c r="Y28" s="16">
        <v>1</v>
      </c>
      <c r="Z28" s="16">
        <v>97</v>
      </c>
      <c r="AA28" s="16">
        <v>321</v>
      </c>
      <c r="AB28" s="16">
        <v>971</v>
      </c>
    </row>
    <row r="29" spans="1:28">
      <c r="A29" s="21" t="s">
        <v>232</v>
      </c>
      <c r="B29" s="21" t="s">
        <v>237</v>
      </c>
      <c r="C29" s="21" t="s">
        <v>264</v>
      </c>
      <c r="D29" s="21" t="s">
        <v>688</v>
      </c>
      <c r="E29" s="16">
        <v>10294</v>
      </c>
      <c r="F29" s="16">
        <v>2258</v>
      </c>
      <c r="G29" s="16">
        <v>2100</v>
      </c>
      <c r="H29" s="16">
        <v>733</v>
      </c>
      <c r="I29" s="16">
        <v>868</v>
      </c>
      <c r="J29" s="16">
        <v>40</v>
      </c>
      <c r="K29" s="16">
        <v>459</v>
      </c>
      <c r="L29" s="16">
        <v>158</v>
      </c>
      <c r="M29" s="16">
        <v>5</v>
      </c>
      <c r="N29" s="16">
        <v>18</v>
      </c>
      <c r="O29" s="16">
        <v>12</v>
      </c>
      <c r="P29" s="16">
        <v>32</v>
      </c>
      <c r="Q29" s="16">
        <v>5</v>
      </c>
      <c r="R29" s="16">
        <v>27</v>
      </c>
      <c r="S29" s="16">
        <v>2</v>
      </c>
      <c r="T29" s="16">
        <v>6</v>
      </c>
      <c r="U29" s="16">
        <v>14</v>
      </c>
      <c r="V29" s="16">
        <v>37</v>
      </c>
      <c r="W29" s="16">
        <v>44</v>
      </c>
      <c r="X29" s="16">
        <v>7988</v>
      </c>
      <c r="Y29" s="16">
        <v>4</v>
      </c>
      <c r="Z29" s="16">
        <v>107</v>
      </c>
      <c r="AA29" s="16">
        <v>487</v>
      </c>
      <c r="AB29" s="16">
        <v>385</v>
      </c>
    </row>
    <row r="30" spans="1:28">
      <c r="A30" s="21" t="s">
        <v>232</v>
      </c>
      <c r="B30" s="21" t="s">
        <v>237</v>
      </c>
      <c r="C30" s="21" t="s">
        <v>264</v>
      </c>
      <c r="D30" s="21" t="s">
        <v>689</v>
      </c>
      <c r="E30" s="22" t="s">
        <v>268</v>
      </c>
      <c r="F30" s="22" t="s">
        <v>268</v>
      </c>
      <c r="G30" s="22" t="s">
        <v>268</v>
      </c>
      <c r="H30" s="22" t="s">
        <v>268</v>
      </c>
      <c r="I30" s="22" t="s">
        <v>268</v>
      </c>
      <c r="J30" s="22" t="s">
        <v>268</v>
      </c>
      <c r="K30" s="22" t="s">
        <v>268</v>
      </c>
      <c r="L30" s="22" t="s">
        <v>268</v>
      </c>
      <c r="M30" s="22" t="s">
        <v>268</v>
      </c>
      <c r="N30" s="22" t="s">
        <v>268</v>
      </c>
      <c r="O30" s="22" t="s">
        <v>268</v>
      </c>
      <c r="P30" s="22" t="s">
        <v>268</v>
      </c>
      <c r="Q30" s="22" t="s">
        <v>268</v>
      </c>
      <c r="R30" s="22" t="s">
        <v>268</v>
      </c>
      <c r="S30" s="22" t="s">
        <v>268</v>
      </c>
      <c r="T30" s="22" t="s">
        <v>268</v>
      </c>
      <c r="U30" s="22" t="s">
        <v>268</v>
      </c>
      <c r="V30" s="22" t="s">
        <v>268</v>
      </c>
      <c r="W30" s="22" t="s">
        <v>268</v>
      </c>
      <c r="X30" s="22" t="s">
        <v>268</v>
      </c>
      <c r="Y30" s="22" t="s">
        <v>268</v>
      </c>
      <c r="Z30" s="22" t="s">
        <v>268</v>
      </c>
      <c r="AA30" s="22" t="s">
        <v>268</v>
      </c>
      <c r="AB30" s="22" t="s">
        <v>268</v>
      </c>
    </row>
    <row r="31" spans="1:28">
      <c r="A31" s="21" t="s">
        <v>240</v>
      </c>
      <c r="B31" s="21" t="s">
        <v>237</v>
      </c>
      <c r="C31" s="21" t="s">
        <v>265</v>
      </c>
      <c r="D31" s="21" t="s">
        <v>214</v>
      </c>
      <c r="E31" s="16">
        <v>48996</v>
      </c>
      <c r="F31" s="16">
        <v>32763</v>
      </c>
      <c r="G31" s="16">
        <v>26302</v>
      </c>
      <c r="H31" s="16">
        <v>10245</v>
      </c>
      <c r="I31" s="16">
        <v>10781</v>
      </c>
      <c r="J31" s="16">
        <v>772</v>
      </c>
      <c r="K31" s="16">
        <v>4504</v>
      </c>
      <c r="L31" s="16">
        <v>6461</v>
      </c>
      <c r="M31" s="16">
        <v>375</v>
      </c>
      <c r="N31" s="16">
        <v>1045</v>
      </c>
      <c r="O31" s="16">
        <v>985</v>
      </c>
      <c r="P31" s="16">
        <v>1310</v>
      </c>
      <c r="Q31" s="16">
        <v>190</v>
      </c>
      <c r="R31" s="16">
        <v>638</v>
      </c>
      <c r="S31" s="16">
        <v>217</v>
      </c>
      <c r="T31" s="16">
        <v>479</v>
      </c>
      <c r="U31" s="16">
        <v>377</v>
      </c>
      <c r="V31" s="16">
        <v>845</v>
      </c>
      <c r="W31" s="16">
        <v>374</v>
      </c>
      <c r="X31" s="16">
        <v>15791</v>
      </c>
      <c r="Y31" s="16">
        <v>68</v>
      </c>
      <c r="Z31" s="16">
        <v>4145</v>
      </c>
      <c r="AA31" s="16">
        <v>6738</v>
      </c>
      <c r="AB31" s="16">
        <v>6739</v>
      </c>
    </row>
    <row r="32" spans="1:28">
      <c r="A32" s="21" t="s">
        <v>240</v>
      </c>
      <c r="B32" s="21" t="s">
        <v>237</v>
      </c>
      <c r="C32" s="21" t="s">
        <v>265</v>
      </c>
      <c r="D32" s="21" t="s">
        <v>681</v>
      </c>
      <c r="E32" s="16">
        <v>47687</v>
      </c>
      <c r="F32" s="16">
        <v>32557</v>
      </c>
      <c r="G32" s="16">
        <v>26112</v>
      </c>
      <c r="H32" s="16">
        <v>10170</v>
      </c>
      <c r="I32" s="16">
        <v>10716</v>
      </c>
      <c r="J32" s="16">
        <v>768</v>
      </c>
      <c r="K32" s="16">
        <v>4458</v>
      </c>
      <c r="L32" s="16">
        <v>6445</v>
      </c>
      <c r="M32" s="16">
        <v>375</v>
      </c>
      <c r="N32" s="16">
        <v>1043</v>
      </c>
      <c r="O32" s="16">
        <v>984</v>
      </c>
      <c r="P32" s="16">
        <v>1304</v>
      </c>
      <c r="Q32" s="16">
        <v>188</v>
      </c>
      <c r="R32" s="16">
        <v>636</v>
      </c>
      <c r="S32" s="16">
        <v>217</v>
      </c>
      <c r="T32" s="16">
        <v>479</v>
      </c>
      <c r="U32" s="16">
        <v>375</v>
      </c>
      <c r="V32" s="16">
        <v>844</v>
      </c>
      <c r="W32" s="16">
        <v>368</v>
      </c>
      <c r="X32" s="16">
        <v>14694</v>
      </c>
      <c r="Y32" s="16">
        <v>68</v>
      </c>
      <c r="Z32" s="16">
        <v>4135</v>
      </c>
      <c r="AA32" s="16">
        <v>6679</v>
      </c>
      <c r="AB32" s="16">
        <v>6697</v>
      </c>
    </row>
    <row r="33" spans="1:28">
      <c r="A33" s="21" t="s">
        <v>240</v>
      </c>
      <c r="B33" s="21" t="s">
        <v>237</v>
      </c>
      <c r="C33" s="21" t="s">
        <v>265</v>
      </c>
      <c r="D33" s="21" t="s">
        <v>682</v>
      </c>
      <c r="E33" s="16">
        <v>47055</v>
      </c>
      <c r="F33" s="16">
        <v>32391</v>
      </c>
      <c r="G33" s="16">
        <v>25960</v>
      </c>
      <c r="H33" s="16">
        <v>10132</v>
      </c>
      <c r="I33" s="16">
        <v>10652</v>
      </c>
      <c r="J33" s="16">
        <v>762</v>
      </c>
      <c r="K33" s="16">
        <v>4414</v>
      </c>
      <c r="L33" s="16">
        <v>6431</v>
      </c>
      <c r="M33" s="16">
        <v>375</v>
      </c>
      <c r="N33" s="16">
        <v>1040</v>
      </c>
      <c r="O33" s="16">
        <v>983</v>
      </c>
      <c r="P33" s="16">
        <v>1302</v>
      </c>
      <c r="Q33" s="16">
        <v>188</v>
      </c>
      <c r="R33" s="16">
        <v>635</v>
      </c>
      <c r="S33" s="16">
        <v>217</v>
      </c>
      <c r="T33" s="16">
        <v>478</v>
      </c>
      <c r="U33" s="16">
        <v>371</v>
      </c>
      <c r="V33" s="16">
        <v>842</v>
      </c>
      <c r="W33" s="16">
        <v>367</v>
      </c>
      <c r="X33" s="16">
        <v>14229</v>
      </c>
      <c r="Y33" s="16">
        <v>68</v>
      </c>
      <c r="Z33" s="16">
        <v>4129</v>
      </c>
      <c r="AA33" s="16">
        <v>6661</v>
      </c>
      <c r="AB33" s="16">
        <v>6635</v>
      </c>
    </row>
    <row r="34" spans="1:28">
      <c r="A34" s="21" t="s">
        <v>240</v>
      </c>
      <c r="B34" s="21" t="s">
        <v>237</v>
      </c>
      <c r="C34" s="21" t="s">
        <v>265</v>
      </c>
      <c r="D34" s="21" t="s">
        <v>683</v>
      </c>
      <c r="E34" s="16">
        <v>32370</v>
      </c>
      <c r="F34" s="16">
        <v>25310</v>
      </c>
      <c r="G34" s="16">
        <v>19314</v>
      </c>
      <c r="H34" s="16">
        <v>8297</v>
      </c>
      <c r="I34" s="16">
        <v>7675</v>
      </c>
      <c r="J34" s="16">
        <v>602</v>
      </c>
      <c r="K34" s="16">
        <v>2740</v>
      </c>
      <c r="L34" s="16">
        <v>5996</v>
      </c>
      <c r="M34" s="16">
        <v>368</v>
      </c>
      <c r="N34" s="16">
        <v>1003</v>
      </c>
      <c r="O34" s="16">
        <v>972</v>
      </c>
      <c r="P34" s="16">
        <v>1248</v>
      </c>
      <c r="Q34" s="16">
        <v>173</v>
      </c>
      <c r="R34" s="16">
        <v>592</v>
      </c>
      <c r="S34" s="16">
        <v>215</v>
      </c>
      <c r="T34" s="16">
        <v>468</v>
      </c>
      <c r="U34" s="16">
        <v>280</v>
      </c>
      <c r="V34" s="16">
        <v>677</v>
      </c>
      <c r="W34" s="16">
        <v>163</v>
      </c>
      <c r="X34" s="16">
        <v>6869</v>
      </c>
      <c r="Y34" s="16">
        <v>28</v>
      </c>
      <c r="Z34" s="16">
        <v>3905</v>
      </c>
      <c r="AA34" s="16">
        <v>6088</v>
      </c>
      <c r="AB34" s="16">
        <v>4896</v>
      </c>
    </row>
    <row r="35" spans="1:28">
      <c r="A35" s="21" t="s">
        <v>240</v>
      </c>
      <c r="B35" s="21" t="s">
        <v>237</v>
      </c>
      <c r="C35" s="21" t="s">
        <v>265</v>
      </c>
      <c r="D35" s="21" t="s">
        <v>684</v>
      </c>
      <c r="E35" s="16">
        <v>1113</v>
      </c>
      <c r="F35" s="16">
        <v>638</v>
      </c>
      <c r="G35" s="16">
        <v>588</v>
      </c>
      <c r="H35" s="16">
        <v>156</v>
      </c>
      <c r="I35" s="16">
        <v>153</v>
      </c>
      <c r="J35" s="16">
        <v>22</v>
      </c>
      <c r="K35" s="16">
        <v>257</v>
      </c>
      <c r="L35" s="16">
        <v>50</v>
      </c>
      <c r="M35" s="22" t="s">
        <v>268</v>
      </c>
      <c r="N35" s="16">
        <v>6</v>
      </c>
      <c r="O35" s="22" t="s">
        <v>268</v>
      </c>
      <c r="P35" s="16">
        <v>2</v>
      </c>
      <c r="Q35" s="16">
        <v>4</v>
      </c>
      <c r="R35" s="16">
        <v>2</v>
      </c>
      <c r="S35" s="22" t="s">
        <v>268</v>
      </c>
      <c r="T35" s="22" t="s">
        <v>268</v>
      </c>
      <c r="U35" s="16">
        <v>12</v>
      </c>
      <c r="V35" s="16">
        <v>24</v>
      </c>
      <c r="W35" s="16">
        <v>3</v>
      </c>
      <c r="X35" s="16">
        <v>472</v>
      </c>
      <c r="Y35" s="22" t="s">
        <v>268</v>
      </c>
      <c r="Z35" s="16">
        <v>17</v>
      </c>
      <c r="AA35" s="16">
        <v>110</v>
      </c>
      <c r="AB35" s="16">
        <v>323</v>
      </c>
    </row>
    <row r="36" spans="1:28">
      <c r="A36" s="21" t="s">
        <v>240</v>
      </c>
      <c r="B36" s="21" t="s">
        <v>237</v>
      </c>
      <c r="C36" s="21" t="s">
        <v>265</v>
      </c>
      <c r="D36" s="21" t="s">
        <v>685</v>
      </c>
      <c r="E36" s="16">
        <v>12390</v>
      </c>
      <c r="F36" s="16">
        <v>6035</v>
      </c>
      <c r="G36" s="16">
        <v>5668</v>
      </c>
      <c r="H36" s="16">
        <v>1546</v>
      </c>
      <c r="I36" s="16">
        <v>2594</v>
      </c>
      <c r="J36" s="16">
        <v>131</v>
      </c>
      <c r="K36" s="16">
        <v>1397</v>
      </c>
      <c r="L36" s="16">
        <v>367</v>
      </c>
      <c r="M36" s="16">
        <v>7</v>
      </c>
      <c r="N36" s="16">
        <v>30</v>
      </c>
      <c r="O36" s="16">
        <v>9</v>
      </c>
      <c r="P36" s="16">
        <v>48</v>
      </c>
      <c r="Q36" s="16">
        <v>9</v>
      </c>
      <c r="R36" s="16">
        <v>36</v>
      </c>
      <c r="S36" s="16">
        <v>2</v>
      </c>
      <c r="T36" s="16">
        <v>9</v>
      </c>
      <c r="U36" s="16">
        <v>78</v>
      </c>
      <c r="V36" s="16">
        <v>139</v>
      </c>
      <c r="W36" s="16">
        <v>195</v>
      </c>
      <c r="X36" s="16">
        <v>6120</v>
      </c>
      <c r="Y36" s="16">
        <v>40</v>
      </c>
      <c r="Z36" s="16">
        <v>194</v>
      </c>
      <c r="AA36" s="16">
        <v>448</v>
      </c>
      <c r="AB36" s="16">
        <v>1403</v>
      </c>
    </row>
    <row r="37" spans="1:28">
      <c r="A37" s="21" t="s">
        <v>240</v>
      </c>
      <c r="B37" s="21" t="s">
        <v>237</v>
      </c>
      <c r="C37" s="21" t="s">
        <v>265</v>
      </c>
      <c r="D37" s="21" t="s">
        <v>686</v>
      </c>
      <c r="E37" s="16">
        <v>1182</v>
      </c>
      <c r="F37" s="16">
        <v>408</v>
      </c>
      <c r="G37" s="16">
        <v>390</v>
      </c>
      <c r="H37" s="16">
        <v>133</v>
      </c>
      <c r="I37" s="16">
        <v>230</v>
      </c>
      <c r="J37" s="16">
        <v>7</v>
      </c>
      <c r="K37" s="16">
        <v>20</v>
      </c>
      <c r="L37" s="16">
        <v>18</v>
      </c>
      <c r="M37" s="22" t="s">
        <v>268</v>
      </c>
      <c r="N37" s="16">
        <v>1</v>
      </c>
      <c r="O37" s="16">
        <v>2</v>
      </c>
      <c r="P37" s="16">
        <v>4</v>
      </c>
      <c r="Q37" s="16">
        <v>2</v>
      </c>
      <c r="R37" s="16">
        <v>5</v>
      </c>
      <c r="S37" s="22" t="s">
        <v>268</v>
      </c>
      <c r="T37" s="16">
        <v>1</v>
      </c>
      <c r="U37" s="16">
        <v>1</v>
      </c>
      <c r="V37" s="16">
        <v>2</v>
      </c>
      <c r="W37" s="16">
        <v>6</v>
      </c>
      <c r="X37" s="16">
        <v>768</v>
      </c>
      <c r="Y37" s="22" t="s">
        <v>268</v>
      </c>
      <c r="Z37" s="16">
        <v>13</v>
      </c>
      <c r="AA37" s="16">
        <v>15</v>
      </c>
      <c r="AB37" s="16">
        <v>13</v>
      </c>
    </row>
    <row r="38" spans="1:28">
      <c r="A38" s="21" t="s">
        <v>240</v>
      </c>
      <c r="B38" s="21" t="s">
        <v>237</v>
      </c>
      <c r="C38" s="21" t="s">
        <v>265</v>
      </c>
      <c r="D38" s="21" t="s">
        <v>687</v>
      </c>
      <c r="E38" s="16">
        <v>632</v>
      </c>
      <c r="F38" s="16">
        <v>166</v>
      </c>
      <c r="G38" s="16">
        <v>152</v>
      </c>
      <c r="H38" s="16">
        <v>38</v>
      </c>
      <c r="I38" s="16">
        <v>64</v>
      </c>
      <c r="J38" s="16">
        <v>6</v>
      </c>
      <c r="K38" s="16">
        <v>44</v>
      </c>
      <c r="L38" s="16">
        <v>14</v>
      </c>
      <c r="M38" s="22" t="s">
        <v>268</v>
      </c>
      <c r="N38" s="16">
        <v>3</v>
      </c>
      <c r="O38" s="16">
        <v>1</v>
      </c>
      <c r="P38" s="16">
        <v>2</v>
      </c>
      <c r="Q38" s="22" t="s">
        <v>268</v>
      </c>
      <c r="R38" s="16">
        <v>1</v>
      </c>
      <c r="S38" s="22" t="s">
        <v>268</v>
      </c>
      <c r="T38" s="16">
        <v>1</v>
      </c>
      <c r="U38" s="16">
        <v>4</v>
      </c>
      <c r="V38" s="16">
        <v>2</v>
      </c>
      <c r="W38" s="16">
        <v>1</v>
      </c>
      <c r="X38" s="16">
        <v>465</v>
      </c>
      <c r="Y38" s="22" t="s">
        <v>268</v>
      </c>
      <c r="Z38" s="16">
        <v>6</v>
      </c>
      <c r="AA38" s="16">
        <v>18</v>
      </c>
      <c r="AB38" s="16">
        <v>62</v>
      </c>
    </row>
    <row r="39" spans="1:28">
      <c r="A39" s="21" t="s">
        <v>240</v>
      </c>
      <c r="B39" s="21" t="s">
        <v>237</v>
      </c>
      <c r="C39" s="21" t="s">
        <v>265</v>
      </c>
      <c r="D39" s="21" t="s">
        <v>688</v>
      </c>
      <c r="E39" s="16">
        <v>1309</v>
      </c>
      <c r="F39" s="16">
        <v>206</v>
      </c>
      <c r="G39" s="16">
        <v>190</v>
      </c>
      <c r="H39" s="16">
        <v>75</v>
      </c>
      <c r="I39" s="16">
        <v>65</v>
      </c>
      <c r="J39" s="16">
        <v>4</v>
      </c>
      <c r="K39" s="16">
        <v>46</v>
      </c>
      <c r="L39" s="16">
        <v>16</v>
      </c>
      <c r="M39" s="22" t="s">
        <v>268</v>
      </c>
      <c r="N39" s="16">
        <v>2</v>
      </c>
      <c r="O39" s="16">
        <v>1</v>
      </c>
      <c r="P39" s="16">
        <v>6</v>
      </c>
      <c r="Q39" s="16">
        <v>2</v>
      </c>
      <c r="R39" s="16">
        <v>2</v>
      </c>
      <c r="S39" s="22" t="s">
        <v>268</v>
      </c>
      <c r="T39" s="22" t="s">
        <v>268</v>
      </c>
      <c r="U39" s="16">
        <v>2</v>
      </c>
      <c r="V39" s="16">
        <v>1</v>
      </c>
      <c r="W39" s="16">
        <v>6</v>
      </c>
      <c r="X39" s="16">
        <v>1097</v>
      </c>
      <c r="Y39" s="22" t="s">
        <v>268</v>
      </c>
      <c r="Z39" s="16">
        <v>10</v>
      </c>
      <c r="AA39" s="16">
        <v>59</v>
      </c>
      <c r="AB39" s="16">
        <v>42</v>
      </c>
    </row>
    <row r="40" spans="1:28">
      <c r="A40" s="21" t="s">
        <v>240</v>
      </c>
      <c r="B40" s="21" t="s">
        <v>237</v>
      </c>
      <c r="C40" s="21" t="s">
        <v>265</v>
      </c>
      <c r="D40" s="21" t="s">
        <v>689</v>
      </c>
      <c r="E40" s="22" t="s">
        <v>268</v>
      </c>
      <c r="F40" s="22" t="s">
        <v>268</v>
      </c>
      <c r="G40" s="22" t="s">
        <v>268</v>
      </c>
      <c r="H40" s="22" t="s">
        <v>268</v>
      </c>
      <c r="I40" s="22" t="s">
        <v>268</v>
      </c>
      <c r="J40" s="22" t="s">
        <v>268</v>
      </c>
      <c r="K40" s="22" t="s">
        <v>268</v>
      </c>
      <c r="L40" s="22" t="s">
        <v>268</v>
      </c>
      <c r="M40" s="22" t="s">
        <v>268</v>
      </c>
      <c r="N40" s="22" t="s">
        <v>268</v>
      </c>
      <c r="O40" s="22" t="s">
        <v>268</v>
      </c>
      <c r="P40" s="22" t="s">
        <v>268</v>
      </c>
      <c r="Q40" s="22" t="s">
        <v>268</v>
      </c>
      <c r="R40" s="22" t="s">
        <v>268</v>
      </c>
      <c r="S40" s="22" t="s">
        <v>268</v>
      </c>
      <c r="T40" s="22" t="s">
        <v>268</v>
      </c>
      <c r="U40" s="22" t="s">
        <v>268</v>
      </c>
      <c r="V40" s="22" t="s">
        <v>268</v>
      </c>
      <c r="W40" s="22" t="s">
        <v>268</v>
      </c>
      <c r="X40" s="22" t="s">
        <v>268</v>
      </c>
      <c r="Y40" s="22" t="s">
        <v>268</v>
      </c>
      <c r="Z40" s="22" t="s">
        <v>268</v>
      </c>
      <c r="AA40" s="22" t="s">
        <v>268</v>
      </c>
      <c r="AB4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4" orientation="portrait" r:id="rId1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7C8909-0B2B-4A21-9937-EDB0666DA090}">
  <sheetPr>
    <pageSetUpPr fitToPage="1"/>
  </sheetPr>
  <dimension ref="A1:AB40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3.625" style="20" bestFit="1" customWidth="1"/>
    <col min="5" max="16384" width="12.625" style="20"/>
  </cols>
  <sheetData>
    <row r="1" spans="1:28" s="11" customFormat="1">
      <c r="A1" s="11" t="s">
        <v>192</v>
      </c>
    </row>
    <row r="2" spans="1:28" s="11" customFormat="1">
      <c r="A2" s="11" t="s">
        <v>717</v>
      </c>
    </row>
    <row r="3" spans="1:28" s="11" customFormat="1"/>
    <row r="4" spans="1:28" s="11" customFormat="1" hidden="1"/>
    <row r="5" spans="1:28" s="11" customFormat="1">
      <c r="E5" s="12" t="s">
        <v>495</v>
      </c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  <c r="R5" s="12" t="s">
        <v>495</v>
      </c>
      <c r="S5" s="12" t="s">
        <v>495</v>
      </c>
      <c r="T5" s="12" t="s">
        <v>495</v>
      </c>
      <c r="U5" s="12" t="s">
        <v>495</v>
      </c>
      <c r="V5" s="12" t="s">
        <v>495</v>
      </c>
      <c r="W5" s="12" t="s">
        <v>495</v>
      </c>
      <c r="X5" s="12" t="s">
        <v>495</v>
      </c>
      <c r="Y5" s="12" t="s">
        <v>495</v>
      </c>
      <c r="Z5" s="12" t="s">
        <v>495</v>
      </c>
      <c r="AA5" s="12" t="s">
        <v>495</v>
      </c>
      <c r="AB5" s="12" t="s">
        <v>495</v>
      </c>
    </row>
    <row r="6" spans="1:28" s="11" customFormat="1" ht="24">
      <c r="E6" s="12" t="s">
        <v>563</v>
      </c>
      <c r="F6" s="12" t="s">
        <v>563</v>
      </c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</row>
    <row r="7" spans="1:28" s="11" customFormat="1">
      <c r="E7" s="12">
        <v>1</v>
      </c>
      <c r="F7" s="12">
        <v>1</v>
      </c>
      <c r="G7" s="12">
        <v>2</v>
      </c>
      <c r="H7" s="12">
        <v>3</v>
      </c>
      <c r="I7" s="12">
        <v>3</v>
      </c>
      <c r="J7" s="12">
        <v>3</v>
      </c>
      <c r="K7" s="12">
        <v>3</v>
      </c>
      <c r="L7" s="12">
        <v>2</v>
      </c>
      <c r="M7" s="12">
        <v>3</v>
      </c>
      <c r="N7" s="12">
        <v>3</v>
      </c>
      <c r="O7" s="12">
        <v>3</v>
      </c>
      <c r="P7" s="12">
        <v>3</v>
      </c>
      <c r="Q7" s="12">
        <v>3</v>
      </c>
      <c r="R7" s="12">
        <v>3</v>
      </c>
      <c r="S7" s="12">
        <v>3</v>
      </c>
      <c r="T7" s="12">
        <v>3</v>
      </c>
      <c r="U7" s="12">
        <v>3</v>
      </c>
      <c r="V7" s="12">
        <v>3</v>
      </c>
      <c r="W7" s="12">
        <v>1</v>
      </c>
      <c r="X7" s="12">
        <v>1</v>
      </c>
      <c r="Y7" s="12">
        <v>1</v>
      </c>
      <c r="Z7" s="12">
        <v>1</v>
      </c>
      <c r="AA7" s="12">
        <v>1</v>
      </c>
      <c r="AB7" s="12">
        <v>1</v>
      </c>
    </row>
    <row r="8" spans="1:28" s="11" customFormat="1" ht="60">
      <c r="E8" s="12" t="s">
        <v>214</v>
      </c>
      <c r="F8" s="12" t="s">
        <v>564</v>
      </c>
      <c r="G8" s="12" t="s">
        <v>565</v>
      </c>
      <c r="H8" s="12" t="s">
        <v>566</v>
      </c>
      <c r="I8" s="12" t="s">
        <v>567</v>
      </c>
      <c r="J8" s="12" t="s">
        <v>568</v>
      </c>
      <c r="K8" s="12" t="s">
        <v>569</v>
      </c>
      <c r="L8" s="12" t="s">
        <v>570</v>
      </c>
      <c r="M8" s="12" t="s">
        <v>571</v>
      </c>
      <c r="N8" s="12" t="s">
        <v>575</v>
      </c>
      <c r="O8" s="12" t="s">
        <v>578</v>
      </c>
      <c r="P8" s="12" t="s">
        <v>581</v>
      </c>
      <c r="Q8" s="12" t="s">
        <v>584</v>
      </c>
      <c r="R8" s="12" t="s">
        <v>585</v>
      </c>
      <c r="S8" s="12" t="s">
        <v>586</v>
      </c>
      <c r="T8" s="12" t="s">
        <v>589</v>
      </c>
      <c r="U8" s="12" t="s">
        <v>592</v>
      </c>
      <c r="V8" s="12" t="s">
        <v>593</v>
      </c>
      <c r="W8" s="12" t="s">
        <v>594</v>
      </c>
      <c r="X8" s="12" t="s">
        <v>595</v>
      </c>
      <c r="Y8" s="12" t="s">
        <v>596</v>
      </c>
      <c r="Z8" s="12" t="s">
        <v>597</v>
      </c>
      <c r="AA8" s="12" t="s">
        <v>616</v>
      </c>
      <c r="AB8" s="12" t="s">
        <v>617</v>
      </c>
    </row>
    <row r="9" spans="1:28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  <c r="W9" s="13" t="s">
        <v>219</v>
      </c>
      <c r="X9" s="13" t="s">
        <v>219</v>
      </c>
      <c r="Y9" s="13" t="s">
        <v>219</v>
      </c>
      <c r="Z9" s="13" t="s">
        <v>219</v>
      </c>
      <c r="AA9" s="13" t="s">
        <v>219</v>
      </c>
      <c r="AB9" s="13" t="s">
        <v>219</v>
      </c>
    </row>
    <row r="10" spans="1:28" s="11" customFormat="1">
      <c r="A10" s="14" t="s">
        <v>224</v>
      </c>
      <c r="B10" s="14" t="s">
        <v>259</v>
      </c>
      <c r="C10" s="14" t="s">
        <v>230</v>
      </c>
      <c r="D10" s="14" t="s">
        <v>68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</row>
    <row r="11" spans="1:28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123162995</v>
      </c>
      <c r="F11" s="16">
        <v>100310243</v>
      </c>
      <c r="G11" s="16">
        <v>84632638</v>
      </c>
      <c r="H11" s="16">
        <v>22317680</v>
      </c>
      <c r="I11" s="16">
        <v>50641498</v>
      </c>
      <c r="J11" s="16">
        <v>1669868</v>
      </c>
      <c r="K11" s="16">
        <v>10003592</v>
      </c>
      <c r="L11" s="16">
        <v>15677605</v>
      </c>
      <c r="M11" s="16">
        <v>636896</v>
      </c>
      <c r="N11" s="16">
        <v>1826439</v>
      </c>
      <c r="O11" s="16">
        <v>2926536</v>
      </c>
      <c r="P11" s="16">
        <v>4229403</v>
      </c>
      <c r="Q11" s="16">
        <v>345776</v>
      </c>
      <c r="R11" s="16">
        <v>1666687</v>
      </c>
      <c r="S11" s="16">
        <v>334953</v>
      </c>
      <c r="T11" s="16">
        <v>1242039</v>
      </c>
      <c r="U11" s="16">
        <v>721113</v>
      </c>
      <c r="V11" s="16">
        <v>1747763</v>
      </c>
      <c r="W11" s="16">
        <v>1231866</v>
      </c>
      <c r="X11" s="16">
        <v>21151042</v>
      </c>
      <c r="Y11" s="16">
        <v>469844</v>
      </c>
      <c r="Z11" s="16">
        <v>11442715</v>
      </c>
      <c r="AA11" s="16">
        <v>13067790</v>
      </c>
      <c r="AB11" s="16">
        <v>6716806</v>
      </c>
    </row>
    <row r="12" spans="1:28">
      <c r="A12" s="21" t="s">
        <v>232</v>
      </c>
      <c r="B12" s="21" t="s">
        <v>233</v>
      </c>
      <c r="C12" s="21" t="s">
        <v>262</v>
      </c>
      <c r="D12" s="21" t="s">
        <v>681</v>
      </c>
      <c r="E12" s="16">
        <v>122165633</v>
      </c>
      <c r="F12" s="16">
        <v>99955578</v>
      </c>
      <c r="G12" s="16">
        <v>84311810</v>
      </c>
      <c r="H12" s="16">
        <v>22244626</v>
      </c>
      <c r="I12" s="16">
        <v>50469662</v>
      </c>
      <c r="J12" s="16">
        <v>1664945</v>
      </c>
      <c r="K12" s="16">
        <v>9932577</v>
      </c>
      <c r="L12" s="16">
        <v>15643768</v>
      </c>
      <c r="M12" s="16">
        <v>636028</v>
      </c>
      <c r="N12" s="16">
        <v>1823769</v>
      </c>
      <c r="O12" s="16">
        <v>2921203</v>
      </c>
      <c r="P12" s="16">
        <v>4220166</v>
      </c>
      <c r="Q12" s="16">
        <v>345071</v>
      </c>
      <c r="R12" s="16">
        <v>1663048</v>
      </c>
      <c r="S12" s="16">
        <v>334221</v>
      </c>
      <c r="T12" s="16">
        <v>1239185</v>
      </c>
      <c r="U12" s="16">
        <v>719211</v>
      </c>
      <c r="V12" s="16">
        <v>1741866</v>
      </c>
      <c r="W12" s="16">
        <v>1223871</v>
      </c>
      <c r="X12" s="16">
        <v>20523606</v>
      </c>
      <c r="Y12" s="16">
        <v>462578</v>
      </c>
      <c r="Z12" s="16">
        <v>11417274</v>
      </c>
      <c r="AA12" s="16">
        <v>13024172</v>
      </c>
      <c r="AB12" s="16">
        <v>6686107</v>
      </c>
    </row>
    <row r="13" spans="1:28">
      <c r="A13" s="21" t="s">
        <v>232</v>
      </c>
      <c r="B13" s="21" t="s">
        <v>233</v>
      </c>
      <c r="C13" s="21" t="s">
        <v>262</v>
      </c>
      <c r="D13" s="21" t="s">
        <v>682</v>
      </c>
      <c r="E13" s="16">
        <v>120994071</v>
      </c>
      <c r="F13" s="16">
        <v>99238825</v>
      </c>
      <c r="G13" s="16">
        <v>83640564</v>
      </c>
      <c r="H13" s="16">
        <v>22117772</v>
      </c>
      <c r="I13" s="16">
        <v>50091314</v>
      </c>
      <c r="J13" s="16">
        <v>1651067</v>
      </c>
      <c r="K13" s="16">
        <v>9780411</v>
      </c>
      <c r="L13" s="16">
        <v>15598261</v>
      </c>
      <c r="M13" s="16">
        <v>635280</v>
      </c>
      <c r="N13" s="16">
        <v>1820463</v>
      </c>
      <c r="O13" s="16">
        <v>2915578</v>
      </c>
      <c r="P13" s="16">
        <v>4211651</v>
      </c>
      <c r="Q13" s="16">
        <v>343375</v>
      </c>
      <c r="R13" s="16">
        <v>1657222</v>
      </c>
      <c r="S13" s="16">
        <v>333582</v>
      </c>
      <c r="T13" s="16">
        <v>1236780</v>
      </c>
      <c r="U13" s="16">
        <v>712967</v>
      </c>
      <c r="V13" s="16">
        <v>1731363</v>
      </c>
      <c r="W13" s="16">
        <v>1213918</v>
      </c>
      <c r="X13" s="16">
        <v>20080448</v>
      </c>
      <c r="Y13" s="16">
        <v>460880</v>
      </c>
      <c r="Z13" s="16">
        <v>11389048</v>
      </c>
      <c r="AA13" s="16">
        <v>12966220</v>
      </c>
      <c r="AB13" s="16">
        <v>6584760</v>
      </c>
    </row>
    <row r="14" spans="1:28">
      <c r="A14" s="21" t="s">
        <v>232</v>
      </c>
      <c r="B14" s="21" t="s">
        <v>233</v>
      </c>
      <c r="C14" s="21" t="s">
        <v>262</v>
      </c>
      <c r="D14" s="21" t="s">
        <v>683</v>
      </c>
      <c r="E14" s="16">
        <v>87023174</v>
      </c>
      <c r="F14" s="16">
        <v>78957859</v>
      </c>
      <c r="G14" s="16">
        <v>64419253</v>
      </c>
      <c r="H14" s="16">
        <v>17118420</v>
      </c>
      <c r="I14" s="16">
        <v>39809336</v>
      </c>
      <c r="J14" s="16">
        <v>1286411</v>
      </c>
      <c r="K14" s="16">
        <v>6205086</v>
      </c>
      <c r="L14" s="16">
        <v>14538606</v>
      </c>
      <c r="M14" s="16">
        <v>624600</v>
      </c>
      <c r="N14" s="16">
        <v>1745982</v>
      </c>
      <c r="O14" s="16">
        <v>2881633</v>
      </c>
      <c r="P14" s="16">
        <v>4059044</v>
      </c>
      <c r="Q14" s="16">
        <v>302486</v>
      </c>
      <c r="R14" s="16">
        <v>1531228</v>
      </c>
      <c r="S14" s="16">
        <v>322595</v>
      </c>
      <c r="T14" s="16">
        <v>1207550</v>
      </c>
      <c r="U14" s="16">
        <v>464699</v>
      </c>
      <c r="V14" s="16">
        <v>1398789</v>
      </c>
      <c r="W14" s="16">
        <v>507594</v>
      </c>
      <c r="X14" s="16">
        <v>7278913</v>
      </c>
      <c r="Y14" s="16">
        <v>278808</v>
      </c>
      <c r="Z14" s="16">
        <v>10829731</v>
      </c>
      <c r="AA14" s="16">
        <v>11565498</v>
      </c>
      <c r="AB14" s="16">
        <v>4435064</v>
      </c>
    </row>
    <row r="15" spans="1:28">
      <c r="A15" s="21" t="s">
        <v>232</v>
      </c>
      <c r="B15" s="21" t="s">
        <v>233</v>
      </c>
      <c r="C15" s="21" t="s">
        <v>262</v>
      </c>
      <c r="D15" s="21" t="s">
        <v>684</v>
      </c>
      <c r="E15" s="16">
        <v>5015325</v>
      </c>
      <c r="F15" s="16">
        <v>3751930</v>
      </c>
      <c r="G15" s="16">
        <v>3525952</v>
      </c>
      <c r="H15" s="16">
        <v>955326</v>
      </c>
      <c r="I15" s="16">
        <v>1421658</v>
      </c>
      <c r="J15" s="16">
        <v>93728</v>
      </c>
      <c r="K15" s="16">
        <v>1055240</v>
      </c>
      <c r="L15" s="16">
        <v>225978</v>
      </c>
      <c r="M15" s="16">
        <v>1568</v>
      </c>
      <c r="N15" s="16">
        <v>15096</v>
      </c>
      <c r="O15" s="16">
        <v>3985</v>
      </c>
      <c r="P15" s="16">
        <v>24388</v>
      </c>
      <c r="Q15" s="16">
        <v>9765</v>
      </c>
      <c r="R15" s="16">
        <v>28412</v>
      </c>
      <c r="S15" s="16">
        <v>1516</v>
      </c>
      <c r="T15" s="16">
        <v>3252</v>
      </c>
      <c r="U15" s="16">
        <v>45727</v>
      </c>
      <c r="V15" s="16">
        <v>92269</v>
      </c>
      <c r="W15" s="16">
        <v>38544</v>
      </c>
      <c r="X15" s="16">
        <v>1200420</v>
      </c>
      <c r="Y15" s="16">
        <v>24431</v>
      </c>
      <c r="Z15" s="16">
        <v>128432</v>
      </c>
      <c r="AA15" s="16">
        <v>659326</v>
      </c>
      <c r="AB15" s="16">
        <v>761322</v>
      </c>
    </row>
    <row r="16" spans="1:28">
      <c r="A16" s="21" t="s">
        <v>232</v>
      </c>
      <c r="B16" s="21" t="s">
        <v>233</v>
      </c>
      <c r="C16" s="21" t="s">
        <v>262</v>
      </c>
      <c r="D16" s="21" t="s">
        <v>685</v>
      </c>
      <c r="E16" s="16">
        <v>26272767</v>
      </c>
      <c r="F16" s="16">
        <v>14864196</v>
      </c>
      <c r="G16" s="16">
        <v>14076657</v>
      </c>
      <c r="H16" s="16">
        <v>3680314</v>
      </c>
      <c r="I16" s="16">
        <v>7699605</v>
      </c>
      <c r="J16" s="16">
        <v>254427</v>
      </c>
      <c r="K16" s="16">
        <v>2442311</v>
      </c>
      <c r="L16" s="16">
        <v>787539</v>
      </c>
      <c r="M16" s="16">
        <v>8080</v>
      </c>
      <c r="N16" s="16">
        <v>54963</v>
      </c>
      <c r="O16" s="16">
        <v>24211</v>
      </c>
      <c r="P16" s="16">
        <v>115508</v>
      </c>
      <c r="Q16" s="16">
        <v>29611</v>
      </c>
      <c r="R16" s="16">
        <v>92652</v>
      </c>
      <c r="S16" s="16">
        <v>8755</v>
      </c>
      <c r="T16" s="16">
        <v>22979</v>
      </c>
      <c r="U16" s="16">
        <v>197483</v>
      </c>
      <c r="V16" s="16">
        <v>233297</v>
      </c>
      <c r="W16" s="16">
        <v>647728</v>
      </c>
      <c r="X16" s="16">
        <v>10609104</v>
      </c>
      <c r="Y16" s="16">
        <v>151739</v>
      </c>
      <c r="Z16" s="16">
        <v>401171</v>
      </c>
      <c r="AA16" s="16">
        <v>710888</v>
      </c>
      <c r="AB16" s="16">
        <v>1365049</v>
      </c>
    </row>
    <row r="17" spans="1:28">
      <c r="A17" s="21" t="s">
        <v>232</v>
      </c>
      <c r="B17" s="21" t="s">
        <v>233</v>
      </c>
      <c r="C17" s="21" t="s">
        <v>262</v>
      </c>
      <c r="D17" s="21" t="s">
        <v>686</v>
      </c>
      <c r="E17" s="16">
        <v>2682805</v>
      </c>
      <c r="F17" s="16">
        <v>1664840</v>
      </c>
      <c r="G17" s="16">
        <v>1618702</v>
      </c>
      <c r="H17" s="16">
        <v>363712</v>
      </c>
      <c r="I17" s="16">
        <v>1160715</v>
      </c>
      <c r="J17" s="16">
        <v>16501</v>
      </c>
      <c r="K17" s="16">
        <v>77774</v>
      </c>
      <c r="L17" s="16">
        <v>46138</v>
      </c>
      <c r="M17" s="16">
        <v>1032</v>
      </c>
      <c r="N17" s="16">
        <v>4422</v>
      </c>
      <c r="O17" s="16">
        <v>5749</v>
      </c>
      <c r="P17" s="16">
        <v>12711</v>
      </c>
      <c r="Q17" s="16">
        <v>1513</v>
      </c>
      <c r="R17" s="16">
        <v>4930</v>
      </c>
      <c r="S17" s="16">
        <v>716</v>
      </c>
      <c r="T17" s="16">
        <v>2999</v>
      </c>
      <c r="U17" s="16">
        <v>5058</v>
      </c>
      <c r="V17" s="16">
        <v>7008</v>
      </c>
      <c r="W17" s="16">
        <v>20052</v>
      </c>
      <c r="X17" s="16">
        <v>992011</v>
      </c>
      <c r="Y17" s="16">
        <v>5902</v>
      </c>
      <c r="Z17" s="16">
        <v>29714</v>
      </c>
      <c r="AA17" s="16">
        <v>30508</v>
      </c>
      <c r="AB17" s="16">
        <v>23325</v>
      </c>
    </row>
    <row r="18" spans="1:28">
      <c r="A18" s="21" t="s">
        <v>232</v>
      </c>
      <c r="B18" s="21" t="s">
        <v>233</v>
      </c>
      <c r="C18" s="21" t="s">
        <v>262</v>
      </c>
      <c r="D18" s="21" t="s">
        <v>687</v>
      </c>
      <c r="E18" s="16">
        <v>1171562</v>
      </c>
      <c r="F18" s="16">
        <v>716753</v>
      </c>
      <c r="G18" s="16">
        <v>671246</v>
      </c>
      <c r="H18" s="16">
        <v>126854</v>
      </c>
      <c r="I18" s="16">
        <v>378348</v>
      </c>
      <c r="J18" s="16">
        <v>13878</v>
      </c>
      <c r="K18" s="16">
        <v>152166</v>
      </c>
      <c r="L18" s="16">
        <v>45507</v>
      </c>
      <c r="M18" s="16">
        <v>748</v>
      </c>
      <c r="N18" s="16">
        <v>3306</v>
      </c>
      <c r="O18" s="16">
        <v>5625</v>
      </c>
      <c r="P18" s="16">
        <v>8515</v>
      </c>
      <c r="Q18" s="16">
        <v>1696</v>
      </c>
      <c r="R18" s="16">
        <v>5826</v>
      </c>
      <c r="S18" s="16">
        <v>639</v>
      </c>
      <c r="T18" s="16">
        <v>2405</v>
      </c>
      <c r="U18" s="16">
        <v>6244</v>
      </c>
      <c r="V18" s="16">
        <v>10503</v>
      </c>
      <c r="W18" s="16">
        <v>9953</v>
      </c>
      <c r="X18" s="16">
        <v>443158</v>
      </c>
      <c r="Y18" s="16">
        <v>1698</v>
      </c>
      <c r="Z18" s="16">
        <v>28226</v>
      </c>
      <c r="AA18" s="16">
        <v>57952</v>
      </c>
      <c r="AB18" s="16">
        <v>101347</v>
      </c>
    </row>
    <row r="19" spans="1:28">
      <c r="A19" s="21" t="s">
        <v>232</v>
      </c>
      <c r="B19" s="21" t="s">
        <v>233</v>
      </c>
      <c r="C19" s="21" t="s">
        <v>262</v>
      </c>
      <c r="D19" s="21" t="s">
        <v>688</v>
      </c>
      <c r="E19" s="16">
        <v>997209</v>
      </c>
      <c r="F19" s="16">
        <v>354548</v>
      </c>
      <c r="G19" s="16">
        <v>320734</v>
      </c>
      <c r="H19" s="16">
        <v>73046</v>
      </c>
      <c r="I19" s="16">
        <v>171767</v>
      </c>
      <c r="J19" s="16">
        <v>4918</v>
      </c>
      <c r="K19" s="16">
        <v>71003</v>
      </c>
      <c r="L19" s="16">
        <v>33814</v>
      </c>
      <c r="M19" s="16">
        <v>868</v>
      </c>
      <c r="N19" s="16">
        <v>2670</v>
      </c>
      <c r="O19" s="16">
        <v>5333</v>
      </c>
      <c r="P19" s="16">
        <v>9218</v>
      </c>
      <c r="Q19" s="16">
        <v>705</v>
      </c>
      <c r="R19" s="16">
        <v>3635</v>
      </c>
      <c r="S19" s="16">
        <v>732</v>
      </c>
      <c r="T19" s="16">
        <v>2854</v>
      </c>
      <c r="U19" s="16">
        <v>1902</v>
      </c>
      <c r="V19" s="16">
        <v>5897</v>
      </c>
      <c r="W19" s="16">
        <v>7995</v>
      </c>
      <c r="X19" s="16">
        <v>627419</v>
      </c>
      <c r="Y19" s="16">
        <v>7247</v>
      </c>
      <c r="Z19" s="16">
        <v>25418</v>
      </c>
      <c r="AA19" s="16">
        <v>43612</v>
      </c>
      <c r="AB19" s="16">
        <v>30697</v>
      </c>
    </row>
    <row r="20" spans="1:28">
      <c r="A20" s="21" t="s">
        <v>232</v>
      </c>
      <c r="B20" s="21" t="s">
        <v>233</v>
      </c>
      <c r="C20" s="21" t="s">
        <v>262</v>
      </c>
      <c r="D20" s="21" t="s">
        <v>689</v>
      </c>
      <c r="E20" s="16">
        <v>153</v>
      </c>
      <c r="F20" s="16">
        <v>117</v>
      </c>
      <c r="G20" s="16">
        <v>94</v>
      </c>
      <c r="H20" s="16">
        <v>8</v>
      </c>
      <c r="I20" s="16">
        <v>69</v>
      </c>
      <c r="J20" s="16">
        <v>5</v>
      </c>
      <c r="K20" s="16">
        <v>12</v>
      </c>
      <c r="L20" s="16">
        <v>23</v>
      </c>
      <c r="M20" s="22" t="s">
        <v>268</v>
      </c>
      <c r="N20" s="22" t="s">
        <v>268</v>
      </c>
      <c r="O20" s="22" t="s">
        <v>268</v>
      </c>
      <c r="P20" s="16">
        <v>19</v>
      </c>
      <c r="Q20" s="22" t="s">
        <v>268</v>
      </c>
      <c r="R20" s="16">
        <v>4</v>
      </c>
      <c r="S20" s="22" t="s">
        <v>268</v>
      </c>
      <c r="T20" s="22" t="s">
        <v>268</v>
      </c>
      <c r="U20" s="22" t="s">
        <v>268</v>
      </c>
      <c r="V20" s="22" t="s">
        <v>268</v>
      </c>
      <c r="W20" s="22" t="s">
        <v>268</v>
      </c>
      <c r="X20" s="16">
        <v>17</v>
      </c>
      <c r="Y20" s="16">
        <v>19</v>
      </c>
      <c r="Z20" s="16">
        <v>23</v>
      </c>
      <c r="AA20" s="16">
        <v>6</v>
      </c>
      <c r="AB20" s="16">
        <v>2</v>
      </c>
    </row>
    <row r="21" spans="1:28">
      <c r="A21" s="21" t="s">
        <v>232</v>
      </c>
      <c r="B21" s="21" t="s">
        <v>237</v>
      </c>
      <c r="C21" s="21" t="s">
        <v>264</v>
      </c>
      <c r="D21" s="21" t="s">
        <v>214</v>
      </c>
      <c r="E21" s="16">
        <v>1678793</v>
      </c>
      <c r="F21" s="16">
        <v>1417970</v>
      </c>
      <c r="G21" s="16">
        <v>1115416</v>
      </c>
      <c r="H21" s="16">
        <v>298656</v>
      </c>
      <c r="I21" s="16">
        <v>648373</v>
      </c>
      <c r="J21" s="16">
        <v>22314</v>
      </c>
      <c r="K21" s="16">
        <v>146073</v>
      </c>
      <c r="L21" s="16">
        <v>302554</v>
      </c>
      <c r="M21" s="16">
        <v>14296</v>
      </c>
      <c r="N21" s="16">
        <v>35688</v>
      </c>
      <c r="O21" s="16">
        <v>58699</v>
      </c>
      <c r="P21" s="16">
        <v>69255</v>
      </c>
      <c r="Q21" s="16">
        <v>7107</v>
      </c>
      <c r="R21" s="16">
        <v>34228</v>
      </c>
      <c r="S21" s="16">
        <v>8546</v>
      </c>
      <c r="T21" s="16">
        <v>30945</v>
      </c>
      <c r="U21" s="16">
        <v>11246</v>
      </c>
      <c r="V21" s="16">
        <v>32544</v>
      </c>
      <c r="W21" s="16">
        <v>14249</v>
      </c>
      <c r="X21" s="16">
        <v>242940</v>
      </c>
      <c r="Y21" s="16">
        <v>3634</v>
      </c>
      <c r="Z21" s="16">
        <v>220757</v>
      </c>
      <c r="AA21" s="16">
        <v>188350</v>
      </c>
      <c r="AB21" s="16">
        <v>92410</v>
      </c>
    </row>
    <row r="22" spans="1:28">
      <c r="A22" s="21" t="s">
        <v>232</v>
      </c>
      <c r="B22" s="21" t="s">
        <v>237</v>
      </c>
      <c r="C22" s="21" t="s">
        <v>264</v>
      </c>
      <c r="D22" s="21" t="s">
        <v>681</v>
      </c>
      <c r="E22" s="16">
        <v>1663762</v>
      </c>
      <c r="F22" s="16">
        <v>1411051</v>
      </c>
      <c r="G22" s="16">
        <v>1109172</v>
      </c>
      <c r="H22" s="16">
        <v>297190</v>
      </c>
      <c r="I22" s="16">
        <v>644919</v>
      </c>
      <c r="J22" s="16">
        <v>22208</v>
      </c>
      <c r="K22" s="16">
        <v>144855</v>
      </c>
      <c r="L22" s="16">
        <v>301879</v>
      </c>
      <c r="M22" s="16">
        <v>14276</v>
      </c>
      <c r="N22" s="16">
        <v>35634</v>
      </c>
      <c r="O22" s="16">
        <v>58626</v>
      </c>
      <c r="P22" s="16">
        <v>69087</v>
      </c>
      <c r="Q22" s="16">
        <v>7088</v>
      </c>
      <c r="R22" s="16">
        <v>34093</v>
      </c>
      <c r="S22" s="16">
        <v>8537</v>
      </c>
      <c r="T22" s="16">
        <v>30906</v>
      </c>
      <c r="U22" s="16">
        <v>11218</v>
      </c>
      <c r="V22" s="16">
        <v>32414</v>
      </c>
      <c r="W22" s="16">
        <v>14135</v>
      </c>
      <c r="X22" s="16">
        <v>234952</v>
      </c>
      <c r="Y22" s="16">
        <v>3624</v>
      </c>
      <c r="Z22" s="16">
        <v>220232</v>
      </c>
      <c r="AA22" s="16">
        <v>187376</v>
      </c>
      <c r="AB22" s="16">
        <v>92025</v>
      </c>
    </row>
    <row r="23" spans="1:28">
      <c r="A23" s="21" t="s">
        <v>232</v>
      </c>
      <c r="B23" s="21" t="s">
        <v>237</v>
      </c>
      <c r="C23" s="21" t="s">
        <v>264</v>
      </c>
      <c r="D23" s="21" t="s">
        <v>682</v>
      </c>
      <c r="E23" s="16">
        <v>1649776</v>
      </c>
      <c r="F23" s="16">
        <v>1401843</v>
      </c>
      <c r="G23" s="16">
        <v>1100652</v>
      </c>
      <c r="H23" s="16">
        <v>295808</v>
      </c>
      <c r="I23" s="16">
        <v>640084</v>
      </c>
      <c r="J23" s="16">
        <v>22001</v>
      </c>
      <c r="K23" s="16">
        <v>142759</v>
      </c>
      <c r="L23" s="16">
        <v>301191</v>
      </c>
      <c r="M23" s="16">
        <v>14268</v>
      </c>
      <c r="N23" s="16">
        <v>35577</v>
      </c>
      <c r="O23" s="16">
        <v>58569</v>
      </c>
      <c r="P23" s="16">
        <v>68969</v>
      </c>
      <c r="Q23" s="16">
        <v>7068</v>
      </c>
      <c r="R23" s="16">
        <v>33966</v>
      </c>
      <c r="S23" s="16">
        <v>8520</v>
      </c>
      <c r="T23" s="16">
        <v>30842</v>
      </c>
      <c r="U23" s="16">
        <v>11155</v>
      </c>
      <c r="V23" s="16">
        <v>32257</v>
      </c>
      <c r="W23" s="16">
        <v>14044</v>
      </c>
      <c r="X23" s="16">
        <v>230269</v>
      </c>
      <c r="Y23" s="16">
        <v>3620</v>
      </c>
      <c r="Z23" s="16">
        <v>219769</v>
      </c>
      <c r="AA23" s="16">
        <v>186734</v>
      </c>
      <c r="AB23" s="16">
        <v>91054</v>
      </c>
    </row>
    <row r="24" spans="1:28">
      <c r="A24" s="21" t="s">
        <v>232</v>
      </c>
      <c r="B24" s="21" t="s">
        <v>237</v>
      </c>
      <c r="C24" s="21" t="s">
        <v>264</v>
      </c>
      <c r="D24" s="21" t="s">
        <v>683</v>
      </c>
      <c r="E24" s="16">
        <v>1180571</v>
      </c>
      <c r="F24" s="16">
        <v>1080821</v>
      </c>
      <c r="G24" s="16">
        <v>799519</v>
      </c>
      <c r="H24" s="16">
        <v>233432</v>
      </c>
      <c r="I24" s="16">
        <v>464674</v>
      </c>
      <c r="J24" s="16">
        <v>16823</v>
      </c>
      <c r="K24" s="16">
        <v>84590</v>
      </c>
      <c r="L24" s="16">
        <v>281302</v>
      </c>
      <c r="M24" s="16">
        <v>14072</v>
      </c>
      <c r="N24" s="16">
        <v>34266</v>
      </c>
      <c r="O24" s="16">
        <v>57702</v>
      </c>
      <c r="P24" s="16">
        <v>65867</v>
      </c>
      <c r="Q24" s="16">
        <v>6419</v>
      </c>
      <c r="R24" s="16">
        <v>31371</v>
      </c>
      <c r="S24" s="16">
        <v>8311</v>
      </c>
      <c r="T24" s="16">
        <v>30067</v>
      </c>
      <c r="U24" s="16">
        <v>7667</v>
      </c>
      <c r="V24" s="16">
        <v>25560</v>
      </c>
      <c r="W24" s="16">
        <v>6652</v>
      </c>
      <c r="X24" s="16">
        <v>91371</v>
      </c>
      <c r="Y24" s="16">
        <v>1727</v>
      </c>
      <c r="Z24" s="16">
        <v>207588</v>
      </c>
      <c r="AA24" s="16">
        <v>167162</v>
      </c>
      <c r="AB24" s="16">
        <v>63650</v>
      </c>
    </row>
    <row r="25" spans="1:28">
      <c r="A25" s="21" t="s">
        <v>232</v>
      </c>
      <c r="B25" s="21" t="s">
        <v>237</v>
      </c>
      <c r="C25" s="21" t="s">
        <v>264</v>
      </c>
      <c r="D25" s="21" t="s">
        <v>684</v>
      </c>
      <c r="E25" s="16">
        <v>76782</v>
      </c>
      <c r="F25" s="16">
        <v>59843</v>
      </c>
      <c r="G25" s="16">
        <v>55130</v>
      </c>
      <c r="H25" s="16">
        <v>12734</v>
      </c>
      <c r="I25" s="16">
        <v>23765</v>
      </c>
      <c r="J25" s="16">
        <v>1402</v>
      </c>
      <c r="K25" s="16">
        <v>17229</v>
      </c>
      <c r="L25" s="16">
        <v>4713</v>
      </c>
      <c r="M25" s="16">
        <v>24</v>
      </c>
      <c r="N25" s="16">
        <v>273</v>
      </c>
      <c r="O25" s="16">
        <v>132</v>
      </c>
      <c r="P25" s="16">
        <v>560</v>
      </c>
      <c r="Q25" s="16">
        <v>189</v>
      </c>
      <c r="R25" s="16">
        <v>611</v>
      </c>
      <c r="S25" s="16">
        <v>29</v>
      </c>
      <c r="T25" s="16">
        <v>96</v>
      </c>
      <c r="U25" s="16">
        <v>745</v>
      </c>
      <c r="V25" s="16">
        <v>2054</v>
      </c>
      <c r="W25" s="16">
        <v>340</v>
      </c>
      <c r="X25" s="16">
        <v>16369</v>
      </c>
      <c r="Y25" s="16">
        <v>230</v>
      </c>
      <c r="Z25" s="16">
        <v>2991</v>
      </c>
      <c r="AA25" s="16">
        <v>8786</v>
      </c>
      <c r="AB25" s="16">
        <v>11123</v>
      </c>
    </row>
    <row r="26" spans="1:28">
      <c r="A26" s="21" t="s">
        <v>232</v>
      </c>
      <c r="B26" s="21" t="s">
        <v>237</v>
      </c>
      <c r="C26" s="21" t="s">
        <v>264</v>
      </c>
      <c r="D26" s="21" t="s">
        <v>685</v>
      </c>
      <c r="E26" s="16">
        <v>359747</v>
      </c>
      <c r="F26" s="16">
        <v>239455</v>
      </c>
      <c r="G26" s="16">
        <v>225046</v>
      </c>
      <c r="H26" s="16">
        <v>45748</v>
      </c>
      <c r="I26" s="16">
        <v>135873</v>
      </c>
      <c r="J26" s="16">
        <v>3540</v>
      </c>
      <c r="K26" s="16">
        <v>39885</v>
      </c>
      <c r="L26" s="16">
        <v>14409</v>
      </c>
      <c r="M26" s="16">
        <v>152</v>
      </c>
      <c r="N26" s="16">
        <v>981</v>
      </c>
      <c r="O26" s="16">
        <v>601</v>
      </c>
      <c r="P26" s="16">
        <v>2355</v>
      </c>
      <c r="Q26" s="16">
        <v>437</v>
      </c>
      <c r="R26" s="16">
        <v>1870</v>
      </c>
      <c r="S26" s="16">
        <v>176</v>
      </c>
      <c r="T26" s="16">
        <v>608</v>
      </c>
      <c r="U26" s="16">
        <v>2673</v>
      </c>
      <c r="V26" s="16">
        <v>4556</v>
      </c>
      <c r="W26" s="16">
        <v>6853</v>
      </c>
      <c r="X26" s="16">
        <v>111820</v>
      </c>
      <c r="Y26" s="16">
        <v>1619</v>
      </c>
      <c r="Z26" s="16">
        <v>8643</v>
      </c>
      <c r="AA26" s="16">
        <v>10358</v>
      </c>
      <c r="AB26" s="16">
        <v>16021</v>
      </c>
    </row>
    <row r="27" spans="1:28">
      <c r="A27" s="21" t="s">
        <v>232</v>
      </c>
      <c r="B27" s="21" t="s">
        <v>237</v>
      </c>
      <c r="C27" s="21" t="s">
        <v>264</v>
      </c>
      <c r="D27" s="21" t="s">
        <v>686</v>
      </c>
      <c r="E27" s="16">
        <v>32676</v>
      </c>
      <c r="F27" s="16">
        <v>21724</v>
      </c>
      <c r="G27" s="16">
        <v>20957</v>
      </c>
      <c r="H27" s="16">
        <v>3894</v>
      </c>
      <c r="I27" s="16">
        <v>15772</v>
      </c>
      <c r="J27" s="16">
        <v>236</v>
      </c>
      <c r="K27" s="16">
        <v>1055</v>
      </c>
      <c r="L27" s="16">
        <v>767</v>
      </c>
      <c r="M27" s="16">
        <v>20</v>
      </c>
      <c r="N27" s="16">
        <v>57</v>
      </c>
      <c r="O27" s="16">
        <v>134</v>
      </c>
      <c r="P27" s="16">
        <v>187</v>
      </c>
      <c r="Q27" s="16">
        <v>23</v>
      </c>
      <c r="R27" s="16">
        <v>114</v>
      </c>
      <c r="S27" s="16">
        <v>4</v>
      </c>
      <c r="T27" s="16">
        <v>71</v>
      </c>
      <c r="U27" s="16">
        <v>70</v>
      </c>
      <c r="V27" s="16">
        <v>87</v>
      </c>
      <c r="W27" s="16">
        <v>199</v>
      </c>
      <c r="X27" s="16">
        <v>10709</v>
      </c>
      <c r="Y27" s="16">
        <v>44</v>
      </c>
      <c r="Z27" s="16">
        <v>547</v>
      </c>
      <c r="AA27" s="16">
        <v>428</v>
      </c>
      <c r="AB27" s="16">
        <v>260</v>
      </c>
    </row>
    <row r="28" spans="1:28">
      <c r="A28" s="21" t="s">
        <v>232</v>
      </c>
      <c r="B28" s="21" t="s">
        <v>237</v>
      </c>
      <c r="C28" s="21" t="s">
        <v>264</v>
      </c>
      <c r="D28" s="21" t="s">
        <v>687</v>
      </c>
      <c r="E28" s="16">
        <v>13986</v>
      </c>
      <c r="F28" s="16">
        <v>9208</v>
      </c>
      <c r="G28" s="16">
        <v>8520</v>
      </c>
      <c r="H28" s="16">
        <v>1382</v>
      </c>
      <c r="I28" s="16">
        <v>4835</v>
      </c>
      <c r="J28" s="16">
        <v>207</v>
      </c>
      <c r="K28" s="16">
        <v>2096</v>
      </c>
      <c r="L28" s="16">
        <v>688</v>
      </c>
      <c r="M28" s="16">
        <v>8</v>
      </c>
      <c r="N28" s="16">
        <v>57</v>
      </c>
      <c r="O28" s="16">
        <v>57</v>
      </c>
      <c r="P28" s="16">
        <v>118</v>
      </c>
      <c r="Q28" s="16">
        <v>20</v>
      </c>
      <c r="R28" s="16">
        <v>127</v>
      </c>
      <c r="S28" s="16">
        <v>17</v>
      </c>
      <c r="T28" s="16">
        <v>64</v>
      </c>
      <c r="U28" s="16">
        <v>63</v>
      </c>
      <c r="V28" s="16">
        <v>157</v>
      </c>
      <c r="W28" s="16">
        <v>91</v>
      </c>
      <c r="X28" s="16">
        <v>4683</v>
      </c>
      <c r="Y28" s="16">
        <v>4</v>
      </c>
      <c r="Z28" s="16">
        <v>463</v>
      </c>
      <c r="AA28" s="16">
        <v>642</v>
      </c>
      <c r="AB28" s="16">
        <v>971</v>
      </c>
    </row>
    <row r="29" spans="1:28">
      <c r="A29" s="21" t="s">
        <v>232</v>
      </c>
      <c r="B29" s="21" t="s">
        <v>237</v>
      </c>
      <c r="C29" s="21" t="s">
        <v>264</v>
      </c>
      <c r="D29" s="21" t="s">
        <v>688</v>
      </c>
      <c r="E29" s="16">
        <v>15031</v>
      </c>
      <c r="F29" s="16">
        <v>6919</v>
      </c>
      <c r="G29" s="16">
        <v>6244</v>
      </c>
      <c r="H29" s="16">
        <v>1466</v>
      </c>
      <c r="I29" s="16">
        <v>3454</v>
      </c>
      <c r="J29" s="16">
        <v>106</v>
      </c>
      <c r="K29" s="16">
        <v>1218</v>
      </c>
      <c r="L29" s="16">
        <v>675</v>
      </c>
      <c r="M29" s="16">
        <v>20</v>
      </c>
      <c r="N29" s="16">
        <v>54</v>
      </c>
      <c r="O29" s="16">
        <v>73</v>
      </c>
      <c r="P29" s="16">
        <v>168</v>
      </c>
      <c r="Q29" s="16">
        <v>19</v>
      </c>
      <c r="R29" s="16">
        <v>135</v>
      </c>
      <c r="S29" s="16">
        <v>9</v>
      </c>
      <c r="T29" s="16">
        <v>39</v>
      </c>
      <c r="U29" s="16">
        <v>28</v>
      </c>
      <c r="V29" s="16">
        <v>130</v>
      </c>
      <c r="W29" s="16">
        <v>114</v>
      </c>
      <c r="X29" s="16">
        <v>7988</v>
      </c>
      <c r="Y29" s="16">
        <v>10</v>
      </c>
      <c r="Z29" s="16">
        <v>525</v>
      </c>
      <c r="AA29" s="16">
        <v>974</v>
      </c>
      <c r="AB29" s="16">
        <v>385</v>
      </c>
    </row>
    <row r="30" spans="1:28">
      <c r="A30" s="21" t="s">
        <v>232</v>
      </c>
      <c r="B30" s="21" t="s">
        <v>237</v>
      </c>
      <c r="C30" s="21" t="s">
        <v>264</v>
      </c>
      <c r="D30" s="21" t="s">
        <v>689</v>
      </c>
      <c r="E30" s="22" t="s">
        <v>268</v>
      </c>
      <c r="F30" s="22" t="s">
        <v>268</v>
      </c>
      <c r="G30" s="22" t="s">
        <v>268</v>
      </c>
      <c r="H30" s="22" t="s">
        <v>268</v>
      </c>
      <c r="I30" s="22" t="s">
        <v>268</v>
      </c>
      <c r="J30" s="22" t="s">
        <v>268</v>
      </c>
      <c r="K30" s="22" t="s">
        <v>268</v>
      </c>
      <c r="L30" s="22" t="s">
        <v>268</v>
      </c>
      <c r="M30" s="22" t="s">
        <v>268</v>
      </c>
      <c r="N30" s="22" t="s">
        <v>268</v>
      </c>
      <c r="O30" s="22" t="s">
        <v>268</v>
      </c>
      <c r="P30" s="22" t="s">
        <v>268</v>
      </c>
      <c r="Q30" s="22" t="s">
        <v>268</v>
      </c>
      <c r="R30" s="22" t="s">
        <v>268</v>
      </c>
      <c r="S30" s="22" t="s">
        <v>268</v>
      </c>
      <c r="T30" s="22" t="s">
        <v>268</v>
      </c>
      <c r="U30" s="22" t="s">
        <v>268</v>
      </c>
      <c r="V30" s="22" t="s">
        <v>268</v>
      </c>
      <c r="W30" s="22" t="s">
        <v>268</v>
      </c>
      <c r="X30" s="22" t="s">
        <v>268</v>
      </c>
      <c r="Y30" s="22" t="s">
        <v>268</v>
      </c>
      <c r="Z30" s="22" t="s">
        <v>268</v>
      </c>
      <c r="AA30" s="22" t="s">
        <v>268</v>
      </c>
      <c r="AB30" s="22" t="s">
        <v>268</v>
      </c>
    </row>
    <row r="31" spans="1:28">
      <c r="A31" s="21" t="s">
        <v>240</v>
      </c>
      <c r="B31" s="21" t="s">
        <v>237</v>
      </c>
      <c r="C31" s="21" t="s">
        <v>265</v>
      </c>
      <c r="D31" s="21" t="s">
        <v>214</v>
      </c>
      <c r="E31" s="16">
        <v>117827</v>
      </c>
      <c r="F31" s="16">
        <v>100725</v>
      </c>
      <c r="G31" s="16">
        <v>72299</v>
      </c>
      <c r="H31" s="16">
        <v>20490</v>
      </c>
      <c r="I31" s="16">
        <v>39510</v>
      </c>
      <c r="J31" s="16">
        <v>1736</v>
      </c>
      <c r="K31" s="16">
        <v>10563</v>
      </c>
      <c r="L31" s="16">
        <v>28426</v>
      </c>
      <c r="M31" s="16">
        <v>1500</v>
      </c>
      <c r="N31" s="16">
        <v>3135</v>
      </c>
      <c r="O31" s="16">
        <v>5863</v>
      </c>
      <c r="P31" s="16">
        <v>6071</v>
      </c>
      <c r="Q31" s="16">
        <v>637</v>
      </c>
      <c r="R31" s="16">
        <v>3001</v>
      </c>
      <c r="S31" s="16">
        <v>1321</v>
      </c>
      <c r="T31" s="16">
        <v>3271</v>
      </c>
      <c r="U31" s="16">
        <v>786</v>
      </c>
      <c r="V31" s="16">
        <v>2841</v>
      </c>
      <c r="W31" s="16">
        <v>1117</v>
      </c>
      <c r="X31" s="16">
        <v>15791</v>
      </c>
      <c r="Y31" s="16">
        <v>194</v>
      </c>
      <c r="Z31" s="16">
        <v>21370</v>
      </c>
      <c r="AA31" s="16">
        <v>13476</v>
      </c>
      <c r="AB31" s="16">
        <v>6739</v>
      </c>
    </row>
    <row r="32" spans="1:28">
      <c r="A32" s="21" t="s">
        <v>240</v>
      </c>
      <c r="B32" s="21" t="s">
        <v>237</v>
      </c>
      <c r="C32" s="21" t="s">
        <v>265</v>
      </c>
      <c r="D32" s="21" t="s">
        <v>681</v>
      </c>
      <c r="E32" s="16">
        <v>116099</v>
      </c>
      <c r="F32" s="16">
        <v>100111</v>
      </c>
      <c r="G32" s="16">
        <v>71754</v>
      </c>
      <c r="H32" s="16">
        <v>20340</v>
      </c>
      <c r="I32" s="16">
        <v>39246</v>
      </c>
      <c r="J32" s="16">
        <v>1728</v>
      </c>
      <c r="K32" s="16">
        <v>10440</v>
      </c>
      <c r="L32" s="16">
        <v>28357</v>
      </c>
      <c r="M32" s="16">
        <v>1500</v>
      </c>
      <c r="N32" s="16">
        <v>3129</v>
      </c>
      <c r="O32" s="16">
        <v>5857</v>
      </c>
      <c r="P32" s="16">
        <v>6041</v>
      </c>
      <c r="Q32" s="16">
        <v>629</v>
      </c>
      <c r="R32" s="16">
        <v>2990</v>
      </c>
      <c r="S32" s="16">
        <v>1321</v>
      </c>
      <c r="T32" s="16">
        <v>3271</v>
      </c>
      <c r="U32" s="16">
        <v>782</v>
      </c>
      <c r="V32" s="16">
        <v>2837</v>
      </c>
      <c r="W32" s="16">
        <v>1100</v>
      </c>
      <c r="X32" s="16">
        <v>14694</v>
      </c>
      <c r="Y32" s="16">
        <v>194</v>
      </c>
      <c r="Z32" s="16">
        <v>21319</v>
      </c>
      <c r="AA32" s="16">
        <v>13358</v>
      </c>
      <c r="AB32" s="16">
        <v>6697</v>
      </c>
    </row>
    <row r="33" spans="1:28">
      <c r="A33" s="21" t="s">
        <v>240</v>
      </c>
      <c r="B33" s="21" t="s">
        <v>237</v>
      </c>
      <c r="C33" s="21" t="s">
        <v>265</v>
      </c>
      <c r="D33" s="21" t="s">
        <v>682</v>
      </c>
      <c r="E33" s="16">
        <v>115128</v>
      </c>
      <c r="F33" s="16">
        <v>99607</v>
      </c>
      <c r="G33" s="16">
        <v>71300</v>
      </c>
      <c r="H33" s="16">
        <v>20264</v>
      </c>
      <c r="I33" s="16">
        <v>38989</v>
      </c>
      <c r="J33" s="16">
        <v>1714</v>
      </c>
      <c r="K33" s="16">
        <v>10333</v>
      </c>
      <c r="L33" s="16">
        <v>28307</v>
      </c>
      <c r="M33" s="16">
        <v>1500</v>
      </c>
      <c r="N33" s="16">
        <v>3120</v>
      </c>
      <c r="O33" s="16">
        <v>5850</v>
      </c>
      <c r="P33" s="16">
        <v>6033</v>
      </c>
      <c r="Q33" s="16">
        <v>629</v>
      </c>
      <c r="R33" s="16">
        <v>2986</v>
      </c>
      <c r="S33" s="16">
        <v>1321</v>
      </c>
      <c r="T33" s="16">
        <v>3264</v>
      </c>
      <c r="U33" s="16">
        <v>774</v>
      </c>
      <c r="V33" s="16">
        <v>2830</v>
      </c>
      <c r="W33" s="16">
        <v>1098</v>
      </c>
      <c r="X33" s="16">
        <v>14229</v>
      </c>
      <c r="Y33" s="16">
        <v>194</v>
      </c>
      <c r="Z33" s="16">
        <v>21288</v>
      </c>
      <c r="AA33" s="16">
        <v>13322</v>
      </c>
      <c r="AB33" s="16">
        <v>6635</v>
      </c>
    </row>
    <row r="34" spans="1:28">
      <c r="A34" s="21" t="s">
        <v>240</v>
      </c>
      <c r="B34" s="21" t="s">
        <v>237</v>
      </c>
      <c r="C34" s="21" t="s">
        <v>265</v>
      </c>
      <c r="D34" s="21" t="s">
        <v>683</v>
      </c>
      <c r="E34" s="16">
        <v>86323</v>
      </c>
      <c r="F34" s="16">
        <v>78722</v>
      </c>
      <c r="G34" s="16">
        <v>51953</v>
      </c>
      <c r="H34" s="16">
        <v>16594</v>
      </c>
      <c r="I34" s="16">
        <v>27869</v>
      </c>
      <c r="J34" s="16">
        <v>1335</v>
      </c>
      <c r="K34" s="16">
        <v>6155</v>
      </c>
      <c r="L34" s="16">
        <v>26769</v>
      </c>
      <c r="M34" s="16">
        <v>1472</v>
      </c>
      <c r="N34" s="16">
        <v>3009</v>
      </c>
      <c r="O34" s="16">
        <v>5788</v>
      </c>
      <c r="P34" s="16">
        <v>5781</v>
      </c>
      <c r="Q34" s="16">
        <v>578</v>
      </c>
      <c r="R34" s="16">
        <v>2780</v>
      </c>
      <c r="S34" s="16">
        <v>1311</v>
      </c>
      <c r="T34" s="16">
        <v>3198</v>
      </c>
      <c r="U34" s="16">
        <v>584</v>
      </c>
      <c r="V34" s="16">
        <v>2268</v>
      </c>
      <c r="W34" s="16">
        <v>647</v>
      </c>
      <c r="X34" s="16">
        <v>6869</v>
      </c>
      <c r="Y34" s="16">
        <v>85</v>
      </c>
      <c r="Z34" s="16">
        <v>20324</v>
      </c>
      <c r="AA34" s="16">
        <v>12176</v>
      </c>
      <c r="AB34" s="16">
        <v>4896</v>
      </c>
    </row>
    <row r="35" spans="1:28">
      <c r="A35" s="21" t="s">
        <v>240</v>
      </c>
      <c r="B35" s="21" t="s">
        <v>237</v>
      </c>
      <c r="C35" s="21" t="s">
        <v>265</v>
      </c>
      <c r="D35" s="21" t="s">
        <v>684</v>
      </c>
      <c r="E35" s="16">
        <v>2187</v>
      </c>
      <c r="F35" s="16">
        <v>1709</v>
      </c>
      <c r="G35" s="16">
        <v>1551</v>
      </c>
      <c r="H35" s="16">
        <v>312</v>
      </c>
      <c r="I35" s="16">
        <v>576</v>
      </c>
      <c r="J35" s="16">
        <v>48</v>
      </c>
      <c r="K35" s="16">
        <v>615</v>
      </c>
      <c r="L35" s="16">
        <v>158</v>
      </c>
      <c r="M35" s="22" t="s">
        <v>268</v>
      </c>
      <c r="N35" s="16">
        <v>18</v>
      </c>
      <c r="O35" s="22" t="s">
        <v>268</v>
      </c>
      <c r="P35" s="16">
        <v>9</v>
      </c>
      <c r="Q35" s="16">
        <v>15</v>
      </c>
      <c r="R35" s="16">
        <v>8</v>
      </c>
      <c r="S35" s="22" t="s">
        <v>268</v>
      </c>
      <c r="T35" s="22" t="s">
        <v>268</v>
      </c>
      <c r="U35" s="16">
        <v>24</v>
      </c>
      <c r="V35" s="16">
        <v>84</v>
      </c>
      <c r="W35" s="16">
        <v>6</v>
      </c>
      <c r="X35" s="16">
        <v>472</v>
      </c>
      <c r="Y35" s="22" t="s">
        <v>268</v>
      </c>
      <c r="Z35" s="16">
        <v>69</v>
      </c>
      <c r="AA35" s="16">
        <v>220</v>
      </c>
      <c r="AB35" s="16">
        <v>323</v>
      </c>
    </row>
    <row r="36" spans="1:28">
      <c r="A36" s="21" t="s">
        <v>240</v>
      </c>
      <c r="B36" s="21" t="s">
        <v>237</v>
      </c>
      <c r="C36" s="21" t="s">
        <v>265</v>
      </c>
      <c r="D36" s="21" t="s">
        <v>685</v>
      </c>
      <c r="E36" s="16">
        <v>24550</v>
      </c>
      <c r="F36" s="16">
        <v>17890</v>
      </c>
      <c r="G36" s="16">
        <v>16599</v>
      </c>
      <c r="H36" s="16">
        <v>3092</v>
      </c>
      <c r="I36" s="16">
        <v>9681</v>
      </c>
      <c r="J36" s="16">
        <v>314</v>
      </c>
      <c r="K36" s="16">
        <v>3512</v>
      </c>
      <c r="L36" s="16">
        <v>1291</v>
      </c>
      <c r="M36" s="16">
        <v>28</v>
      </c>
      <c r="N36" s="16">
        <v>90</v>
      </c>
      <c r="O36" s="16">
        <v>51</v>
      </c>
      <c r="P36" s="16">
        <v>224</v>
      </c>
      <c r="Q36" s="16">
        <v>28</v>
      </c>
      <c r="R36" s="16">
        <v>173</v>
      </c>
      <c r="S36" s="16">
        <v>10</v>
      </c>
      <c r="T36" s="16">
        <v>55</v>
      </c>
      <c r="U36" s="16">
        <v>161</v>
      </c>
      <c r="V36" s="16">
        <v>471</v>
      </c>
      <c r="W36" s="16">
        <v>431</v>
      </c>
      <c r="X36" s="16">
        <v>6120</v>
      </c>
      <c r="Y36" s="16">
        <v>109</v>
      </c>
      <c r="Z36" s="16">
        <v>826</v>
      </c>
      <c r="AA36" s="16">
        <v>896</v>
      </c>
      <c r="AB36" s="16">
        <v>1403</v>
      </c>
    </row>
    <row r="37" spans="1:28">
      <c r="A37" s="21" t="s">
        <v>240</v>
      </c>
      <c r="B37" s="21" t="s">
        <v>237</v>
      </c>
      <c r="C37" s="21" t="s">
        <v>265</v>
      </c>
      <c r="D37" s="21" t="s">
        <v>686</v>
      </c>
      <c r="E37" s="16">
        <v>2068</v>
      </c>
      <c r="F37" s="16">
        <v>1286</v>
      </c>
      <c r="G37" s="16">
        <v>1197</v>
      </c>
      <c r="H37" s="16">
        <v>266</v>
      </c>
      <c r="I37" s="16">
        <v>863</v>
      </c>
      <c r="J37" s="16">
        <v>17</v>
      </c>
      <c r="K37" s="16">
        <v>51</v>
      </c>
      <c r="L37" s="16">
        <v>89</v>
      </c>
      <c r="M37" s="22" t="s">
        <v>268</v>
      </c>
      <c r="N37" s="16">
        <v>3</v>
      </c>
      <c r="O37" s="16">
        <v>11</v>
      </c>
      <c r="P37" s="16">
        <v>19</v>
      </c>
      <c r="Q37" s="16">
        <v>8</v>
      </c>
      <c r="R37" s="16">
        <v>25</v>
      </c>
      <c r="S37" s="22" t="s">
        <v>268</v>
      </c>
      <c r="T37" s="16">
        <v>11</v>
      </c>
      <c r="U37" s="16">
        <v>5</v>
      </c>
      <c r="V37" s="16">
        <v>7</v>
      </c>
      <c r="W37" s="16">
        <v>14</v>
      </c>
      <c r="X37" s="16">
        <v>768</v>
      </c>
      <c r="Y37" s="22" t="s">
        <v>268</v>
      </c>
      <c r="Z37" s="16">
        <v>69</v>
      </c>
      <c r="AA37" s="16">
        <v>30</v>
      </c>
      <c r="AB37" s="16">
        <v>13</v>
      </c>
    </row>
    <row r="38" spans="1:28">
      <c r="A38" s="21" t="s">
        <v>240</v>
      </c>
      <c r="B38" s="21" t="s">
        <v>237</v>
      </c>
      <c r="C38" s="21" t="s">
        <v>265</v>
      </c>
      <c r="D38" s="21" t="s">
        <v>687</v>
      </c>
      <c r="E38" s="16">
        <v>971</v>
      </c>
      <c r="F38" s="16">
        <v>504</v>
      </c>
      <c r="G38" s="16">
        <v>454</v>
      </c>
      <c r="H38" s="16">
        <v>76</v>
      </c>
      <c r="I38" s="16">
        <v>257</v>
      </c>
      <c r="J38" s="16">
        <v>14</v>
      </c>
      <c r="K38" s="16">
        <v>107</v>
      </c>
      <c r="L38" s="16">
        <v>50</v>
      </c>
      <c r="M38" s="22" t="s">
        <v>268</v>
      </c>
      <c r="N38" s="16">
        <v>9</v>
      </c>
      <c r="O38" s="16">
        <v>7</v>
      </c>
      <c r="P38" s="16">
        <v>8</v>
      </c>
      <c r="Q38" s="22" t="s">
        <v>268</v>
      </c>
      <c r="R38" s="16">
        <v>4</v>
      </c>
      <c r="S38" s="22" t="s">
        <v>268</v>
      </c>
      <c r="T38" s="16">
        <v>7</v>
      </c>
      <c r="U38" s="16">
        <v>8</v>
      </c>
      <c r="V38" s="16">
        <v>7</v>
      </c>
      <c r="W38" s="16">
        <v>2</v>
      </c>
      <c r="X38" s="16">
        <v>465</v>
      </c>
      <c r="Y38" s="22" t="s">
        <v>268</v>
      </c>
      <c r="Z38" s="16">
        <v>31</v>
      </c>
      <c r="AA38" s="16">
        <v>36</v>
      </c>
      <c r="AB38" s="16">
        <v>62</v>
      </c>
    </row>
    <row r="39" spans="1:28">
      <c r="A39" s="21" t="s">
        <v>240</v>
      </c>
      <c r="B39" s="21" t="s">
        <v>237</v>
      </c>
      <c r="C39" s="21" t="s">
        <v>265</v>
      </c>
      <c r="D39" s="21" t="s">
        <v>688</v>
      </c>
      <c r="E39" s="16">
        <v>1728</v>
      </c>
      <c r="F39" s="16">
        <v>614</v>
      </c>
      <c r="G39" s="16">
        <v>545</v>
      </c>
      <c r="H39" s="16">
        <v>150</v>
      </c>
      <c r="I39" s="16">
        <v>264</v>
      </c>
      <c r="J39" s="16">
        <v>8</v>
      </c>
      <c r="K39" s="16">
        <v>123</v>
      </c>
      <c r="L39" s="16">
        <v>69</v>
      </c>
      <c r="M39" s="22" t="s">
        <v>268</v>
      </c>
      <c r="N39" s="16">
        <v>6</v>
      </c>
      <c r="O39" s="16">
        <v>6</v>
      </c>
      <c r="P39" s="16">
        <v>30</v>
      </c>
      <c r="Q39" s="16">
        <v>8</v>
      </c>
      <c r="R39" s="16">
        <v>11</v>
      </c>
      <c r="S39" s="22" t="s">
        <v>268</v>
      </c>
      <c r="T39" s="22" t="s">
        <v>268</v>
      </c>
      <c r="U39" s="16">
        <v>4</v>
      </c>
      <c r="V39" s="16">
        <v>4</v>
      </c>
      <c r="W39" s="16">
        <v>17</v>
      </c>
      <c r="X39" s="16">
        <v>1097</v>
      </c>
      <c r="Y39" s="22" t="s">
        <v>268</v>
      </c>
      <c r="Z39" s="16">
        <v>51</v>
      </c>
      <c r="AA39" s="16">
        <v>118</v>
      </c>
      <c r="AB39" s="16">
        <v>42</v>
      </c>
    </row>
    <row r="40" spans="1:28">
      <c r="A40" s="21" t="s">
        <v>240</v>
      </c>
      <c r="B40" s="21" t="s">
        <v>237</v>
      </c>
      <c r="C40" s="21" t="s">
        <v>265</v>
      </c>
      <c r="D40" s="21" t="s">
        <v>689</v>
      </c>
      <c r="E40" s="22" t="s">
        <v>268</v>
      </c>
      <c r="F40" s="22" t="s">
        <v>268</v>
      </c>
      <c r="G40" s="22" t="s">
        <v>268</v>
      </c>
      <c r="H40" s="22" t="s">
        <v>268</v>
      </c>
      <c r="I40" s="22" t="s">
        <v>268</v>
      </c>
      <c r="J40" s="22" t="s">
        <v>268</v>
      </c>
      <c r="K40" s="22" t="s">
        <v>268</v>
      </c>
      <c r="L40" s="22" t="s">
        <v>268</v>
      </c>
      <c r="M40" s="22" t="s">
        <v>268</v>
      </c>
      <c r="N40" s="22" t="s">
        <v>268</v>
      </c>
      <c r="O40" s="22" t="s">
        <v>268</v>
      </c>
      <c r="P40" s="22" t="s">
        <v>268</v>
      </c>
      <c r="Q40" s="22" t="s">
        <v>268</v>
      </c>
      <c r="R40" s="22" t="s">
        <v>268</v>
      </c>
      <c r="S40" s="22" t="s">
        <v>268</v>
      </c>
      <c r="T40" s="22" t="s">
        <v>268</v>
      </c>
      <c r="U40" s="22" t="s">
        <v>268</v>
      </c>
      <c r="V40" s="22" t="s">
        <v>268</v>
      </c>
      <c r="W40" s="22" t="s">
        <v>268</v>
      </c>
      <c r="X40" s="22" t="s">
        <v>268</v>
      </c>
      <c r="Y40" s="22" t="s">
        <v>268</v>
      </c>
      <c r="Z40" s="22" t="s">
        <v>268</v>
      </c>
      <c r="AA40" s="22" t="s">
        <v>268</v>
      </c>
      <c r="AB4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4" orientation="portrait" r:id="rId1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3C92ECF-3F7E-4D39-8693-A11B010785C2}">
  <sheetPr>
    <pageSetUpPr fitToPage="1"/>
  </sheetPr>
  <dimension ref="A1:Q250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4" width="12.625" style="20"/>
    <col min="5" max="5" width="33.625" style="20" bestFit="1" customWidth="1"/>
    <col min="6" max="6" width="19" style="20" bestFit="1" customWidth="1"/>
    <col min="7" max="16384" width="12.625" style="20"/>
  </cols>
  <sheetData>
    <row r="1" spans="1:17" s="11" customFormat="1">
      <c r="A1" s="11" t="s">
        <v>192</v>
      </c>
    </row>
    <row r="2" spans="1:17" s="11" customFormat="1">
      <c r="A2" s="11" t="s">
        <v>718</v>
      </c>
    </row>
    <row r="3" spans="1:17" s="11" customFormat="1"/>
    <row r="4" spans="1:17" s="11" customFormat="1" hidden="1"/>
    <row r="5" spans="1:17" s="11" customFormat="1"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  <c r="P5" s="12" t="s">
        <v>494</v>
      </c>
      <c r="Q5" s="12" t="s">
        <v>494</v>
      </c>
    </row>
    <row r="6" spans="1:17" s="11" customFormat="1" ht="24"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</row>
    <row r="7" spans="1:17" s="11" customFormat="1">
      <c r="G7" s="12">
        <v>1</v>
      </c>
      <c r="H7" s="12">
        <v>1</v>
      </c>
      <c r="I7" s="12">
        <v>2</v>
      </c>
      <c r="J7" s="12">
        <v>3</v>
      </c>
      <c r="K7" s="12">
        <v>2</v>
      </c>
      <c r="L7" s="12">
        <v>1</v>
      </c>
      <c r="M7" s="12">
        <v>1</v>
      </c>
      <c r="N7" s="12">
        <v>1</v>
      </c>
      <c r="O7" s="12">
        <v>1</v>
      </c>
      <c r="P7" s="12">
        <v>1</v>
      </c>
      <c r="Q7" s="12">
        <v>1</v>
      </c>
    </row>
    <row r="8" spans="1:17" s="11" customFormat="1" ht="48">
      <c r="G8" s="12" t="s">
        <v>214</v>
      </c>
      <c r="H8" s="12" t="s">
        <v>564</v>
      </c>
      <c r="I8" s="12" t="s">
        <v>565</v>
      </c>
      <c r="J8" s="12" t="s">
        <v>719</v>
      </c>
      <c r="K8" s="12" t="s">
        <v>570</v>
      </c>
      <c r="L8" s="12" t="s">
        <v>594</v>
      </c>
      <c r="M8" s="12" t="s">
        <v>595</v>
      </c>
      <c r="N8" s="12" t="s">
        <v>596</v>
      </c>
      <c r="O8" s="12" t="s">
        <v>597</v>
      </c>
      <c r="P8" s="12" t="s">
        <v>616</v>
      </c>
      <c r="Q8" s="12" t="s">
        <v>617</v>
      </c>
    </row>
    <row r="9" spans="1:17" s="11" customFormat="1"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  <c r="P9" s="13" t="s">
        <v>223</v>
      </c>
      <c r="Q9" s="13" t="s">
        <v>223</v>
      </c>
    </row>
    <row r="10" spans="1:17" s="11" customFormat="1">
      <c r="A10" s="14" t="s">
        <v>224</v>
      </c>
      <c r="B10" s="14" t="s">
        <v>259</v>
      </c>
      <c r="C10" s="14" t="s">
        <v>230</v>
      </c>
      <c r="D10" s="14" t="s">
        <v>621</v>
      </c>
      <c r="E10" s="14" t="s">
        <v>680</v>
      </c>
      <c r="F10" s="14" t="s">
        <v>622</v>
      </c>
      <c r="G10" s="14" t="s">
        <v>231</v>
      </c>
      <c r="H10" s="14"/>
      <c r="I10" s="14"/>
      <c r="J10" s="14"/>
      <c r="K10" s="14"/>
      <c r="L10" s="14"/>
      <c r="M10" s="14"/>
      <c r="N10" s="14"/>
      <c r="O10" s="14"/>
      <c r="P10" s="14"/>
      <c r="Q10" s="14"/>
    </row>
    <row r="11" spans="1:17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214</v>
      </c>
      <c r="F11" s="15" t="s">
        <v>214</v>
      </c>
      <c r="G11" s="16">
        <v>55704949</v>
      </c>
      <c r="H11" s="16">
        <v>33889589</v>
      </c>
      <c r="I11" s="16">
        <v>30110571</v>
      </c>
      <c r="J11" s="16">
        <v>11158840</v>
      </c>
      <c r="K11" s="16">
        <v>3779018</v>
      </c>
      <c r="L11" s="16">
        <v>504198</v>
      </c>
      <c r="M11" s="16">
        <v>21151042</v>
      </c>
      <c r="N11" s="16">
        <v>160120</v>
      </c>
      <c r="O11" s="16">
        <v>2337703</v>
      </c>
      <c r="P11" s="16">
        <v>6533895</v>
      </c>
      <c r="Q11" s="16">
        <v>6716806</v>
      </c>
    </row>
    <row r="12" spans="1:17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214</v>
      </c>
      <c r="F12" s="21" t="s">
        <v>424</v>
      </c>
      <c r="G12" s="16">
        <v>213</v>
      </c>
      <c r="H12" s="16">
        <v>82</v>
      </c>
      <c r="I12" s="16">
        <v>40</v>
      </c>
      <c r="J12" s="22" t="s">
        <v>268</v>
      </c>
      <c r="K12" s="16">
        <v>42</v>
      </c>
      <c r="L12" s="16">
        <v>3</v>
      </c>
      <c r="M12" s="16">
        <v>128</v>
      </c>
      <c r="N12" s="22" t="s">
        <v>268</v>
      </c>
      <c r="O12" s="16">
        <v>1</v>
      </c>
      <c r="P12" s="22" t="s">
        <v>268</v>
      </c>
      <c r="Q12" s="22" t="s">
        <v>268</v>
      </c>
    </row>
    <row r="13" spans="1:17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214</v>
      </c>
      <c r="F13" s="21" t="s">
        <v>425</v>
      </c>
      <c r="G13" s="16">
        <v>32869188</v>
      </c>
      <c r="H13" s="16">
        <v>20429497</v>
      </c>
      <c r="I13" s="16">
        <v>18511563</v>
      </c>
      <c r="J13" s="16">
        <v>4434685</v>
      </c>
      <c r="K13" s="16">
        <v>1917934</v>
      </c>
      <c r="L13" s="16">
        <v>408186</v>
      </c>
      <c r="M13" s="16">
        <v>12031505</v>
      </c>
      <c r="N13" s="22" t="s">
        <v>268</v>
      </c>
      <c r="O13" s="16">
        <v>1220345</v>
      </c>
      <c r="P13" s="16">
        <v>6818</v>
      </c>
      <c r="Q13" s="22" t="s">
        <v>268</v>
      </c>
    </row>
    <row r="14" spans="1:17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214</v>
      </c>
      <c r="F14" s="21" t="s">
        <v>426</v>
      </c>
      <c r="G14" s="16">
        <v>20272825</v>
      </c>
      <c r="H14" s="16">
        <v>13460010</v>
      </c>
      <c r="I14" s="16">
        <v>11598968</v>
      </c>
      <c r="J14" s="16">
        <v>6724155</v>
      </c>
      <c r="K14" s="16">
        <v>1861042</v>
      </c>
      <c r="L14" s="16">
        <v>96009</v>
      </c>
      <c r="M14" s="16">
        <v>6716806</v>
      </c>
      <c r="N14" s="22" t="s">
        <v>268</v>
      </c>
      <c r="O14" s="16">
        <v>1117357</v>
      </c>
      <c r="P14" s="16">
        <v>6527077</v>
      </c>
      <c r="Q14" s="16">
        <v>6716806</v>
      </c>
    </row>
    <row r="15" spans="1:17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214</v>
      </c>
      <c r="F15" s="21" t="s">
        <v>720</v>
      </c>
      <c r="G15" s="16">
        <v>2562723</v>
      </c>
      <c r="H15" s="22" t="s">
        <v>268</v>
      </c>
      <c r="I15" s="22" t="s">
        <v>268</v>
      </c>
      <c r="J15" s="22" t="s">
        <v>268</v>
      </c>
      <c r="K15" s="22" t="s">
        <v>268</v>
      </c>
      <c r="L15" s="22" t="s">
        <v>268</v>
      </c>
      <c r="M15" s="16">
        <v>2402603</v>
      </c>
      <c r="N15" s="16">
        <v>160120</v>
      </c>
      <c r="O15" s="22" t="s">
        <v>268</v>
      </c>
      <c r="P15" s="22" t="s">
        <v>268</v>
      </c>
      <c r="Q15" s="22" t="s">
        <v>268</v>
      </c>
    </row>
    <row r="16" spans="1:17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214</v>
      </c>
      <c r="F16" s="21" t="s">
        <v>427</v>
      </c>
      <c r="G16" s="16">
        <v>24375503</v>
      </c>
      <c r="H16" s="16">
        <v>16387320</v>
      </c>
      <c r="I16" s="16">
        <v>14022239</v>
      </c>
      <c r="J16" s="16">
        <v>7804569</v>
      </c>
      <c r="K16" s="16">
        <v>2365081</v>
      </c>
      <c r="L16" s="16">
        <v>125558</v>
      </c>
      <c r="M16" s="16">
        <v>7862625</v>
      </c>
      <c r="N16" s="22" t="s">
        <v>268</v>
      </c>
      <c r="O16" s="16">
        <v>1400037</v>
      </c>
      <c r="P16" s="16">
        <v>6533895</v>
      </c>
      <c r="Q16" s="16">
        <v>6716806</v>
      </c>
    </row>
    <row r="17" spans="1:17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214</v>
      </c>
      <c r="F17" s="21" t="s">
        <v>428</v>
      </c>
      <c r="G17" s="16">
        <v>10280666</v>
      </c>
      <c r="H17" s="16">
        <v>6434869</v>
      </c>
      <c r="I17" s="16">
        <v>5580822</v>
      </c>
      <c r="J17" s="16">
        <v>3246149</v>
      </c>
      <c r="K17" s="16">
        <v>854047</v>
      </c>
      <c r="L17" s="16">
        <v>38089</v>
      </c>
      <c r="M17" s="16">
        <v>3807708</v>
      </c>
      <c r="N17" s="22" t="s">
        <v>268</v>
      </c>
      <c r="O17" s="16">
        <v>531500</v>
      </c>
      <c r="P17" s="16">
        <v>3234937</v>
      </c>
      <c r="Q17" s="16">
        <v>3807708</v>
      </c>
    </row>
    <row r="18" spans="1:17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214</v>
      </c>
      <c r="F18" s="21" t="s">
        <v>429</v>
      </c>
      <c r="G18" s="16">
        <v>2905536</v>
      </c>
      <c r="H18" s="16">
        <v>1561852</v>
      </c>
      <c r="I18" s="16">
        <v>1289347</v>
      </c>
      <c r="J18" s="16">
        <v>678336</v>
      </c>
      <c r="K18" s="16">
        <v>272505</v>
      </c>
      <c r="L18" s="16">
        <v>9363</v>
      </c>
      <c r="M18" s="16">
        <v>1334321</v>
      </c>
      <c r="N18" s="22" t="s">
        <v>268</v>
      </c>
      <c r="O18" s="16">
        <v>151829</v>
      </c>
      <c r="P18" s="16">
        <v>677778</v>
      </c>
      <c r="Q18" s="16">
        <v>1334321</v>
      </c>
    </row>
    <row r="19" spans="1:17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681</v>
      </c>
      <c r="F19" s="21" t="s">
        <v>214</v>
      </c>
      <c r="G19" s="16">
        <v>54953523</v>
      </c>
      <c r="H19" s="16">
        <v>33770971</v>
      </c>
      <c r="I19" s="16">
        <v>30000020</v>
      </c>
      <c r="J19" s="16">
        <v>11122313</v>
      </c>
      <c r="K19" s="16">
        <v>3770951</v>
      </c>
      <c r="L19" s="16">
        <v>501195</v>
      </c>
      <c r="M19" s="16">
        <v>20523606</v>
      </c>
      <c r="N19" s="16">
        <v>157751</v>
      </c>
      <c r="O19" s="16">
        <v>2332603</v>
      </c>
      <c r="P19" s="16">
        <v>6512086</v>
      </c>
      <c r="Q19" s="16">
        <v>6686107</v>
      </c>
    </row>
    <row r="20" spans="1:17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681</v>
      </c>
      <c r="F20" s="21" t="s">
        <v>424</v>
      </c>
      <c r="G20" s="16">
        <v>193</v>
      </c>
      <c r="H20" s="16">
        <v>81</v>
      </c>
      <c r="I20" s="16">
        <v>39</v>
      </c>
      <c r="J20" s="22" t="s">
        <v>268</v>
      </c>
      <c r="K20" s="16">
        <v>42</v>
      </c>
      <c r="L20" s="16">
        <v>3</v>
      </c>
      <c r="M20" s="16">
        <v>109</v>
      </c>
      <c r="N20" s="22" t="s">
        <v>268</v>
      </c>
      <c r="O20" s="16">
        <v>1</v>
      </c>
      <c r="P20" s="22" t="s">
        <v>268</v>
      </c>
      <c r="Q20" s="22" t="s">
        <v>268</v>
      </c>
    </row>
    <row r="21" spans="1:17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681</v>
      </c>
      <c r="F21" s="21" t="s">
        <v>425</v>
      </c>
      <c r="G21" s="16">
        <v>32234290</v>
      </c>
      <c r="H21" s="16">
        <v>20341110</v>
      </c>
      <c r="I21" s="16">
        <v>18428806</v>
      </c>
      <c r="J21" s="16">
        <v>4420425</v>
      </c>
      <c r="K21" s="16">
        <v>1912304</v>
      </c>
      <c r="L21" s="16">
        <v>406040</v>
      </c>
      <c r="M21" s="16">
        <v>11487140</v>
      </c>
      <c r="N21" s="22" t="s">
        <v>268</v>
      </c>
      <c r="O21" s="16">
        <v>1216711</v>
      </c>
      <c r="P21" s="16">
        <v>6782</v>
      </c>
      <c r="Q21" s="22" t="s">
        <v>268</v>
      </c>
    </row>
    <row r="22" spans="1:17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681</v>
      </c>
      <c r="F22" s="21" t="s">
        <v>426</v>
      </c>
      <c r="G22" s="16">
        <v>20211039</v>
      </c>
      <c r="H22" s="16">
        <v>13429780</v>
      </c>
      <c r="I22" s="16">
        <v>11571175</v>
      </c>
      <c r="J22" s="16">
        <v>6701888</v>
      </c>
      <c r="K22" s="16">
        <v>1858605</v>
      </c>
      <c r="L22" s="16">
        <v>95152</v>
      </c>
      <c r="M22" s="16">
        <v>6686107</v>
      </c>
      <c r="N22" s="22" t="s">
        <v>268</v>
      </c>
      <c r="O22" s="16">
        <v>1115891</v>
      </c>
      <c r="P22" s="16">
        <v>6505304</v>
      </c>
      <c r="Q22" s="16">
        <v>6686107</v>
      </c>
    </row>
    <row r="23" spans="1:17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681</v>
      </c>
      <c r="F23" s="21" t="s">
        <v>720</v>
      </c>
      <c r="G23" s="16">
        <v>2508001</v>
      </c>
      <c r="H23" s="22" t="s">
        <v>268</v>
      </c>
      <c r="I23" s="22" t="s">
        <v>268</v>
      </c>
      <c r="J23" s="22" t="s">
        <v>268</v>
      </c>
      <c r="K23" s="22" t="s">
        <v>268</v>
      </c>
      <c r="L23" s="22" t="s">
        <v>268</v>
      </c>
      <c r="M23" s="16">
        <v>2350250</v>
      </c>
      <c r="N23" s="16">
        <v>157751</v>
      </c>
      <c r="O23" s="22" t="s">
        <v>268</v>
      </c>
      <c r="P23" s="22" t="s">
        <v>268</v>
      </c>
      <c r="Q23" s="22" t="s">
        <v>268</v>
      </c>
    </row>
    <row r="24" spans="1:17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681</v>
      </c>
      <c r="F24" s="21" t="s">
        <v>427</v>
      </c>
      <c r="G24" s="16">
        <v>24292275</v>
      </c>
      <c r="H24" s="16">
        <v>16350605</v>
      </c>
      <c r="I24" s="16">
        <v>13988843</v>
      </c>
      <c r="J24" s="16">
        <v>7779767</v>
      </c>
      <c r="K24" s="16">
        <v>2361762</v>
      </c>
      <c r="L24" s="16">
        <v>124543</v>
      </c>
      <c r="M24" s="16">
        <v>7817127</v>
      </c>
      <c r="N24" s="22" t="s">
        <v>268</v>
      </c>
      <c r="O24" s="16">
        <v>1398045</v>
      </c>
      <c r="P24" s="16">
        <v>6512086</v>
      </c>
      <c r="Q24" s="16">
        <v>6686107</v>
      </c>
    </row>
    <row r="25" spans="1:17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681</v>
      </c>
      <c r="F25" s="21" t="s">
        <v>428</v>
      </c>
      <c r="G25" s="16">
        <v>10245540</v>
      </c>
      <c r="H25" s="16">
        <v>6414320</v>
      </c>
      <c r="I25" s="16">
        <v>5561416</v>
      </c>
      <c r="J25" s="16">
        <v>3229191</v>
      </c>
      <c r="K25" s="16">
        <v>852904</v>
      </c>
      <c r="L25" s="16">
        <v>37495</v>
      </c>
      <c r="M25" s="16">
        <v>3793725</v>
      </c>
      <c r="N25" s="22" t="s">
        <v>268</v>
      </c>
      <c r="O25" s="16">
        <v>530839</v>
      </c>
      <c r="P25" s="16">
        <v>3218016</v>
      </c>
      <c r="Q25" s="16">
        <v>3793725</v>
      </c>
    </row>
    <row r="26" spans="1:17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681</v>
      </c>
      <c r="F26" s="21" t="s">
        <v>429</v>
      </c>
      <c r="G26" s="16">
        <v>2886984</v>
      </c>
      <c r="H26" s="16">
        <v>1550283</v>
      </c>
      <c r="I26" s="16">
        <v>1278158</v>
      </c>
      <c r="J26" s="16">
        <v>667934</v>
      </c>
      <c r="K26" s="16">
        <v>272125</v>
      </c>
      <c r="L26" s="16">
        <v>9008</v>
      </c>
      <c r="M26" s="16">
        <v>1327693</v>
      </c>
      <c r="N26" s="22" t="s">
        <v>268</v>
      </c>
      <c r="O26" s="16">
        <v>151654</v>
      </c>
      <c r="P26" s="16">
        <v>667383</v>
      </c>
      <c r="Q26" s="16">
        <v>1327693</v>
      </c>
    </row>
    <row r="27" spans="1:17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682</v>
      </c>
      <c r="F27" s="21" t="s">
        <v>214</v>
      </c>
      <c r="G27" s="16">
        <v>54261580</v>
      </c>
      <c r="H27" s="16">
        <v>33526938</v>
      </c>
      <c r="I27" s="16">
        <v>29768602</v>
      </c>
      <c r="J27" s="16">
        <v>11058886</v>
      </c>
      <c r="K27" s="16">
        <v>3758336</v>
      </c>
      <c r="L27" s="16">
        <v>497040</v>
      </c>
      <c r="M27" s="16">
        <v>20080448</v>
      </c>
      <c r="N27" s="16">
        <v>157154</v>
      </c>
      <c r="O27" s="16">
        <v>2326601</v>
      </c>
      <c r="P27" s="16">
        <v>6483110</v>
      </c>
      <c r="Q27" s="16">
        <v>6584760</v>
      </c>
    </row>
    <row r="28" spans="1:17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682</v>
      </c>
      <c r="F28" s="21" t="s">
        <v>424</v>
      </c>
      <c r="G28" s="16">
        <v>125</v>
      </c>
      <c r="H28" s="16">
        <v>71</v>
      </c>
      <c r="I28" s="16">
        <v>39</v>
      </c>
      <c r="J28" s="22" t="s">
        <v>268</v>
      </c>
      <c r="K28" s="16">
        <v>32</v>
      </c>
      <c r="L28" s="16">
        <v>3</v>
      </c>
      <c r="M28" s="16">
        <v>51</v>
      </c>
      <c r="N28" s="22" t="s">
        <v>268</v>
      </c>
      <c r="O28" s="16">
        <v>1</v>
      </c>
      <c r="P28" s="22" t="s">
        <v>268</v>
      </c>
      <c r="Q28" s="22" t="s">
        <v>268</v>
      </c>
    </row>
    <row r="29" spans="1:17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682</v>
      </c>
      <c r="F29" s="21" t="s">
        <v>425</v>
      </c>
      <c r="G29" s="16">
        <v>31707779</v>
      </c>
      <c r="H29" s="16">
        <v>20145608</v>
      </c>
      <c r="I29" s="16">
        <v>18242043</v>
      </c>
      <c r="J29" s="16">
        <v>4387090</v>
      </c>
      <c r="K29" s="16">
        <v>1903565</v>
      </c>
      <c r="L29" s="16">
        <v>402650</v>
      </c>
      <c r="M29" s="16">
        <v>11159521</v>
      </c>
      <c r="N29" s="22" t="s">
        <v>268</v>
      </c>
      <c r="O29" s="16">
        <v>1212272</v>
      </c>
      <c r="P29" s="16">
        <v>6704</v>
      </c>
      <c r="Q29" s="22" t="s">
        <v>268</v>
      </c>
    </row>
    <row r="30" spans="1:17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682</v>
      </c>
      <c r="F30" s="21" t="s">
        <v>426</v>
      </c>
      <c r="G30" s="16">
        <v>20060406</v>
      </c>
      <c r="H30" s="16">
        <v>13381259</v>
      </c>
      <c r="I30" s="16">
        <v>11526520</v>
      </c>
      <c r="J30" s="16">
        <v>6671796</v>
      </c>
      <c r="K30" s="16">
        <v>1854739</v>
      </c>
      <c r="L30" s="16">
        <v>94387</v>
      </c>
      <c r="M30" s="16">
        <v>6584760</v>
      </c>
      <c r="N30" s="22" t="s">
        <v>268</v>
      </c>
      <c r="O30" s="16">
        <v>1114328</v>
      </c>
      <c r="P30" s="16">
        <v>6476406</v>
      </c>
      <c r="Q30" s="16">
        <v>6584760</v>
      </c>
    </row>
    <row r="31" spans="1:17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682</v>
      </c>
      <c r="F31" s="21" t="s">
        <v>720</v>
      </c>
      <c r="G31" s="16">
        <v>2493270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22" t="s">
        <v>268</v>
      </c>
      <c r="M31" s="16">
        <v>2336116</v>
      </c>
      <c r="N31" s="16">
        <v>157154</v>
      </c>
      <c r="O31" s="22" t="s">
        <v>268</v>
      </c>
      <c r="P31" s="22" t="s">
        <v>268</v>
      </c>
      <c r="Q31" s="22" t="s">
        <v>268</v>
      </c>
    </row>
    <row r="32" spans="1:17">
      <c r="A32" s="21" t="s">
        <v>232</v>
      </c>
      <c r="B32" s="21" t="s">
        <v>233</v>
      </c>
      <c r="C32" s="21" t="s">
        <v>262</v>
      </c>
      <c r="D32" s="21" t="s">
        <v>214</v>
      </c>
      <c r="E32" s="21" t="s">
        <v>682</v>
      </c>
      <c r="F32" s="21" t="s">
        <v>427</v>
      </c>
      <c r="G32" s="16">
        <v>24108582</v>
      </c>
      <c r="H32" s="16">
        <v>16287115</v>
      </c>
      <c r="I32" s="16">
        <v>13930359</v>
      </c>
      <c r="J32" s="16">
        <v>7743679</v>
      </c>
      <c r="K32" s="16">
        <v>2356756</v>
      </c>
      <c r="L32" s="16">
        <v>123549</v>
      </c>
      <c r="M32" s="16">
        <v>7697918</v>
      </c>
      <c r="N32" s="22" t="s">
        <v>268</v>
      </c>
      <c r="O32" s="16">
        <v>1395940</v>
      </c>
      <c r="P32" s="16">
        <v>6483110</v>
      </c>
      <c r="Q32" s="16">
        <v>6584760</v>
      </c>
    </row>
    <row r="33" spans="1:17">
      <c r="A33" s="21" t="s">
        <v>232</v>
      </c>
      <c r="B33" s="21" t="s">
        <v>233</v>
      </c>
      <c r="C33" s="21" t="s">
        <v>262</v>
      </c>
      <c r="D33" s="21" t="s">
        <v>214</v>
      </c>
      <c r="E33" s="21" t="s">
        <v>682</v>
      </c>
      <c r="F33" s="21" t="s">
        <v>428</v>
      </c>
      <c r="G33" s="16">
        <v>10162156</v>
      </c>
      <c r="H33" s="16">
        <v>6391030</v>
      </c>
      <c r="I33" s="16">
        <v>5539867</v>
      </c>
      <c r="J33" s="16">
        <v>3213469</v>
      </c>
      <c r="K33" s="16">
        <v>851163</v>
      </c>
      <c r="L33" s="16">
        <v>37209</v>
      </c>
      <c r="M33" s="16">
        <v>3733917</v>
      </c>
      <c r="N33" s="22" t="s">
        <v>268</v>
      </c>
      <c r="O33" s="16">
        <v>530156</v>
      </c>
      <c r="P33" s="16">
        <v>3202364</v>
      </c>
      <c r="Q33" s="16">
        <v>3733917</v>
      </c>
    </row>
    <row r="34" spans="1:17">
      <c r="A34" s="21" t="s">
        <v>232</v>
      </c>
      <c r="B34" s="21" t="s">
        <v>233</v>
      </c>
      <c r="C34" s="21" t="s">
        <v>262</v>
      </c>
      <c r="D34" s="21" t="s">
        <v>214</v>
      </c>
      <c r="E34" s="21" t="s">
        <v>682</v>
      </c>
      <c r="F34" s="21" t="s">
        <v>429</v>
      </c>
      <c r="G34" s="16">
        <v>2854807</v>
      </c>
      <c r="H34" s="16">
        <v>1543879</v>
      </c>
      <c r="I34" s="16">
        <v>1272279</v>
      </c>
      <c r="J34" s="16">
        <v>663649</v>
      </c>
      <c r="K34" s="16">
        <v>271600</v>
      </c>
      <c r="L34" s="16">
        <v>8948</v>
      </c>
      <c r="M34" s="16">
        <v>1301980</v>
      </c>
      <c r="N34" s="22" t="s">
        <v>268</v>
      </c>
      <c r="O34" s="16">
        <v>151490</v>
      </c>
      <c r="P34" s="16">
        <v>663100</v>
      </c>
      <c r="Q34" s="16">
        <v>1301980</v>
      </c>
    </row>
    <row r="35" spans="1:17">
      <c r="A35" s="21" t="s">
        <v>232</v>
      </c>
      <c r="B35" s="21" t="s">
        <v>233</v>
      </c>
      <c r="C35" s="21" t="s">
        <v>262</v>
      </c>
      <c r="D35" s="21" t="s">
        <v>214</v>
      </c>
      <c r="E35" s="21" t="s">
        <v>683</v>
      </c>
      <c r="F35" s="21" t="s">
        <v>214</v>
      </c>
      <c r="G35" s="16">
        <v>33729416</v>
      </c>
      <c r="H35" s="16">
        <v>26188560</v>
      </c>
      <c r="I35" s="16">
        <v>22766834</v>
      </c>
      <c r="J35" s="16">
        <v>8559210</v>
      </c>
      <c r="K35" s="16">
        <v>3421726</v>
      </c>
      <c r="L35" s="16">
        <v>172770</v>
      </c>
      <c r="M35" s="16">
        <v>7278913</v>
      </c>
      <c r="N35" s="16">
        <v>89173</v>
      </c>
      <c r="O35" s="16">
        <v>2194165</v>
      </c>
      <c r="P35" s="16">
        <v>5782749</v>
      </c>
      <c r="Q35" s="16">
        <v>4435064</v>
      </c>
    </row>
    <row r="36" spans="1:17">
      <c r="A36" s="21" t="s">
        <v>232</v>
      </c>
      <c r="B36" s="21" t="s">
        <v>233</v>
      </c>
      <c r="C36" s="21" t="s">
        <v>262</v>
      </c>
      <c r="D36" s="21" t="s">
        <v>214</v>
      </c>
      <c r="E36" s="21" t="s">
        <v>683</v>
      </c>
      <c r="F36" s="21" t="s">
        <v>424</v>
      </c>
      <c r="G36" s="16">
        <v>57</v>
      </c>
      <c r="H36" s="16">
        <v>41</v>
      </c>
      <c r="I36" s="16">
        <v>20</v>
      </c>
      <c r="J36" s="22" t="s">
        <v>268</v>
      </c>
      <c r="K36" s="16">
        <v>21</v>
      </c>
      <c r="L36" s="16">
        <v>1</v>
      </c>
      <c r="M36" s="16">
        <v>15</v>
      </c>
      <c r="N36" s="22" t="s">
        <v>268</v>
      </c>
      <c r="O36" s="16">
        <v>1</v>
      </c>
      <c r="P36" s="22" t="s">
        <v>268</v>
      </c>
      <c r="Q36" s="22" t="s">
        <v>268</v>
      </c>
    </row>
    <row r="37" spans="1:17">
      <c r="A37" s="21" t="s">
        <v>232</v>
      </c>
      <c r="B37" s="21" t="s">
        <v>233</v>
      </c>
      <c r="C37" s="21" t="s">
        <v>262</v>
      </c>
      <c r="D37" s="21" t="s">
        <v>214</v>
      </c>
      <c r="E37" s="21" t="s">
        <v>683</v>
      </c>
      <c r="F37" s="21" t="s">
        <v>425</v>
      </c>
      <c r="G37" s="16">
        <v>16719049</v>
      </c>
      <c r="H37" s="16">
        <v>14238086</v>
      </c>
      <c r="I37" s="16">
        <v>12576216</v>
      </c>
      <c r="J37" s="16">
        <v>2630542</v>
      </c>
      <c r="K37" s="16">
        <v>1661870</v>
      </c>
      <c r="L37" s="16">
        <v>109349</v>
      </c>
      <c r="M37" s="16">
        <v>2371614</v>
      </c>
      <c r="N37" s="22" t="s">
        <v>268</v>
      </c>
      <c r="O37" s="16">
        <v>1117424</v>
      </c>
      <c r="P37" s="16">
        <v>4647</v>
      </c>
      <c r="Q37" s="22" t="s">
        <v>268</v>
      </c>
    </row>
    <row r="38" spans="1:17">
      <c r="A38" s="21" t="s">
        <v>232</v>
      </c>
      <c r="B38" s="21" t="s">
        <v>233</v>
      </c>
      <c r="C38" s="21" t="s">
        <v>262</v>
      </c>
      <c r="D38" s="21" t="s">
        <v>214</v>
      </c>
      <c r="E38" s="21" t="s">
        <v>683</v>
      </c>
      <c r="F38" s="21" t="s">
        <v>426</v>
      </c>
      <c r="G38" s="16">
        <v>16448917</v>
      </c>
      <c r="H38" s="16">
        <v>11950433</v>
      </c>
      <c r="I38" s="16">
        <v>10190598</v>
      </c>
      <c r="J38" s="16">
        <v>5928668</v>
      </c>
      <c r="K38" s="16">
        <v>1759835</v>
      </c>
      <c r="L38" s="16">
        <v>63420</v>
      </c>
      <c r="M38" s="16">
        <v>4435064</v>
      </c>
      <c r="N38" s="22" t="s">
        <v>268</v>
      </c>
      <c r="O38" s="16">
        <v>1076740</v>
      </c>
      <c r="P38" s="16">
        <v>5778102</v>
      </c>
      <c r="Q38" s="16">
        <v>4435064</v>
      </c>
    </row>
    <row r="39" spans="1:17">
      <c r="A39" s="21" t="s">
        <v>232</v>
      </c>
      <c r="B39" s="21" t="s">
        <v>233</v>
      </c>
      <c r="C39" s="21" t="s">
        <v>262</v>
      </c>
      <c r="D39" s="21" t="s">
        <v>214</v>
      </c>
      <c r="E39" s="21" t="s">
        <v>683</v>
      </c>
      <c r="F39" s="21" t="s">
        <v>720</v>
      </c>
      <c r="G39" s="16">
        <v>561393</v>
      </c>
      <c r="H39" s="22" t="s">
        <v>268</v>
      </c>
      <c r="I39" s="22" t="s">
        <v>268</v>
      </c>
      <c r="J39" s="22" t="s">
        <v>268</v>
      </c>
      <c r="K39" s="22" t="s">
        <v>268</v>
      </c>
      <c r="L39" s="22" t="s">
        <v>268</v>
      </c>
      <c r="M39" s="16">
        <v>472220</v>
      </c>
      <c r="N39" s="16">
        <v>89173</v>
      </c>
      <c r="O39" s="22" t="s">
        <v>268</v>
      </c>
      <c r="P39" s="22" t="s">
        <v>268</v>
      </c>
      <c r="Q39" s="22" t="s">
        <v>268</v>
      </c>
    </row>
    <row r="40" spans="1:17">
      <c r="A40" s="21" t="s">
        <v>232</v>
      </c>
      <c r="B40" s="21" t="s">
        <v>233</v>
      </c>
      <c r="C40" s="21" t="s">
        <v>262</v>
      </c>
      <c r="D40" s="21" t="s">
        <v>214</v>
      </c>
      <c r="E40" s="21" t="s">
        <v>683</v>
      </c>
      <c r="F40" s="21" t="s">
        <v>427</v>
      </c>
      <c r="G40" s="16">
        <v>19547670</v>
      </c>
      <c r="H40" s="16">
        <v>14449068</v>
      </c>
      <c r="I40" s="16">
        <v>12217162</v>
      </c>
      <c r="J40" s="16">
        <v>6836545</v>
      </c>
      <c r="K40" s="16">
        <v>2231906</v>
      </c>
      <c r="L40" s="16">
        <v>80914</v>
      </c>
      <c r="M40" s="16">
        <v>5017688</v>
      </c>
      <c r="N40" s="22" t="s">
        <v>268</v>
      </c>
      <c r="O40" s="16">
        <v>1344287</v>
      </c>
      <c r="P40" s="16">
        <v>5782749</v>
      </c>
      <c r="Q40" s="16">
        <v>4435064</v>
      </c>
    </row>
    <row r="41" spans="1:17">
      <c r="A41" s="21" t="s">
        <v>232</v>
      </c>
      <c r="B41" s="21" t="s">
        <v>233</v>
      </c>
      <c r="C41" s="21" t="s">
        <v>262</v>
      </c>
      <c r="D41" s="21" t="s">
        <v>214</v>
      </c>
      <c r="E41" s="21" t="s">
        <v>683</v>
      </c>
      <c r="F41" s="21" t="s">
        <v>428</v>
      </c>
      <c r="G41" s="16">
        <v>8494805</v>
      </c>
      <c r="H41" s="16">
        <v>5750942</v>
      </c>
      <c r="I41" s="16">
        <v>4936723</v>
      </c>
      <c r="J41" s="16">
        <v>2867297</v>
      </c>
      <c r="K41" s="16">
        <v>814219</v>
      </c>
      <c r="L41" s="16">
        <v>26975</v>
      </c>
      <c r="M41" s="16">
        <v>2716888</v>
      </c>
      <c r="N41" s="22" t="s">
        <v>268</v>
      </c>
      <c r="O41" s="16">
        <v>515941</v>
      </c>
      <c r="P41" s="16">
        <v>2860143</v>
      </c>
      <c r="Q41" s="16">
        <v>2716888</v>
      </c>
    </row>
    <row r="42" spans="1:17">
      <c r="A42" s="21" t="s">
        <v>232</v>
      </c>
      <c r="B42" s="21" t="s">
        <v>233</v>
      </c>
      <c r="C42" s="21" t="s">
        <v>262</v>
      </c>
      <c r="D42" s="21" t="s">
        <v>214</v>
      </c>
      <c r="E42" s="21" t="s">
        <v>683</v>
      </c>
      <c r="F42" s="21" t="s">
        <v>429</v>
      </c>
      <c r="G42" s="16">
        <v>2433560</v>
      </c>
      <c r="H42" s="16">
        <v>1404719</v>
      </c>
      <c r="I42" s="16">
        <v>1141903</v>
      </c>
      <c r="J42" s="16">
        <v>594116</v>
      </c>
      <c r="K42" s="16">
        <v>262816</v>
      </c>
      <c r="L42" s="16">
        <v>7247</v>
      </c>
      <c r="M42" s="16">
        <v>1021594</v>
      </c>
      <c r="N42" s="22" t="s">
        <v>268</v>
      </c>
      <c r="O42" s="16">
        <v>148290</v>
      </c>
      <c r="P42" s="16">
        <v>593726</v>
      </c>
      <c r="Q42" s="16">
        <v>1021594</v>
      </c>
    </row>
    <row r="43" spans="1:17">
      <c r="A43" s="21" t="s">
        <v>232</v>
      </c>
      <c r="B43" s="21" t="s">
        <v>233</v>
      </c>
      <c r="C43" s="21" t="s">
        <v>262</v>
      </c>
      <c r="D43" s="21" t="s">
        <v>214</v>
      </c>
      <c r="E43" s="21" t="s">
        <v>684</v>
      </c>
      <c r="F43" s="21" t="s">
        <v>214</v>
      </c>
      <c r="G43" s="16">
        <v>2649041</v>
      </c>
      <c r="H43" s="16">
        <v>1424181</v>
      </c>
      <c r="I43" s="16">
        <v>1351888</v>
      </c>
      <c r="J43" s="16">
        <v>477663</v>
      </c>
      <c r="K43" s="16">
        <v>72293</v>
      </c>
      <c r="L43" s="16">
        <v>15769</v>
      </c>
      <c r="M43" s="16">
        <v>1200420</v>
      </c>
      <c r="N43" s="16">
        <v>8671</v>
      </c>
      <c r="O43" s="16">
        <v>32235</v>
      </c>
      <c r="P43" s="16">
        <v>329663</v>
      </c>
      <c r="Q43" s="16">
        <v>761322</v>
      </c>
    </row>
    <row r="44" spans="1:17">
      <c r="A44" s="21" t="s">
        <v>232</v>
      </c>
      <c r="B44" s="21" t="s">
        <v>233</v>
      </c>
      <c r="C44" s="21" t="s">
        <v>262</v>
      </c>
      <c r="D44" s="21" t="s">
        <v>214</v>
      </c>
      <c r="E44" s="21" t="s">
        <v>684</v>
      </c>
      <c r="F44" s="21" t="s">
        <v>424</v>
      </c>
      <c r="G44" s="16">
        <v>6</v>
      </c>
      <c r="H44" s="16">
        <v>4</v>
      </c>
      <c r="I44" s="16">
        <v>2</v>
      </c>
      <c r="J44" s="22" t="s">
        <v>268</v>
      </c>
      <c r="K44" s="16">
        <v>2</v>
      </c>
      <c r="L44" s="16">
        <v>1</v>
      </c>
      <c r="M44" s="16">
        <v>1</v>
      </c>
      <c r="N44" s="22" t="s">
        <v>268</v>
      </c>
      <c r="O44" s="22" t="s">
        <v>268</v>
      </c>
      <c r="P44" s="22" t="s">
        <v>268</v>
      </c>
      <c r="Q44" s="22" t="s">
        <v>268</v>
      </c>
    </row>
    <row r="45" spans="1:17">
      <c r="A45" s="21" t="s">
        <v>232</v>
      </c>
      <c r="B45" s="21" t="s">
        <v>233</v>
      </c>
      <c r="C45" s="21" t="s">
        <v>262</v>
      </c>
      <c r="D45" s="21" t="s">
        <v>214</v>
      </c>
      <c r="E45" s="21" t="s">
        <v>684</v>
      </c>
      <c r="F45" s="21" t="s">
        <v>425</v>
      </c>
      <c r="G45" s="16">
        <v>1196222</v>
      </c>
      <c r="H45" s="16">
        <v>795443</v>
      </c>
      <c r="I45" s="16">
        <v>757162</v>
      </c>
      <c r="J45" s="16">
        <v>136189</v>
      </c>
      <c r="K45" s="16">
        <v>38281</v>
      </c>
      <c r="L45" s="16">
        <v>9796</v>
      </c>
      <c r="M45" s="16">
        <v>390983</v>
      </c>
      <c r="N45" s="22" t="s">
        <v>268</v>
      </c>
      <c r="O45" s="16">
        <v>19478</v>
      </c>
      <c r="P45" s="16">
        <v>681</v>
      </c>
      <c r="Q45" s="22" t="s">
        <v>268</v>
      </c>
    </row>
    <row r="46" spans="1:17">
      <c r="A46" s="21" t="s">
        <v>232</v>
      </c>
      <c r="B46" s="21" t="s">
        <v>233</v>
      </c>
      <c r="C46" s="21" t="s">
        <v>262</v>
      </c>
      <c r="D46" s="21" t="s">
        <v>214</v>
      </c>
      <c r="E46" s="21" t="s">
        <v>684</v>
      </c>
      <c r="F46" s="21" t="s">
        <v>426</v>
      </c>
      <c r="G46" s="16">
        <v>1396028</v>
      </c>
      <c r="H46" s="16">
        <v>628734</v>
      </c>
      <c r="I46" s="16">
        <v>594724</v>
      </c>
      <c r="J46" s="16">
        <v>341474</v>
      </c>
      <c r="K46" s="16">
        <v>34010</v>
      </c>
      <c r="L46" s="16">
        <v>5972</v>
      </c>
      <c r="M46" s="16">
        <v>761322</v>
      </c>
      <c r="N46" s="22" t="s">
        <v>268</v>
      </c>
      <c r="O46" s="16">
        <v>12757</v>
      </c>
      <c r="P46" s="16">
        <v>328982</v>
      </c>
      <c r="Q46" s="16">
        <v>761322</v>
      </c>
    </row>
    <row r="47" spans="1:17">
      <c r="A47" s="21" t="s">
        <v>232</v>
      </c>
      <c r="B47" s="21" t="s">
        <v>233</v>
      </c>
      <c r="C47" s="21" t="s">
        <v>262</v>
      </c>
      <c r="D47" s="21" t="s">
        <v>214</v>
      </c>
      <c r="E47" s="21" t="s">
        <v>684</v>
      </c>
      <c r="F47" s="21" t="s">
        <v>720</v>
      </c>
      <c r="G47" s="16">
        <v>56785</v>
      </c>
      <c r="H47" s="22" t="s">
        <v>268</v>
      </c>
      <c r="I47" s="22" t="s">
        <v>268</v>
      </c>
      <c r="J47" s="22" t="s">
        <v>268</v>
      </c>
      <c r="K47" s="22" t="s">
        <v>268</v>
      </c>
      <c r="L47" s="22" t="s">
        <v>268</v>
      </c>
      <c r="M47" s="16">
        <v>48114</v>
      </c>
      <c r="N47" s="16">
        <v>8671</v>
      </c>
      <c r="O47" s="22" t="s">
        <v>268</v>
      </c>
      <c r="P47" s="22" t="s">
        <v>268</v>
      </c>
      <c r="Q47" s="22" t="s">
        <v>268</v>
      </c>
    </row>
    <row r="48" spans="1:17">
      <c r="A48" s="21" t="s">
        <v>232</v>
      </c>
      <c r="B48" s="21" t="s">
        <v>233</v>
      </c>
      <c r="C48" s="21" t="s">
        <v>262</v>
      </c>
      <c r="D48" s="21" t="s">
        <v>214</v>
      </c>
      <c r="E48" s="21" t="s">
        <v>684</v>
      </c>
      <c r="F48" s="21" t="s">
        <v>427</v>
      </c>
      <c r="G48" s="16">
        <v>1590136</v>
      </c>
      <c r="H48" s="16">
        <v>730229</v>
      </c>
      <c r="I48" s="16">
        <v>688886</v>
      </c>
      <c r="J48" s="16">
        <v>380023</v>
      </c>
      <c r="K48" s="16">
        <v>41343</v>
      </c>
      <c r="L48" s="16">
        <v>7319</v>
      </c>
      <c r="M48" s="16">
        <v>852588</v>
      </c>
      <c r="N48" s="22" t="s">
        <v>268</v>
      </c>
      <c r="O48" s="16">
        <v>16131</v>
      </c>
      <c r="P48" s="16">
        <v>329663</v>
      </c>
      <c r="Q48" s="16">
        <v>761322</v>
      </c>
    </row>
    <row r="49" spans="1:17">
      <c r="A49" s="21" t="s">
        <v>232</v>
      </c>
      <c r="B49" s="21" t="s">
        <v>233</v>
      </c>
      <c r="C49" s="21" t="s">
        <v>262</v>
      </c>
      <c r="D49" s="21" t="s">
        <v>214</v>
      </c>
      <c r="E49" s="21" t="s">
        <v>684</v>
      </c>
      <c r="F49" s="21" t="s">
        <v>428</v>
      </c>
      <c r="G49" s="16">
        <v>762579</v>
      </c>
      <c r="H49" s="16">
        <v>329059</v>
      </c>
      <c r="I49" s="16">
        <v>313889</v>
      </c>
      <c r="J49" s="16">
        <v>184907</v>
      </c>
      <c r="K49" s="16">
        <v>15170</v>
      </c>
      <c r="L49" s="16">
        <v>2551</v>
      </c>
      <c r="M49" s="16">
        <v>430969</v>
      </c>
      <c r="N49" s="22" t="s">
        <v>268</v>
      </c>
      <c r="O49" s="16">
        <v>5496</v>
      </c>
      <c r="P49" s="16">
        <v>183479</v>
      </c>
      <c r="Q49" s="16">
        <v>430969</v>
      </c>
    </row>
    <row r="50" spans="1:17">
      <c r="A50" s="21" t="s">
        <v>232</v>
      </c>
      <c r="B50" s="21" t="s">
        <v>233</v>
      </c>
      <c r="C50" s="21" t="s">
        <v>262</v>
      </c>
      <c r="D50" s="21" t="s">
        <v>214</v>
      </c>
      <c r="E50" s="21" t="s">
        <v>684</v>
      </c>
      <c r="F50" s="21" t="s">
        <v>429</v>
      </c>
      <c r="G50" s="16">
        <v>195672</v>
      </c>
      <c r="H50" s="16">
        <v>74552</v>
      </c>
      <c r="I50" s="16">
        <v>70824</v>
      </c>
      <c r="J50" s="16">
        <v>37744</v>
      </c>
      <c r="K50" s="16">
        <v>3728</v>
      </c>
      <c r="L50" s="16">
        <v>484</v>
      </c>
      <c r="M50" s="16">
        <v>120636</v>
      </c>
      <c r="N50" s="22" t="s">
        <v>268</v>
      </c>
      <c r="O50" s="16">
        <v>1244</v>
      </c>
      <c r="P50" s="16">
        <v>37692</v>
      </c>
      <c r="Q50" s="16">
        <v>120636</v>
      </c>
    </row>
    <row r="51" spans="1:17">
      <c r="A51" s="21" t="s">
        <v>232</v>
      </c>
      <c r="B51" s="21" t="s">
        <v>233</v>
      </c>
      <c r="C51" s="21" t="s">
        <v>262</v>
      </c>
      <c r="D51" s="21" t="s">
        <v>214</v>
      </c>
      <c r="E51" s="21" t="s">
        <v>685</v>
      </c>
      <c r="F51" s="21" t="s">
        <v>214</v>
      </c>
      <c r="G51" s="16">
        <v>16331426</v>
      </c>
      <c r="H51" s="16">
        <v>5365351</v>
      </c>
      <c r="I51" s="16">
        <v>5113081</v>
      </c>
      <c r="J51" s="16">
        <v>1840157</v>
      </c>
      <c r="K51" s="16">
        <v>252270</v>
      </c>
      <c r="L51" s="16">
        <v>299767</v>
      </c>
      <c r="M51" s="16">
        <v>10609104</v>
      </c>
      <c r="N51" s="16">
        <v>57204</v>
      </c>
      <c r="O51" s="16">
        <v>94156</v>
      </c>
      <c r="P51" s="16">
        <v>355444</v>
      </c>
      <c r="Q51" s="16">
        <v>1365049</v>
      </c>
    </row>
    <row r="52" spans="1:17">
      <c r="A52" s="21" t="s">
        <v>232</v>
      </c>
      <c r="B52" s="21" t="s">
        <v>233</v>
      </c>
      <c r="C52" s="21" t="s">
        <v>262</v>
      </c>
      <c r="D52" s="21" t="s">
        <v>214</v>
      </c>
      <c r="E52" s="21" t="s">
        <v>685</v>
      </c>
      <c r="F52" s="21" t="s">
        <v>424</v>
      </c>
      <c r="G52" s="16">
        <v>62</v>
      </c>
      <c r="H52" s="16">
        <v>26</v>
      </c>
      <c r="I52" s="16">
        <v>17</v>
      </c>
      <c r="J52" s="22" t="s">
        <v>268</v>
      </c>
      <c r="K52" s="16">
        <v>9</v>
      </c>
      <c r="L52" s="16">
        <v>1</v>
      </c>
      <c r="M52" s="16">
        <v>35</v>
      </c>
      <c r="N52" s="22" t="s">
        <v>268</v>
      </c>
      <c r="O52" s="22" t="s">
        <v>268</v>
      </c>
      <c r="P52" s="22" t="s">
        <v>268</v>
      </c>
      <c r="Q52" s="22" t="s">
        <v>268</v>
      </c>
    </row>
    <row r="53" spans="1:17">
      <c r="A53" s="21" t="s">
        <v>232</v>
      </c>
      <c r="B53" s="21" t="s">
        <v>233</v>
      </c>
      <c r="C53" s="21" t="s">
        <v>262</v>
      </c>
      <c r="D53" s="21" t="s">
        <v>214</v>
      </c>
      <c r="E53" s="21" t="s">
        <v>685</v>
      </c>
      <c r="F53" s="21" t="s">
        <v>425</v>
      </c>
      <c r="G53" s="16">
        <v>12385816</v>
      </c>
      <c r="H53" s="16">
        <v>4591969</v>
      </c>
      <c r="I53" s="16">
        <v>4397617</v>
      </c>
      <c r="J53" s="16">
        <v>1455075</v>
      </c>
      <c r="K53" s="16">
        <v>194352</v>
      </c>
      <c r="L53" s="16">
        <v>275340</v>
      </c>
      <c r="M53" s="16">
        <v>7518507</v>
      </c>
      <c r="N53" s="22" t="s">
        <v>268</v>
      </c>
      <c r="O53" s="16">
        <v>71059</v>
      </c>
      <c r="P53" s="16">
        <v>1322</v>
      </c>
      <c r="Q53" s="22" t="s">
        <v>268</v>
      </c>
    </row>
    <row r="54" spans="1:17">
      <c r="A54" s="21" t="s">
        <v>232</v>
      </c>
      <c r="B54" s="21" t="s">
        <v>233</v>
      </c>
      <c r="C54" s="21" t="s">
        <v>262</v>
      </c>
      <c r="D54" s="21" t="s">
        <v>214</v>
      </c>
      <c r="E54" s="21" t="s">
        <v>685</v>
      </c>
      <c r="F54" s="21" t="s">
        <v>426</v>
      </c>
      <c r="G54" s="16">
        <v>2162831</v>
      </c>
      <c r="H54" s="16">
        <v>773356</v>
      </c>
      <c r="I54" s="16">
        <v>715447</v>
      </c>
      <c r="J54" s="16">
        <v>385082</v>
      </c>
      <c r="K54" s="16">
        <v>57909</v>
      </c>
      <c r="L54" s="16">
        <v>24426</v>
      </c>
      <c r="M54" s="16">
        <v>1365049</v>
      </c>
      <c r="N54" s="22" t="s">
        <v>268</v>
      </c>
      <c r="O54" s="16">
        <v>23097</v>
      </c>
      <c r="P54" s="16">
        <v>354122</v>
      </c>
      <c r="Q54" s="16">
        <v>1365049</v>
      </c>
    </row>
    <row r="55" spans="1:17">
      <c r="A55" s="21" t="s">
        <v>232</v>
      </c>
      <c r="B55" s="21" t="s">
        <v>233</v>
      </c>
      <c r="C55" s="21" t="s">
        <v>262</v>
      </c>
      <c r="D55" s="21" t="s">
        <v>214</v>
      </c>
      <c r="E55" s="21" t="s">
        <v>685</v>
      </c>
      <c r="F55" s="21" t="s">
        <v>720</v>
      </c>
      <c r="G55" s="16">
        <v>1782717</v>
      </c>
      <c r="H55" s="22" t="s">
        <v>268</v>
      </c>
      <c r="I55" s="22" t="s">
        <v>268</v>
      </c>
      <c r="J55" s="22" t="s">
        <v>268</v>
      </c>
      <c r="K55" s="22" t="s">
        <v>268</v>
      </c>
      <c r="L55" s="22" t="s">
        <v>268</v>
      </c>
      <c r="M55" s="16">
        <v>1725513</v>
      </c>
      <c r="N55" s="16">
        <v>57204</v>
      </c>
      <c r="O55" s="22" t="s">
        <v>268</v>
      </c>
      <c r="P55" s="22" t="s">
        <v>268</v>
      </c>
      <c r="Q55" s="22" t="s">
        <v>268</v>
      </c>
    </row>
    <row r="56" spans="1:17">
      <c r="A56" s="21" t="s">
        <v>232</v>
      </c>
      <c r="B56" s="21" t="s">
        <v>233</v>
      </c>
      <c r="C56" s="21" t="s">
        <v>262</v>
      </c>
      <c r="D56" s="21" t="s">
        <v>214</v>
      </c>
      <c r="E56" s="21" t="s">
        <v>685</v>
      </c>
      <c r="F56" s="21" t="s">
        <v>427</v>
      </c>
      <c r="G56" s="16">
        <v>2870701</v>
      </c>
      <c r="H56" s="16">
        <v>1058538</v>
      </c>
      <c r="I56" s="16">
        <v>979199</v>
      </c>
      <c r="J56" s="16">
        <v>499303</v>
      </c>
      <c r="K56" s="16">
        <v>79339</v>
      </c>
      <c r="L56" s="16">
        <v>34470</v>
      </c>
      <c r="M56" s="16">
        <v>1777693</v>
      </c>
      <c r="N56" s="22" t="s">
        <v>268</v>
      </c>
      <c r="O56" s="16">
        <v>33183</v>
      </c>
      <c r="P56" s="16">
        <v>355444</v>
      </c>
      <c r="Q56" s="16">
        <v>1365049</v>
      </c>
    </row>
    <row r="57" spans="1:17">
      <c r="A57" s="21" t="s">
        <v>232</v>
      </c>
      <c r="B57" s="21" t="s">
        <v>233</v>
      </c>
      <c r="C57" s="21" t="s">
        <v>262</v>
      </c>
      <c r="D57" s="21" t="s">
        <v>214</v>
      </c>
      <c r="E57" s="21" t="s">
        <v>685</v>
      </c>
      <c r="F57" s="21" t="s">
        <v>428</v>
      </c>
      <c r="G57" s="16">
        <v>889988</v>
      </c>
      <c r="H57" s="16">
        <v>301738</v>
      </c>
      <c r="I57" s="16">
        <v>281170</v>
      </c>
      <c r="J57" s="16">
        <v>156228</v>
      </c>
      <c r="K57" s="16">
        <v>20568</v>
      </c>
      <c r="L57" s="16">
        <v>7500</v>
      </c>
      <c r="M57" s="16">
        <v>580750</v>
      </c>
      <c r="N57" s="22" t="s">
        <v>268</v>
      </c>
      <c r="O57" s="16">
        <v>7976</v>
      </c>
      <c r="P57" s="16">
        <v>153784</v>
      </c>
      <c r="Q57" s="16">
        <v>580750</v>
      </c>
    </row>
    <row r="58" spans="1:17">
      <c r="A58" s="21" t="s">
        <v>232</v>
      </c>
      <c r="B58" s="21" t="s">
        <v>233</v>
      </c>
      <c r="C58" s="21" t="s">
        <v>262</v>
      </c>
      <c r="D58" s="21" t="s">
        <v>214</v>
      </c>
      <c r="E58" s="21" t="s">
        <v>685</v>
      </c>
      <c r="F58" s="21" t="s">
        <v>429</v>
      </c>
      <c r="G58" s="16">
        <v>223068</v>
      </c>
      <c r="H58" s="16">
        <v>62810</v>
      </c>
      <c r="I58" s="16">
        <v>58106</v>
      </c>
      <c r="J58" s="16">
        <v>30998</v>
      </c>
      <c r="K58" s="16">
        <v>4704</v>
      </c>
      <c r="L58" s="16">
        <v>1182</v>
      </c>
      <c r="M58" s="16">
        <v>159076</v>
      </c>
      <c r="N58" s="22" t="s">
        <v>268</v>
      </c>
      <c r="O58" s="16">
        <v>1746</v>
      </c>
      <c r="P58" s="16">
        <v>30895</v>
      </c>
      <c r="Q58" s="16">
        <v>159076</v>
      </c>
    </row>
    <row r="59" spans="1:17">
      <c r="A59" s="21" t="s">
        <v>232</v>
      </c>
      <c r="B59" s="21" t="s">
        <v>233</v>
      </c>
      <c r="C59" s="21" t="s">
        <v>262</v>
      </c>
      <c r="D59" s="21" t="s">
        <v>214</v>
      </c>
      <c r="E59" s="21" t="s">
        <v>686</v>
      </c>
      <c r="F59" s="21" t="s">
        <v>214</v>
      </c>
      <c r="G59" s="16">
        <v>1551697</v>
      </c>
      <c r="H59" s="16">
        <v>548846</v>
      </c>
      <c r="I59" s="16">
        <v>536799</v>
      </c>
      <c r="J59" s="16">
        <v>181856</v>
      </c>
      <c r="K59" s="16">
        <v>12047</v>
      </c>
      <c r="L59" s="16">
        <v>8734</v>
      </c>
      <c r="M59" s="16">
        <v>992011</v>
      </c>
      <c r="N59" s="16">
        <v>2106</v>
      </c>
      <c r="O59" s="16">
        <v>6045</v>
      </c>
      <c r="P59" s="16">
        <v>15254</v>
      </c>
      <c r="Q59" s="16">
        <v>23325</v>
      </c>
    </row>
    <row r="60" spans="1:17">
      <c r="A60" s="21" t="s">
        <v>232</v>
      </c>
      <c r="B60" s="21" t="s">
        <v>233</v>
      </c>
      <c r="C60" s="21" t="s">
        <v>262</v>
      </c>
      <c r="D60" s="21" t="s">
        <v>214</v>
      </c>
      <c r="E60" s="21" t="s">
        <v>686</v>
      </c>
      <c r="F60" s="21" t="s">
        <v>424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22" t="s">
        <v>268</v>
      </c>
      <c r="L60" s="22" t="s">
        <v>268</v>
      </c>
      <c r="M60" s="22" t="s">
        <v>268</v>
      </c>
      <c r="N60" s="22" t="s">
        <v>268</v>
      </c>
      <c r="O60" s="22" t="s">
        <v>268</v>
      </c>
      <c r="P60" s="22" t="s">
        <v>268</v>
      </c>
      <c r="Q60" s="22" t="s">
        <v>268</v>
      </c>
    </row>
    <row r="61" spans="1:17">
      <c r="A61" s="21" t="s">
        <v>232</v>
      </c>
      <c r="B61" s="21" t="s">
        <v>233</v>
      </c>
      <c r="C61" s="21" t="s">
        <v>262</v>
      </c>
      <c r="D61" s="21" t="s">
        <v>214</v>
      </c>
      <c r="E61" s="21" t="s">
        <v>686</v>
      </c>
      <c r="F61" s="21" t="s">
        <v>425</v>
      </c>
      <c r="G61" s="16">
        <v>1406692</v>
      </c>
      <c r="H61" s="16">
        <v>520110</v>
      </c>
      <c r="I61" s="16">
        <v>511048</v>
      </c>
      <c r="J61" s="16">
        <v>165284</v>
      </c>
      <c r="K61" s="16">
        <v>9062</v>
      </c>
      <c r="L61" s="16">
        <v>8165</v>
      </c>
      <c r="M61" s="16">
        <v>878417</v>
      </c>
      <c r="N61" s="22" t="s">
        <v>268</v>
      </c>
      <c r="O61" s="16">
        <v>4311</v>
      </c>
      <c r="P61" s="16">
        <v>54</v>
      </c>
      <c r="Q61" s="22" t="s">
        <v>268</v>
      </c>
    </row>
    <row r="62" spans="1:17">
      <c r="A62" s="21" t="s">
        <v>232</v>
      </c>
      <c r="B62" s="21" t="s">
        <v>233</v>
      </c>
      <c r="C62" s="21" t="s">
        <v>262</v>
      </c>
      <c r="D62" s="21" t="s">
        <v>214</v>
      </c>
      <c r="E62" s="21" t="s">
        <v>686</v>
      </c>
      <c r="F62" s="21" t="s">
        <v>426</v>
      </c>
      <c r="G62" s="16">
        <v>52630</v>
      </c>
      <c r="H62" s="16">
        <v>28736</v>
      </c>
      <c r="I62" s="16">
        <v>25751</v>
      </c>
      <c r="J62" s="16">
        <v>16572</v>
      </c>
      <c r="K62" s="16">
        <v>2985</v>
      </c>
      <c r="L62" s="16">
        <v>569</v>
      </c>
      <c r="M62" s="16">
        <v>23325</v>
      </c>
      <c r="N62" s="22" t="s">
        <v>268</v>
      </c>
      <c r="O62" s="16">
        <v>1734</v>
      </c>
      <c r="P62" s="16">
        <v>15200</v>
      </c>
      <c r="Q62" s="16">
        <v>23325</v>
      </c>
    </row>
    <row r="63" spans="1:17">
      <c r="A63" s="21" t="s">
        <v>232</v>
      </c>
      <c r="B63" s="21" t="s">
        <v>233</v>
      </c>
      <c r="C63" s="21" t="s">
        <v>262</v>
      </c>
      <c r="D63" s="21" t="s">
        <v>214</v>
      </c>
      <c r="E63" s="21" t="s">
        <v>686</v>
      </c>
      <c r="F63" s="21" t="s">
        <v>720</v>
      </c>
      <c r="G63" s="16">
        <v>92375</v>
      </c>
      <c r="H63" s="22" t="s">
        <v>268</v>
      </c>
      <c r="I63" s="22" t="s">
        <v>268</v>
      </c>
      <c r="J63" s="22" t="s">
        <v>268</v>
      </c>
      <c r="K63" s="22" t="s">
        <v>268</v>
      </c>
      <c r="L63" s="22" t="s">
        <v>268</v>
      </c>
      <c r="M63" s="16">
        <v>90269</v>
      </c>
      <c r="N63" s="16">
        <v>2106</v>
      </c>
      <c r="O63" s="22" t="s">
        <v>268</v>
      </c>
      <c r="P63" s="22" t="s">
        <v>268</v>
      </c>
      <c r="Q63" s="22" t="s">
        <v>268</v>
      </c>
    </row>
    <row r="64" spans="1:17">
      <c r="A64" s="21" t="s">
        <v>232</v>
      </c>
      <c r="B64" s="21" t="s">
        <v>233</v>
      </c>
      <c r="C64" s="21" t="s">
        <v>262</v>
      </c>
      <c r="D64" s="21" t="s">
        <v>214</v>
      </c>
      <c r="E64" s="21" t="s">
        <v>686</v>
      </c>
      <c r="F64" s="21" t="s">
        <v>427</v>
      </c>
      <c r="G64" s="16">
        <v>100075</v>
      </c>
      <c r="H64" s="16">
        <v>49280</v>
      </c>
      <c r="I64" s="16">
        <v>45112</v>
      </c>
      <c r="J64" s="16">
        <v>27808</v>
      </c>
      <c r="K64" s="16">
        <v>4168</v>
      </c>
      <c r="L64" s="16">
        <v>846</v>
      </c>
      <c r="M64" s="16">
        <v>49949</v>
      </c>
      <c r="N64" s="22" t="s">
        <v>268</v>
      </c>
      <c r="O64" s="16">
        <v>2339</v>
      </c>
      <c r="P64" s="16">
        <v>15254</v>
      </c>
      <c r="Q64" s="16">
        <v>23325</v>
      </c>
    </row>
    <row r="65" spans="1:17">
      <c r="A65" s="21" t="s">
        <v>232</v>
      </c>
      <c r="B65" s="21" t="s">
        <v>233</v>
      </c>
      <c r="C65" s="21" t="s">
        <v>262</v>
      </c>
      <c r="D65" s="21" t="s">
        <v>214</v>
      </c>
      <c r="E65" s="21" t="s">
        <v>686</v>
      </c>
      <c r="F65" s="21" t="s">
        <v>428</v>
      </c>
      <c r="G65" s="16">
        <v>14784</v>
      </c>
      <c r="H65" s="16">
        <v>9291</v>
      </c>
      <c r="I65" s="16">
        <v>8085</v>
      </c>
      <c r="J65" s="16">
        <v>5037</v>
      </c>
      <c r="K65" s="16">
        <v>1206</v>
      </c>
      <c r="L65" s="16">
        <v>183</v>
      </c>
      <c r="M65" s="16">
        <v>5310</v>
      </c>
      <c r="N65" s="22" t="s">
        <v>268</v>
      </c>
      <c r="O65" s="16">
        <v>743</v>
      </c>
      <c r="P65" s="16">
        <v>4958</v>
      </c>
      <c r="Q65" s="16">
        <v>5310</v>
      </c>
    </row>
    <row r="66" spans="1:17">
      <c r="A66" s="21" t="s">
        <v>232</v>
      </c>
      <c r="B66" s="21" t="s">
        <v>233</v>
      </c>
      <c r="C66" s="21" t="s">
        <v>262</v>
      </c>
      <c r="D66" s="21" t="s">
        <v>214</v>
      </c>
      <c r="E66" s="21" t="s">
        <v>686</v>
      </c>
      <c r="F66" s="21" t="s">
        <v>429</v>
      </c>
      <c r="G66" s="16">
        <v>2507</v>
      </c>
      <c r="H66" s="16">
        <v>1798</v>
      </c>
      <c r="I66" s="16">
        <v>1446</v>
      </c>
      <c r="J66" s="16">
        <v>791</v>
      </c>
      <c r="K66" s="16">
        <v>352</v>
      </c>
      <c r="L66" s="16">
        <v>35</v>
      </c>
      <c r="M66" s="16">
        <v>674</v>
      </c>
      <c r="N66" s="22" t="s">
        <v>268</v>
      </c>
      <c r="O66" s="16">
        <v>210</v>
      </c>
      <c r="P66" s="16">
        <v>787</v>
      </c>
      <c r="Q66" s="16">
        <v>674</v>
      </c>
    </row>
    <row r="67" spans="1:17">
      <c r="A67" s="21" t="s">
        <v>232</v>
      </c>
      <c r="B67" s="21" t="s">
        <v>233</v>
      </c>
      <c r="C67" s="21" t="s">
        <v>262</v>
      </c>
      <c r="D67" s="21" t="s">
        <v>214</v>
      </c>
      <c r="E67" s="21" t="s">
        <v>687</v>
      </c>
      <c r="F67" s="21" t="s">
        <v>214</v>
      </c>
      <c r="G67" s="16">
        <v>691943</v>
      </c>
      <c r="H67" s="16">
        <v>244033</v>
      </c>
      <c r="I67" s="16">
        <v>231418</v>
      </c>
      <c r="J67" s="16">
        <v>63427</v>
      </c>
      <c r="K67" s="16">
        <v>12615</v>
      </c>
      <c r="L67" s="16">
        <v>4155</v>
      </c>
      <c r="M67" s="16">
        <v>443158</v>
      </c>
      <c r="N67" s="16">
        <v>597</v>
      </c>
      <c r="O67" s="16">
        <v>6002</v>
      </c>
      <c r="P67" s="16">
        <v>28976</v>
      </c>
      <c r="Q67" s="16">
        <v>101347</v>
      </c>
    </row>
    <row r="68" spans="1:17">
      <c r="A68" s="21" t="s">
        <v>232</v>
      </c>
      <c r="B68" s="21" t="s">
        <v>233</v>
      </c>
      <c r="C68" s="21" t="s">
        <v>262</v>
      </c>
      <c r="D68" s="21" t="s">
        <v>214</v>
      </c>
      <c r="E68" s="21" t="s">
        <v>687</v>
      </c>
      <c r="F68" s="21" t="s">
        <v>424</v>
      </c>
      <c r="G68" s="16">
        <v>68</v>
      </c>
      <c r="H68" s="16">
        <v>10</v>
      </c>
      <c r="I68" s="22" t="s">
        <v>268</v>
      </c>
      <c r="J68" s="22" t="s">
        <v>268</v>
      </c>
      <c r="K68" s="16">
        <v>10</v>
      </c>
      <c r="L68" s="22" t="s">
        <v>268</v>
      </c>
      <c r="M68" s="16">
        <v>58</v>
      </c>
      <c r="N68" s="22" t="s">
        <v>268</v>
      </c>
      <c r="O68" s="22" t="s">
        <v>268</v>
      </c>
      <c r="P68" s="22" t="s">
        <v>268</v>
      </c>
      <c r="Q68" s="22" t="s">
        <v>268</v>
      </c>
    </row>
    <row r="69" spans="1:17">
      <c r="A69" s="21" t="s">
        <v>232</v>
      </c>
      <c r="B69" s="21" t="s">
        <v>233</v>
      </c>
      <c r="C69" s="21" t="s">
        <v>262</v>
      </c>
      <c r="D69" s="21" t="s">
        <v>214</v>
      </c>
      <c r="E69" s="21" t="s">
        <v>687</v>
      </c>
      <c r="F69" s="21" t="s">
        <v>425</v>
      </c>
      <c r="G69" s="16">
        <v>526511</v>
      </c>
      <c r="H69" s="16">
        <v>195502</v>
      </c>
      <c r="I69" s="16">
        <v>186763</v>
      </c>
      <c r="J69" s="16">
        <v>33335</v>
      </c>
      <c r="K69" s="16">
        <v>8739</v>
      </c>
      <c r="L69" s="16">
        <v>3390</v>
      </c>
      <c r="M69" s="16">
        <v>327619</v>
      </c>
      <c r="N69" s="22" t="s">
        <v>268</v>
      </c>
      <c r="O69" s="16">
        <v>4439</v>
      </c>
      <c r="P69" s="16">
        <v>78</v>
      </c>
      <c r="Q69" s="22" t="s">
        <v>268</v>
      </c>
    </row>
    <row r="70" spans="1:17">
      <c r="A70" s="21" t="s">
        <v>232</v>
      </c>
      <c r="B70" s="21" t="s">
        <v>233</v>
      </c>
      <c r="C70" s="21" t="s">
        <v>262</v>
      </c>
      <c r="D70" s="21" t="s">
        <v>214</v>
      </c>
      <c r="E70" s="21" t="s">
        <v>687</v>
      </c>
      <c r="F70" s="21" t="s">
        <v>426</v>
      </c>
      <c r="G70" s="16">
        <v>150633</v>
      </c>
      <c r="H70" s="16">
        <v>48521</v>
      </c>
      <c r="I70" s="16">
        <v>44655</v>
      </c>
      <c r="J70" s="16">
        <v>30092</v>
      </c>
      <c r="K70" s="16">
        <v>3866</v>
      </c>
      <c r="L70" s="16">
        <v>765</v>
      </c>
      <c r="M70" s="16">
        <v>101347</v>
      </c>
      <c r="N70" s="22" t="s">
        <v>268</v>
      </c>
      <c r="O70" s="16">
        <v>1563</v>
      </c>
      <c r="P70" s="16">
        <v>28898</v>
      </c>
      <c r="Q70" s="16">
        <v>101347</v>
      </c>
    </row>
    <row r="71" spans="1:17">
      <c r="A71" s="21" t="s">
        <v>232</v>
      </c>
      <c r="B71" s="21" t="s">
        <v>233</v>
      </c>
      <c r="C71" s="21" t="s">
        <v>262</v>
      </c>
      <c r="D71" s="21" t="s">
        <v>214</v>
      </c>
      <c r="E71" s="21" t="s">
        <v>687</v>
      </c>
      <c r="F71" s="21" t="s">
        <v>720</v>
      </c>
      <c r="G71" s="16">
        <v>14731</v>
      </c>
      <c r="H71" s="22" t="s">
        <v>268</v>
      </c>
      <c r="I71" s="22" t="s">
        <v>268</v>
      </c>
      <c r="J71" s="22" t="s">
        <v>268</v>
      </c>
      <c r="K71" s="22" t="s">
        <v>268</v>
      </c>
      <c r="L71" s="22" t="s">
        <v>268</v>
      </c>
      <c r="M71" s="16">
        <v>14134</v>
      </c>
      <c r="N71" s="16">
        <v>597</v>
      </c>
      <c r="O71" s="22" t="s">
        <v>268</v>
      </c>
      <c r="P71" s="22" t="s">
        <v>268</v>
      </c>
      <c r="Q71" s="22" t="s">
        <v>268</v>
      </c>
    </row>
    <row r="72" spans="1:17">
      <c r="A72" s="21" t="s">
        <v>232</v>
      </c>
      <c r="B72" s="21" t="s">
        <v>233</v>
      </c>
      <c r="C72" s="21" t="s">
        <v>262</v>
      </c>
      <c r="D72" s="21" t="s">
        <v>214</v>
      </c>
      <c r="E72" s="21" t="s">
        <v>687</v>
      </c>
      <c r="F72" s="21" t="s">
        <v>427</v>
      </c>
      <c r="G72" s="16">
        <v>183693</v>
      </c>
      <c r="H72" s="16">
        <v>63490</v>
      </c>
      <c r="I72" s="16">
        <v>58484</v>
      </c>
      <c r="J72" s="16">
        <v>36088</v>
      </c>
      <c r="K72" s="16">
        <v>5006</v>
      </c>
      <c r="L72" s="16">
        <v>994</v>
      </c>
      <c r="M72" s="16">
        <v>119209</v>
      </c>
      <c r="N72" s="22" t="s">
        <v>268</v>
      </c>
      <c r="O72" s="16">
        <v>2105</v>
      </c>
      <c r="P72" s="16">
        <v>28976</v>
      </c>
      <c r="Q72" s="16">
        <v>101347</v>
      </c>
    </row>
    <row r="73" spans="1:17">
      <c r="A73" s="21" t="s">
        <v>232</v>
      </c>
      <c r="B73" s="21" t="s">
        <v>233</v>
      </c>
      <c r="C73" s="21" t="s">
        <v>262</v>
      </c>
      <c r="D73" s="21" t="s">
        <v>214</v>
      </c>
      <c r="E73" s="21" t="s">
        <v>687</v>
      </c>
      <c r="F73" s="21" t="s">
        <v>428</v>
      </c>
      <c r="G73" s="16">
        <v>83384</v>
      </c>
      <c r="H73" s="16">
        <v>23290</v>
      </c>
      <c r="I73" s="16">
        <v>21549</v>
      </c>
      <c r="J73" s="16">
        <v>15722</v>
      </c>
      <c r="K73" s="16">
        <v>1741</v>
      </c>
      <c r="L73" s="16">
        <v>286</v>
      </c>
      <c r="M73" s="16">
        <v>59808</v>
      </c>
      <c r="N73" s="22" t="s">
        <v>268</v>
      </c>
      <c r="O73" s="16">
        <v>683</v>
      </c>
      <c r="P73" s="16">
        <v>15652</v>
      </c>
      <c r="Q73" s="16">
        <v>59808</v>
      </c>
    </row>
    <row r="74" spans="1:17">
      <c r="A74" s="21" t="s">
        <v>232</v>
      </c>
      <c r="B74" s="21" t="s">
        <v>233</v>
      </c>
      <c r="C74" s="21" t="s">
        <v>262</v>
      </c>
      <c r="D74" s="21" t="s">
        <v>214</v>
      </c>
      <c r="E74" s="21" t="s">
        <v>687</v>
      </c>
      <c r="F74" s="21" t="s">
        <v>429</v>
      </c>
      <c r="G74" s="16">
        <v>32177</v>
      </c>
      <c r="H74" s="16">
        <v>6404</v>
      </c>
      <c r="I74" s="16">
        <v>5879</v>
      </c>
      <c r="J74" s="16">
        <v>4285</v>
      </c>
      <c r="K74" s="16">
        <v>525</v>
      </c>
      <c r="L74" s="16">
        <v>60</v>
      </c>
      <c r="M74" s="16">
        <v>25713</v>
      </c>
      <c r="N74" s="22" t="s">
        <v>268</v>
      </c>
      <c r="O74" s="16">
        <v>164</v>
      </c>
      <c r="P74" s="16">
        <v>4283</v>
      </c>
      <c r="Q74" s="16">
        <v>25713</v>
      </c>
    </row>
    <row r="75" spans="1:17">
      <c r="A75" s="21" t="s">
        <v>232</v>
      </c>
      <c r="B75" s="21" t="s">
        <v>233</v>
      </c>
      <c r="C75" s="21" t="s">
        <v>262</v>
      </c>
      <c r="D75" s="21" t="s">
        <v>214</v>
      </c>
      <c r="E75" s="21" t="s">
        <v>688</v>
      </c>
      <c r="F75" s="21" t="s">
        <v>214</v>
      </c>
      <c r="G75" s="16">
        <v>751370</v>
      </c>
      <c r="H75" s="16">
        <v>118585</v>
      </c>
      <c r="I75" s="16">
        <v>110523</v>
      </c>
      <c r="J75" s="16">
        <v>36523</v>
      </c>
      <c r="K75" s="16">
        <v>8062</v>
      </c>
      <c r="L75" s="16">
        <v>3003</v>
      </c>
      <c r="M75" s="16">
        <v>627419</v>
      </c>
      <c r="N75" s="16">
        <v>2363</v>
      </c>
      <c r="O75" s="16">
        <v>5095</v>
      </c>
      <c r="P75" s="16">
        <v>21806</v>
      </c>
      <c r="Q75" s="16">
        <v>30697</v>
      </c>
    </row>
    <row r="76" spans="1:17">
      <c r="A76" s="21" t="s">
        <v>232</v>
      </c>
      <c r="B76" s="21" t="s">
        <v>233</v>
      </c>
      <c r="C76" s="21" t="s">
        <v>262</v>
      </c>
      <c r="D76" s="21" t="s">
        <v>214</v>
      </c>
      <c r="E76" s="21" t="s">
        <v>688</v>
      </c>
      <c r="F76" s="21" t="s">
        <v>424</v>
      </c>
      <c r="G76" s="16">
        <v>20</v>
      </c>
      <c r="H76" s="16">
        <v>1</v>
      </c>
      <c r="I76" s="16">
        <v>1</v>
      </c>
      <c r="J76" s="22" t="s">
        <v>268</v>
      </c>
      <c r="K76" s="22" t="s">
        <v>268</v>
      </c>
      <c r="L76" s="22" t="s">
        <v>268</v>
      </c>
      <c r="M76" s="16">
        <v>19</v>
      </c>
      <c r="N76" s="22" t="s">
        <v>268</v>
      </c>
      <c r="O76" s="22" t="s">
        <v>268</v>
      </c>
      <c r="P76" s="22" t="s">
        <v>268</v>
      </c>
      <c r="Q76" s="22" t="s">
        <v>268</v>
      </c>
    </row>
    <row r="77" spans="1:17">
      <c r="A77" s="21" t="s">
        <v>232</v>
      </c>
      <c r="B77" s="21" t="s">
        <v>233</v>
      </c>
      <c r="C77" s="21" t="s">
        <v>262</v>
      </c>
      <c r="D77" s="21" t="s">
        <v>214</v>
      </c>
      <c r="E77" s="21" t="s">
        <v>688</v>
      </c>
      <c r="F77" s="21" t="s">
        <v>425</v>
      </c>
      <c r="G77" s="16">
        <v>634871</v>
      </c>
      <c r="H77" s="16">
        <v>88366</v>
      </c>
      <c r="I77" s="16">
        <v>82739</v>
      </c>
      <c r="J77" s="16">
        <v>14259</v>
      </c>
      <c r="K77" s="16">
        <v>5627</v>
      </c>
      <c r="L77" s="16">
        <v>2146</v>
      </c>
      <c r="M77" s="16">
        <v>544359</v>
      </c>
      <c r="N77" s="22" t="s">
        <v>268</v>
      </c>
      <c r="O77" s="16">
        <v>3631</v>
      </c>
      <c r="P77" s="16">
        <v>36</v>
      </c>
      <c r="Q77" s="22" t="s">
        <v>268</v>
      </c>
    </row>
    <row r="78" spans="1:17">
      <c r="A78" s="21" t="s">
        <v>232</v>
      </c>
      <c r="B78" s="21" t="s">
        <v>233</v>
      </c>
      <c r="C78" s="21" t="s">
        <v>262</v>
      </c>
      <c r="D78" s="21" t="s">
        <v>214</v>
      </c>
      <c r="E78" s="21" t="s">
        <v>688</v>
      </c>
      <c r="F78" s="21" t="s">
        <v>426</v>
      </c>
      <c r="G78" s="16">
        <v>61772</v>
      </c>
      <c r="H78" s="16">
        <v>30218</v>
      </c>
      <c r="I78" s="16">
        <v>27783</v>
      </c>
      <c r="J78" s="16">
        <v>22264</v>
      </c>
      <c r="K78" s="16">
        <v>2435</v>
      </c>
      <c r="L78" s="16">
        <v>857</v>
      </c>
      <c r="M78" s="16">
        <v>30697</v>
      </c>
      <c r="N78" s="22" t="s">
        <v>268</v>
      </c>
      <c r="O78" s="16">
        <v>1464</v>
      </c>
      <c r="P78" s="16">
        <v>21770</v>
      </c>
      <c r="Q78" s="16">
        <v>30697</v>
      </c>
    </row>
    <row r="79" spans="1:17">
      <c r="A79" s="21" t="s">
        <v>232</v>
      </c>
      <c r="B79" s="21" t="s">
        <v>233</v>
      </c>
      <c r="C79" s="21" t="s">
        <v>262</v>
      </c>
      <c r="D79" s="21" t="s">
        <v>214</v>
      </c>
      <c r="E79" s="21" t="s">
        <v>688</v>
      </c>
      <c r="F79" s="21" t="s">
        <v>720</v>
      </c>
      <c r="G79" s="16">
        <v>54707</v>
      </c>
      <c r="H79" s="22" t="s">
        <v>268</v>
      </c>
      <c r="I79" s="22" t="s">
        <v>268</v>
      </c>
      <c r="J79" s="22" t="s">
        <v>268</v>
      </c>
      <c r="K79" s="22" t="s">
        <v>268</v>
      </c>
      <c r="L79" s="22" t="s">
        <v>268</v>
      </c>
      <c r="M79" s="16">
        <v>52344</v>
      </c>
      <c r="N79" s="16">
        <v>2363</v>
      </c>
      <c r="O79" s="22" t="s">
        <v>268</v>
      </c>
      <c r="P79" s="22" t="s">
        <v>268</v>
      </c>
      <c r="Q79" s="22" t="s">
        <v>268</v>
      </c>
    </row>
    <row r="80" spans="1:17">
      <c r="A80" s="21" t="s">
        <v>232</v>
      </c>
      <c r="B80" s="21" t="s">
        <v>233</v>
      </c>
      <c r="C80" s="21" t="s">
        <v>262</v>
      </c>
      <c r="D80" s="21" t="s">
        <v>214</v>
      </c>
      <c r="E80" s="21" t="s">
        <v>688</v>
      </c>
      <c r="F80" s="21" t="s">
        <v>427</v>
      </c>
      <c r="G80" s="16">
        <v>83211</v>
      </c>
      <c r="H80" s="16">
        <v>36701</v>
      </c>
      <c r="I80" s="16">
        <v>33384</v>
      </c>
      <c r="J80" s="16">
        <v>24798</v>
      </c>
      <c r="K80" s="16">
        <v>3317</v>
      </c>
      <c r="L80" s="16">
        <v>1015</v>
      </c>
      <c r="M80" s="16">
        <v>45495</v>
      </c>
      <c r="N80" s="22" t="s">
        <v>268</v>
      </c>
      <c r="O80" s="16">
        <v>1990</v>
      </c>
      <c r="P80" s="16">
        <v>21806</v>
      </c>
      <c r="Q80" s="16">
        <v>30697</v>
      </c>
    </row>
    <row r="81" spans="1:17">
      <c r="A81" s="21" t="s">
        <v>232</v>
      </c>
      <c r="B81" s="21" t="s">
        <v>233</v>
      </c>
      <c r="C81" s="21" t="s">
        <v>262</v>
      </c>
      <c r="D81" s="21" t="s">
        <v>214</v>
      </c>
      <c r="E81" s="21" t="s">
        <v>688</v>
      </c>
      <c r="F81" s="21" t="s">
        <v>428</v>
      </c>
      <c r="G81" s="16">
        <v>35117</v>
      </c>
      <c r="H81" s="16">
        <v>20541</v>
      </c>
      <c r="I81" s="16">
        <v>19399</v>
      </c>
      <c r="J81" s="16">
        <v>16956</v>
      </c>
      <c r="K81" s="16">
        <v>1142</v>
      </c>
      <c r="L81" s="16">
        <v>594</v>
      </c>
      <c r="M81" s="16">
        <v>13982</v>
      </c>
      <c r="N81" s="22" t="s">
        <v>268</v>
      </c>
      <c r="O81" s="16">
        <v>660</v>
      </c>
      <c r="P81" s="16">
        <v>16919</v>
      </c>
      <c r="Q81" s="16">
        <v>13982</v>
      </c>
    </row>
    <row r="82" spans="1:17">
      <c r="A82" s="21" t="s">
        <v>232</v>
      </c>
      <c r="B82" s="21" t="s">
        <v>233</v>
      </c>
      <c r="C82" s="21" t="s">
        <v>262</v>
      </c>
      <c r="D82" s="21" t="s">
        <v>214</v>
      </c>
      <c r="E82" s="21" t="s">
        <v>688</v>
      </c>
      <c r="F82" s="21" t="s">
        <v>429</v>
      </c>
      <c r="G82" s="16">
        <v>18551</v>
      </c>
      <c r="H82" s="16">
        <v>11569</v>
      </c>
      <c r="I82" s="16">
        <v>11189</v>
      </c>
      <c r="J82" s="16">
        <v>10402</v>
      </c>
      <c r="K82" s="16">
        <v>380</v>
      </c>
      <c r="L82" s="16">
        <v>355</v>
      </c>
      <c r="M82" s="16">
        <v>6627</v>
      </c>
      <c r="N82" s="22" t="s">
        <v>268</v>
      </c>
      <c r="O82" s="16">
        <v>175</v>
      </c>
      <c r="P82" s="16">
        <v>10395</v>
      </c>
      <c r="Q82" s="16">
        <v>6627</v>
      </c>
    </row>
    <row r="83" spans="1:17">
      <c r="A83" s="21" t="s">
        <v>232</v>
      </c>
      <c r="B83" s="21" t="s">
        <v>233</v>
      </c>
      <c r="C83" s="21" t="s">
        <v>262</v>
      </c>
      <c r="D83" s="21" t="s">
        <v>214</v>
      </c>
      <c r="E83" s="21" t="s">
        <v>689</v>
      </c>
      <c r="F83" s="21" t="s">
        <v>214</v>
      </c>
      <c r="G83" s="16">
        <v>56</v>
      </c>
      <c r="H83" s="16">
        <v>33</v>
      </c>
      <c r="I83" s="16">
        <v>28</v>
      </c>
      <c r="J83" s="16">
        <v>4</v>
      </c>
      <c r="K83" s="16">
        <v>5</v>
      </c>
      <c r="L83" s="22" t="s">
        <v>268</v>
      </c>
      <c r="M83" s="16">
        <v>17</v>
      </c>
      <c r="N83" s="16">
        <v>6</v>
      </c>
      <c r="O83" s="16">
        <v>5</v>
      </c>
      <c r="P83" s="16">
        <v>3</v>
      </c>
      <c r="Q83" s="16">
        <v>2</v>
      </c>
    </row>
    <row r="84" spans="1:17">
      <c r="A84" s="21" t="s">
        <v>232</v>
      </c>
      <c r="B84" s="21" t="s">
        <v>233</v>
      </c>
      <c r="C84" s="21" t="s">
        <v>262</v>
      </c>
      <c r="D84" s="21" t="s">
        <v>214</v>
      </c>
      <c r="E84" s="21" t="s">
        <v>689</v>
      </c>
      <c r="F84" s="21" t="s">
        <v>424</v>
      </c>
      <c r="G84" s="22" t="s">
        <v>268</v>
      </c>
      <c r="H84" s="22" t="s">
        <v>268</v>
      </c>
      <c r="I84" s="22" t="s">
        <v>268</v>
      </c>
      <c r="J84" s="22" t="s">
        <v>268</v>
      </c>
      <c r="K84" s="22" t="s">
        <v>268</v>
      </c>
      <c r="L84" s="22" t="s">
        <v>268</v>
      </c>
      <c r="M84" s="22" t="s">
        <v>268</v>
      </c>
      <c r="N84" s="22" t="s">
        <v>268</v>
      </c>
      <c r="O84" s="22" t="s">
        <v>268</v>
      </c>
      <c r="P84" s="22" t="s">
        <v>268</v>
      </c>
      <c r="Q84" s="22" t="s">
        <v>268</v>
      </c>
    </row>
    <row r="85" spans="1:17">
      <c r="A85" s="21" t="s">
        <v>232</v>
      </c>
      <c r="B85" s="21" t="s">
        <v>233</v>
      </c>
      <c r="C85" s="21" t="s">
        <v>262</v>
      </c>
      <c r="D85" s="21" t="s">
        <v>214</v>
      </c>
      <c r="E85" s="21" t="s">
        <v>689</v>
      </c>
      <c r="F85" s="21" t="s">
        <v>425</v>
      </c>
      <c r="G85" s="16">
        <v>27</v>
      </c>
      <c r="H85" s="16">
        <v>21</v>
      </c>
      <c r="I85" s="16">
        <v>18</v>
      </c>
      <c r="J85" s="16">
        <v>1</v>
      </c>
      <c r="K85" s="16">
        <v>3</v>
      </c>
      <c r="L85" s="22" t="s">
        <v>268</v>
      </c>
      <c r="M85" s="16">
        <v>6</v>
      </c>
      <c r="N85" s="22" t="s">
        <v>268</v>
      </c>
      <c r="O85" s="16">
        <v>3</v>
      </c>
      <c r="P85" s="22" t="s">
        <v>268</v>
      </c>
      <c r="Q85" s="22" t="s">
        <v>268</v>
      </c>
    </row>
    <row r="86" spans="1:17">
      <c r="A86" s="21" t="s">
        <v>232</v>
      </c>
      <c r="B86" s="21" t="s">
        <v>233</v>
      </c>
      <c r="C86" s="21" t="s">
        <v>262</v>
      </c>
      <c r="D86" s="21" t="s">
        <v>214</v>
      </c>
      <c r="E86" s="21" t="s">
        <v>689</v>
      </c>
      <c r="F86" s="21" t="s">
        <v>426</v>
      </c>
      <c r="G86" s="16">
        <v>14</v>
      </c>
      <c r="H86" s="16">
        <v>12</v>
      </c>
      <c r="I86" s="16">
        <v>10</v>
      </c>
      <c r="J86" s="16">
        <v>3</v>
      </c>
      <c r="K86" s="16">
        <v>2</v>
      </c>
      <c r="L86" s="22" t="s">
        <v>268</v>
      </c>
      <c r="M86" s="16">
        <v>2</v>
      </c>
      <c r="N86" s="22" t="s">
        <v>268</v>
      </c>
      <c r="O86" s="16">
        <v>2</v>
      </c>
      <c r="P86" s="16">
        <v>3</v>
      </c>
      <c r="Q86" s="16">
        <v>2</v>
      </c>
    </row>
    <row r="87" spans="1:17">
      <c r="A87" s="21" t="s">
        <v>232</v>
      </c>
      <c r="B87" s="21" t="s">
        <v>233</v>
      </c>
      <c r="C87" s="21" t="s">
        <v>262</v>
      </c>
      <c r="D87" s="21" t="s">
        <v>214</v>
      </c>
      <c r="E87" s="21" t="s">
        <v>689</v>
      </c>
      <c r="F87" s="21" t="s">
        <v>720</v>
      </c>
      <c r="G87" s="16">
        <v>15</v>
      </c>
      <c r="H87" s="22" t="s">
        <v>268</v>
      </c>
      <c r="I87" s="22" t="s">
        <v>268</v>
      </c>
      <c r="J87" s="22" t="s">
        <v>268</v>
      </c>
      <c r="K87" s="22" t="s">
        <v>268</v>
      </c>
      <c r="L87" s="22" t="s">
        <v>268</v>
      </c>
      <c r="M87" s="16">
        <v>9</v>
      </c>
      <c r="N87" s="16">
        <v>6</v>
      </c>
      <c r="O87" s="22" t="s">
        <v>268</v>
      </c>
      <c r="P87" s="22" t="s">
        <v>268</v>
      </c>
      <c r="Q87" s="22" t="s">
        <v>268</v>
      </c>
    </row>
    <row r="88" spans="1:17">
      <c r="A88" s="21" t="s">
        <v>232</v>
      </c>
      <c r="B88" s="21" t="s">
        <v>233</v>
      </c>
      <c r="C88" s="21" t="s">
        <v>262</v>
      </c>
      <c r="D88" s="21" t="s">
        <v>214</v>
      </c>
      <c r="E88" s="21" t="s">
        <v>689</v>
      </c>
      <c r="F88" s="21" t="s">
        <v>427</v>
      </c>
      <c r="G88" s="16">
        <v>17</v>
      </c>
      <c r="H88" s="16">
        <v>14</v>
      </c>
      <c r="I88" s="16">
        <v>12</v>
      </c>
      <c r="J88" s="16">
        <v>4</v>
      </c>
      <c r="K88" s="16">
        <v>2</v>
      </c>
      <c r="L88" s="22" t="s">
        <v>268</v>
      </c>
      <c r="M88" s="16">
        <v>3</v>
      </c>
      <c r="N88" s="22" t="s">
        <v>268</v>
      </c>
      <c r="O88" s="16">
        <v>2</v>
      </c>
      <c r="P88" s="16">
        <v>3</v>
      </c>
      <c r="Q88" s="16">
        <v>2</v>
      </c>
    </row>
    <row r="89" spans="1:17">
      <c r="A89" s="21" t="s">
        <v>232</v>
      </c>
      <c r="B89" s="21" t="s">
        <v>233</v>
      </c>
      <c r="C89" s="21" t="s">
        <v>262</v>
      </c>
      <c r="D89" s="21" t="s">
        <v>214</v>
      </c>
      <c r="E89" s="21" t="s">
        <v>689</v>
      </c>
      <c r="F89" s="21" t="s">
        <v>428</v>
      </c>
      <c r="G89" s="16">
        <v>9</v>
      </c>
      <c r="H89" s="16">
        <v>8</v>
      </c>
      <c r="I89" s="16">
        <v>7</v>
      </c>
      <c r="J89" s="16">
        <v>2</v>
      </c>
      <c r="K89" s="16">
        <v>1</v>
      </c>
      <c r="L89" s="22" t="s">
        <v>268</v>
      </c>
      <c r="M89" s="16">
        <v>1</v>
      </c>
      <c r="N89" s="22" t="s">
        <v>268</v>
      </c>
      <c r="O89" s="16">
        <v>1</v>
      </c>
      <c r="P89" s="16">
        <v>2</v>
      </c>
      <c r="Q89" s="16">
        <v>1</v>
      </c>
    </row>
    <row r="90" spans="1:17">
      <c r="A90" s="21" t="s">
        <v>232</v>
      </c>
      <c r="B90" s="21" t="s">
        <v>233</v>
      </c>
      <c r="C90" s="21" t="s">
        <v>262</v>
      </c>
      <c r="D90" s="21" t="s">
        <v>214</v>
      </c>
      <c r="E90" s="21" t="s">
        <v>689</v>
      </c>
      <c r="F90" s="21" t="s">
        <v>429</v>
      </c>
      <c r="G90" s="16">
        <v>1</v>
      </c>
      <c r="H90" s="22" t="s">
        <v>268</v>
      </c>
      <c r="I90" s="22" t="s">
        <v>268</v>
      </c>
      <c r="J90" s="22" t="s">
        <v>268</v>
      </c>
      <c r="K90" s="22" t="s">
        <v>268</v>
      </c>
      <c r="L90" s="22" t="s">
        <v>268</v>
      </c>
      <c r="M90" s="16">
        <v>1</v>
      </c>
      <c r="N90" s="22" t="s">
        <v>268</v>
      </c>
      <c r="O90" s="22" t="s">
        <v>268</v>
      </c>
      <c r="P90" s="22" t="s">
        <v>268</v>
      </c>
      <c r="Q90" s="16">
        <v>1</v>
      </c>
    </row>
    <row r="91" spans="1:17">
      <c r="A91" s="21" t="s">
        <v>232</v>
      </c>
      <c r="B91" s="21" t="s">
        <v>237</v>
      </c>
      <c r="C91" s="21" t="s">
        <v>264</v>
      </c>
      <c r="D91" s="21" t="s">
        <v>214</v>
      </c>
      <c r="E91" s="21" t="s">
        <v>214</v>
      </c>
      <c r="F91" s="21" t="s">
        <v>214</v>
      </c>
      <c r="G91" s="16">
        <v>716740</v>
      </c>
      <c r="H91" s="16">
        <v>467025</v>
      </c>
      <c r="I91" s="16">
        <v>396063</v>
      </c>
      <c r="J91" s="16">
        <v>149328</v>
      </c>
      <c r="K91" s="16">
        <v>70962</v>
      </c>
      <c r="L91" s="16">
        <v>5536</v>
      </c>
      <c r="M91" s="16">
        <v>242940</v>
      </c>
      <c r="N91" s="16">
        <v>1239</v>
      </c>
      <c r="O91" s="16">
        <v>43735</v>
      </c>
      <c r="P91" s="16">
        <v>94175</v>
      </c>
      <c r="Q91" s="16">
        <v>92410</v>
      </c>
    </row>
    <row r="92" spans="1:17">
      <c r="A92" s="21" t="s">
        <v>232</v>
      </c>
      <c r="B92" s="21" t="s">
        <v>237</v>
      </c>
      <c r="C92" s="21" t="s">
        <v>264</v>
      </c>
      <c r="D92" s="21" t="s">
        <v>214</v>
      </c>
      <c r="E92" s="21" t="s">
        <v>214</v>
      </c>
      <c r="F92" s="21" t="s">
        <v>424</v>
      </c>
      <c r="G92" s="16">
        <v>5</v>
      </c>
      <c r="H92" s="16">
        <v>1</v>
      </c>
      <c r="I92" s="22" t="s">
        <v>268</v>
      </c>
      <c r="J92" s="22" t="s">
        <v>268</v>
      </c>
      <c r="K92" s="16">
        <v>1</v>
      </c>
      <c r="L92" s="22" t="s">
        <v>268</v>
      </c>
      <c r="M92" s="16">
        <v>4</v>
      </c>
      <c r="N92" s="22" t="s">
        <v>268</v>
      </c>
      <c r="O92" s="22" t="s">
        <v>268</v>
      </c>
      <c r="P92" s="22" t="s">
        <v>268</v>
      </c>
      <c r="Q92" s="22" t="s">
        <v>268</v>
      </c>
    </row>
    <row r="93" spans="1:17">
      <c r="A93" s="21" t="s">
        <v>232</v>
      </c>
      <c r="B93" s="21" t="s">
        <v>237</v>
      </c>
      <c r="C93" s="21" t="s">
        <v>264</v>
      </c>
      <c r="D93" s="21" t="s">
        <v>214</v>
      </c>
      <c r="E93" s="21" t="s">
        <v>214</v>
      </c>
      <c r="F93" s="21" t="s">
        <v>425</v>
      </c>
      <c r="G93" s="16">
        <v>397383</v>
      </c>
      <c r="H93" s="16">
        <v>263785</v>
      </c>
      <c r="I93" s="16">
        <v>230733</v>
      </c>
      <c r="J93" s="16">
        <v>52568</v>
      </c>
      <c r="K93" s="16">
        <v>33052</v>
      </c>
      <c r="L93" s="16">
        <v>4137</v>
      </c>
      <c r="M93" s="16">
        <v>129461</v>
      </c>
      <c r="N93" s="22" t="s">
        <v>268</v>
      </c>
      <c r="O93" s="16">
        <v>21211</v>
      </c>
      <c r="P93" s="16">
        <v>123</v>
      </c>
      <c r="Q93" s="22" t="s">
        <v>268</v>
      </c>
    </row>
    <row r="94" spans="1:17">
      <c r="A94" s="21" t="s">
        <v>232</v>
      </c>
      <c r="B94" s="21" t="s">
        <v>237</v>
      </c>
      <c r="C94" s="21" t="s">
        <v>264</v>
      </c>
      <c r="D94" s="21" t="s">
        <v>214</v>
      </c>
      <c r="E94" s="21" t="s">
        <v>214</v>
      </c>
      <c r="F94" s="21" t="s">
        <v>426</v>
      </c>
      <c r="G94" s="16">
        <v>297048</v>
      </c>
      <c r="H94" s="16">
        <v>203239</v>
      </c>
      <c r="I94" s="16">
        <v>165330</v>
      </c>
      <c r="J94" s="16">
        <v>96760</v>
      </c>
      <c r="K94" s="16">
        <v>37909</v>
      </c>
      <c r="L94" s="16">
        <v>1399</v>
      </c>
      <c r="M94" s="16">
        <v>92410</v>
      </c>
      <c r="N94" s="22" t="s">
        <v>268</v>
      </c>
      <c r="O94" s="16">
        <v>22524</v>
      </c>
      <c r="P94" s="16">
        <v>94052</v>
      </c>
      <c r="Q94" s="16">
        <v>92410</v>
      </c>
    </row>
    <row r="95" spans="1:17">
      <c r="A95" s="21" t="s">
        <v>232</v>
      </c>
      <c r="B95" s="21" t="s">
        <v>237</v>
      </c>
      <c r="C95" s="21" t="s">
        <v>264</v>
      </c>
      <c r="D95" s="21" t="s">
        <v>214</v>
      </c>
      <c r="E95" s="21" t="s">
        <v>214</v>
      </c>
      <c r="F95" s="21" t="s">
        <v>720</v>
      </c>
      <c r="G95" s="16">
        <v>22304</v>
      </c>
      <c r="H95" s="22" t="s">
        <v>268</v>
      </c>
      <c r="I95" s="22" t="s">
        <v>268</v>
      </c>
      <c r="J95" s="22" t="s">
        <v>268</v>
      </c>
      <c r="K95" s="22" t="s">
        <v>268</v>
      </c>
      <c r="L95" s="22" t="s">
        <v>268</v>
      </c>
      <c r="M95" s="16">
        <v>21065</v>
      </c>
      <c r="N95" s="16">
        <v>1239</v>
      </c>
      <c r="O95" s="22" t="s">
        <v>268</v>
      </c>
      <c r="P95" s="22" t="s">
        <v>268</v>
      </c>
      <c r="Q95" s="22" t="s">
        <v>268</v>
      </c>
    </row>
    <row r="96" spans="1:17">
      <c r="A96" s="21" t="s">
        <v>232</v>
      </c>
      <c r="B96" s="21" t="s">
        <v>237</v>
      </c>
      <c r="C96" s="21" t="s">
        <v>264</v>
      </c>
      <c r="D96" s="21" t="s">
        <v>214</v>
      </c>
      <c r="E96" s="21" t="s">
        <v>214</v>
      </c>
      <c r="F96" s="21" t="s">
        <v>427</v>
      </c>
      <c r="G96" s="16">
        <v>359316</v>
      </c>
      <c r="H96" s="16">
        <v>248453</v>
      </c>
      <c r="I96" s="16">
        <v>200328</v>
      </c>
      <c r="J96" s="16">
        <v>113621</v>
      </c>
      <c r="K96" s="16">
        <v>48125</v>
      </c>
      <c r="L96" s="16">
        <v>1815</v>
      </c>
      <c r="M96" s="16">
        <v>109048</v>
      </c>
      <c r="N96" s="22" t="s">
        <v>268</v>
      </c>
      <c r="O96" s="16">
        <v>28198</v>
      </c>
      <c r="P96" s="16">
        <v>94175</v>
      </c>
      <c r="Q96" s="16">
        <v>92410</v>
      </c>
    </row>
    <row r="97" spans="1:17">
      <c r="A97" s="21" t="s">
        <v>232</v>
      </c>
      <c r="B97" s="21" t="s">
        <v>237</v>
      </c>
      <c r="C97" s="21" t="s">
        <v>264</v>
      </c>
      <c r="D97" s="21" t="s">
        <v>214</v>
      </c>
      <c r="E97" s="21" t="s">
        <v>214</v>
      </c>
      <c r="F97" s="21" t="s">
        <v>428</v>
      </c>
      <c r="G97" s="16">
        <v>148284</v>
      </c>
      <c r="H97" s="16">
        <v>95930</v>
      </c>
      <c r="I97" s="16">
        <v>78381</v>
      </c>
      <c r="J97" s="16">
        <v>44469</v>
      </c>
      <c r="K97" s="16">
        <v>17549</v>
      </c>
      <c r="L97" s="16">
        <v>550</v>
      </c>
      <c r="M97" s="16">
        <v>51804</v>
      </c>
      <c r="N97" s="22" t="s">
        <v>268</v>
      </c>
      <c r="O97" s="16">
        <v>10508</v>
      </c>
      <c r="P97" s="16">
        <v>44325</v>
      </c>
      <c r="Q97" s="16">
        <v>51804</v>
      </c>
    </row>
    <row r="98" spans="1:17">
      <c r="A98" s="21" t="s">
        <v>232</v>
      </c>
      <c r="B98" s="21" t="s">
        <v>237</v>
      </c>
      <c r="C98" s="21" t="s">
        <v>264</v>
      </c>
      <c r="D98" s="21" t="s">
        <v>214</v>
      </c>
      <c r="E98" s="21" t="s">
        <v>214</v>
      </c>
      <c r="F98" s="21" t="s">
        <v>429</v>
      </c>
      <c r="G98" s="16">
        <v>47834</v>
      </c>
      <c r="H98" s="16">
        <v>28176</v>
      </c>
      <c r="I98" s="16">
        <v>22016</v>
      </c>
      <c r="J98" s="16">
        <v>10568</v>
      </c>
      <c r="K98" s="16">
        <v>6160</v>
      </c>
      <c r="L98" s="16">
        <v>141</v>
      </c>
      <c r="M98" s="16">
        <v>19517</v>
      </c>
      <c r="N98" s="22" t="s">
        <v>268</v>
      </c>
      <c r="O98" s="16">
        <v>3211</v>
      </c>
      <c r="P98" s="16">
        <v>10565</v>
      </c>
      <c r="Q98" s="16">
        <v>19517</v>
      </c>
    </row>
    <row r="99" spans="1:17">
      <c r="A99" s="21" t="s">
        <v>232</v>
      </c>
      <c r="B99" s="21" t="s">
        <v>237</v>
      </c>
      <c r="C99" s="21" t="s">
        <v>264</v>
      </c>
      <c r="D99" s="21" t="s">
        <v>214</v>
      </c>
      <c r="E99" s="21" t="s">
        <v>681</v>
      </c>
      <c r="F99" s="21" t="s">
        <v>214</v>
      </c>
      <c r="G99" s="16">
        <v>706446</v>
      </c>
      <c r="H99" s="16">
        <v>464767</v>
      </c>
      <c r="I99" s="16">
        <v>393963</v>
      </c>
      <c r="J99" s="16">
        <v>148595</v>
      </c>
      <c r="K99" s="16">
        <v>70804</v>
      </c>
      <c r="L99" s="16">
        <v>5492</v>
      </c>
      <c r="M99" s="16">
        <v>234952</v>
      </c>
      <c r="N99" s="16">
        <v>1235</v>
      </c>
      <c r="O99" s="16">
        <v>43628</v>
      </c>
      <c r="P99" s="16">
        <v>93688</v>
      </c>
      <c r="Q99" s="16">
        <v>92025</v>
      </c>
    </row>
    <row r="100" spans="1:17">
      <c r="A100" s="21" t="s">
        <v>232</v>
      </c>
      <c r="B100" s="21" t="s">
        <v>237</v>
      </c>
      <c r="C100" s="21" t="s">
        <v>264</v>
      </c>
      <c r="D100" s="21" t="s">
        <v>214</v>
      </c>
      <c r="E100" s="21" t="s">
        <v>681</v>
      </c>
      <c r="F100" s="21" t="s">
        <v>424</v>
      </c>
      <c r="G100" s="16">
        <v>5</v>
      </c>
      <c r="H100" s="16">
        <v>1</v>
      </c>
      <c r="I100" s="22" t="s">
        <v>268</v>
      </c>
      <c r="J100" s="22" t="s">
        <v>268</v>
      </c>
      <c r="K100" s="16">
        <v>1</v>
      </c>
      <c r="L100" s="22" t="s">
        <v>268</v>
      </c>
      <c r="M100" s="16">
        <v>4</v>
      </c>
      <c r="N100" s="22" t="s">
        <v>268</v>
      </c>
      <c r="O100" s="22" t="s">
        <v>268</v>
      </c>
      <c r="P100" s="22" t="s">
        <v>268</v>
      </c>
      <c r="Q100" s="22" t="s">
        <v>268</v>
      </c>
    </row>
    <row r="101" spans="1:17">
      <c r="A101" s="21" t="s">
        <v>232</v>
      </c>
      <c r="B101" s="21" t="s">
        <v>237</v>
      </c>
      <c r="C101" s="21" t="s">
        <v>264</v>
      </c>
      <c r="D101" s="21" t="s">
        <v>214</v>
      </c>
      <c r="E101" s="21" t="s">
        <v>681</v>
      </c>
      <c r="F101" s="21" t="s">
        <v>425</v>
      </c>
      <c r="G101" s="16">
        <v>388460</v>
      </c>
      <c r="H101" s="16">
        <v>262187</v>
      </c>
      <c r="I101" s="16">
        <v>229239</v>
      </c>
      <c r="J101" s="16">
        <v>52328</v>
      </c>
      <c r="K101" s="16">
        <v>32948</v>
      </c>
      <c r="L101" s="16">
        <v>4102</v>
      </c>
      <c r="M101" s="16">
        <v>122171</v>
      </c>
      <c r="N101" s="22" t="s">
        <v>268</v>
      </c>
      <c r="O101" s="16">
        <v>21138</v>
      </c>
      <c r="P101" s="16">
        <v>123</v>
      </c>
      <c r="Q101" s="22" t="s">
        <v>268</v>
      </c>
    </row>
    <row r="102" spans="1:17">
      <c r="A102" s="21" t="s">
        <v>232</v>
      </c>
      <c r="B102" s="21" t="s">
        <v>237</v>
      </c>
      <c r="C102" s="21" t="s">
        <v>264</v>
      </c>
      <c r="D102" s="21" t="s">
        <v>214</v>
      </c>
      <c r="E102" s="21" t="s">
        <v>681</v>
      </c>
      <c r="F102" s="21" t="s">
        <v>426</v>
      </c>
      <c r="G102" s="16">
        <v>295994</v>
      </c>
      <c r="H102" s="16">
        <v>202579</v>
      </c>
      <c r="I102" s="16">
        <v>164724</v>
      </c>
      <c r="J102" s="16">
        <v>96267</v>
      </c>
      <c r="K102" s="16">
        <v>37855</v>
      </c>
      <c r="L102" s="16">
        <v>1390</v>
      </c>
      <c r="M102" s="16">
        <v>92025</v>
      </c>
      <c r="N102" s="22" t="s">
        <v>268</v>
      </c>
      <c r="O102" s="16">
        <v>22490</v>
      </c>
      <c r="P102" s="16">
        <v>93565</v>
      </c>
      <c r="Q102" s="16">
        <v>92025</v>
      </c>
    </row>
    <row r="103" spans="1:17">
      <c r="A103" s="21" t="s">
        <v>232</v>
      </c>
      <c r="B103" s="21" t="s">
        <v>237</v>
      </c>
      <c r="C103" s="21" t="s">
        <v>264</v>
      </c>
      <c r="D103" s="21" t="s">
        <v>214</v>
      </c>
      <c r="E103" s="21" t="s">
        <v>681</v>
      </c>
      <c r="F103" s="21" t="s">
        <v>720</v>
      </c>
      <c r="G103" s="16">
        <v>21987</v>
      </c>
      <c r="H103" s="22" t="s">
        <v>268</v>
      </c>
      <c r="I103" s="22" t="s">
        <v>268</v>
      </c>
      <c r="J103" s="22" t="s">
        <v>268</v>
      </c>
      <c r="K103" s="22" t="s">
        <v>268</v>
      </c>
      <c r="L103" s="22" t="s">
        <v>268</v>
      </c>
      <c r="M103" s="16">
        <v>20752</v>
      </c>
      <c r="N103" s="16">
        <v>1235</v>
      </c>
      <c r="O103" s="22" t="s">
        <v>268</v>
      </c>
      <c r="P103" s="22" t="s">
        <v>268</v>
      </c>
      <c r="Q103" s="22" t="s">
        <v>268</v>
      </c>
    </row>
    <row r="104" spans="1:17">
      <c r="A104" s="21" t="s">
        <v>232</v>
      </c>
      <c r="B104" s="21" t="s">
        <v>237</v>
      </c>
      <c r="C104" s="21" t="s">
        <v>264</v>
      </c>
      <c r="D104" s="21" t="s">
        <v>214</v>
      </c>
      <c r="E104" s="21" t="s">
        <v>681</v>
      </c>
      <c r="F104" s="21" t="s">
        <v>427</v>
      </c>
      <c r="G104" s="16">
        <v>357956</v>
      </c>
      <c r="H104" s="16">
        <v>247686</v>
      </c>
      <c r="I104" s="16">
        <v>199631</v>
      </c>
      <c r="J104" s="16">
        <v>113091</v>
      </c>
      <c r="K104" s="16">
        <v>48055</v>
      </c>
      <c r="L104" s="16">
        <v>1805</v>
      </c>
      <c r="M104" s="16">
        <v>108465</v>
      </c>
      <c r="N104" s="22" t="s">
        <v>268</v>
      </c>
      <c r="O104" s="16">
        <v>28154</v>
      </c>
      <c r="P104" s="16">
        <v>93688</v>
      </c>
      <c r="Q104" s="16">
        <v>92025</v>
      </c>
    </row>
    <row r="105" spans="1:17">
      <c r="A105" s="21" t="s">
        <v>232</v>
      </c>
      <c r="B105" s="21" t="s">
        <v>237</v>
      </c>
      <c r="C105" s="21" t="s">
        <v>264</v>
      </c>
      <c r="D105" s="21" t="s">
        <v>214</v>
      </c>
      <c r="E105" s="21" t="s">
        <v>681</v>
      </c>
      <c r="F105" s="21" t="s">
        <v>428</v>
      </c>
      <c r="G105" s="16">
        <v>147648</v>
      </c>
      <c r="H105" s="16">
        <v>95471</v>
      </c>
      <c r="I105" s="16">
        <v>77947</v>
      </c>
      <c r="J105" s="16">
        <v>44091</v>
      </c>
      <c r="K105" s="16">
        <v>17524</v>
      </c>
      <c r="L105" s="16">
        <v>544</v>
      </c>
      <c r="M105" s="16">
        <v>51633</v>
      </c>
      <c r="N105" s="22" t="s">
        <v>268</v>
      </c>
      <c r="O105" s="16">
        <v>10495</v>
      </c>
      <c r="P105" s="16">
        <v>43947</v>
      </c>
      <c r="Q105" s="16">
        <v>51633</v>
      </c>
    </row>
    <row r="106" spans="1:17">
      <c r="A106" s="21" t="s">
        <v>232</v>
      </c>
      <c r="B106" s="21" t="s">
        <v>237</v>
      </c>
      <c r="C106" s="21" t="s">
        <v>264</v>
      </c>
      <c r="D106" s="21" t="s">
        <v>214</v>
      </c>
      <c r="E106" s="21" t="s">
        <v>681</v>
      </c>
      <c r="F106" s="21" t="s">
        <v>429</v>
      </c>
      <c r="G106" s="16">
        <v>47456</v>
      </c>
      <c r="H106" s="16">
        <v>27868</v>
      </c>
      <c r="I106" s="16">
        <v>21719</v>
      </c>
      <c r="J106" s="16">
        <v>10298</v>
      </c>
      <c r="K106" s="16">
        <v>6149</v>
      </c>
      <c r="L106" s="16">
        <v>139</v>
      </c>
      <c r="M106" s="16">
        <v>19449</v>
      </c>
      <c r="N106" s="22" t="s">
        <v>268</v>
      </c>
      <c r="O106" s="16">
        <v>3207</v>
      </c>
      <c r="P106" s="16">
        <v>10295</v>
      </c>
      <c r="Q106" s="16">
        <v>19449</v>
      </c>
    </row>
    <row r="107" spans="1:17">
      <c r="A107" s="21" t="s">
        <v>232</v>
      </c>
      <c r="B107" s="21" t="s">
        <v>237</v>
      </c>
      <c r="C107" s="21" t="s">
        <v>264</v>
      </c>
      <c r="D107" s="21" t="s">
        <v>214</v>
      </c>
      <c r="E107" s="21" t="s">
        <v>682</v>
      </c>
      <c r="F107" s="21" t="s">
        <v>214</v>
      </c>
      <c r="G107" s="16">
        <v>698728</v>
      </c>
      <c r="H107" s="16">
        <v>461772</v>
      </c>
      <c r="I107" s="16">
        <v>391145</v>
      </c>
      <c r="J107" s="16">
        <v>147904</v>
      </c>
      <c r="K107" s="16">
        <v>70627</v>
      </c>
      <c r="L107" s="16">
        <v>5453</v>
      </c>
      <c r="M107" s="16">
        <v>230269</v>
      </c>
      <c r="N107" s="16">
        <v>1234</v>
      </c>
      <c r="O107" s="16">
        <v>43531</v>
      </c>
      <c r="P107" s="16">
        <v>93367</v>
      </c>
      <c r="Q107" s="16">
        <v>91054</v>
      </c>
    </row>
    <row r="108" spans="1:17">
      <c r="A108" s="21" t="s">
        <v>232</v>
      </c>
      <c r="B108" s="21" t="s">
        <v>237</v>
      </c>
      <c r="C108" s="21" t="s">
        <v>264</v>
      </c>
      <c r="D108" s="21" t="s">
        <v>214</v>
      </c>
      <c r="E108" s="21" t="s">
        <v>682</v>
      </c>
      <c r="F108" s="21" t="s">
        <v>424</v>
      </c>
      <c r="G108" s="16">
        <v>1</v>
      </c>
      <c r="H108" s="22" t="s">
        <v>268</v>
      </c>
      <c r="I108" s="22" t="s">
        <v>268</v>
      </c>
      <c r="J108" s="22" t="s">
        <v>268</v>
      </c>
      <c r="K108" s="22" t="s">
        <v>268</v>
      </c>
      <c r="L108" s="22" t="s">
        <v>268</v>
      </c>
      <c r="M108" s="16">
        <v>1</v>
      </c>
      <c r="N108" s="22" t="s">
        <v>268</v>
      </c>
      <c r="O108" s="22" t="s">
        <v>268</v>
      </c>
      <c r="P108" s="22" t="s">
        <v>268</v>
      </c>
      <c r="Q108" s="22" t="s">
        <v>268</v>
      </c>
    </row>
    <row r="109" spans="1:17">
      <c r="A109" s="21" t="s">
        <v>232</v>
      </c>
      <c r="B109" s="21" t="s">
        <v>237</v>
      </c>
      <c r="C109" s="21" t="s">
        <v>264</v>
      </c>
      <c r="D109" s="21" t="s">
        <v>214</v>
      </c>
      <c r="E109" s="21" t="s">
        <v>682</v>
      </c>
      <c r="F109" s="21" t="s">
        <v>425</v>
      </c>
      <c r="G109" s="16">
        <v>382355</v>
      </c>
      <c r="H109" s="16">
        <v>259738</v>
      </c>
      <c r="I109" s="16">
        <v>226922</v>
      </c>
      <c r="J109" s="16">
        <v>51971</v>
      </c>
      <c r="K109" s="16">
        <v>32816</v>
      </c>
      <c r="L109" s="16">
        <v>4073</v>
      </c>
      <c r="M109" s="16">
        <v>118544</v>
      </c>
      <c r="N109" s="22" t="s">
        <v>268</v>
      </c>
      <c r="O109" s="16">
        <v>21062</v>
      </c>
      <c r="P109" s="16">
        <v>123</v>
      </c>
      <c r="Q109" s="22" t="s">
        <v>268</v>
      </c>
    </row>
    <row r="110" spans="1:17">
      <c r="A110" s="21" t="s">
        <v>232</v>
      </c>
      <c r="B110" s="21" t="s">
        <v>237</v>
      </c>
      <c r="C110" s="21" t="s">
        <v>264</v>
      </c>
      <c r="D110" s="21" t="s">
        <v>214</v>
      </c>
      <c r="E110" s="21" t="s">
        <v>682</v>
      </c>
      <c r="F110" s="21" t="s">
        <v>426</v>
      </c>
      <c r="G110" s="16">
        <v>294468</v>
      </c>
      <c r="H110" s="16">
        <v>202034</v>
      </c>
      <c r="I110" s="16">
        <v>164223</v>
      </c>
      <c r="J110" s="16">
        <v>95933</v>
      </c>
      <c r="K110" s="16">
        <v>37811</v>
      </c>
      <c r="L110" s="16">
        <v>1380</v>
      </c>
      <c r="M110" s="16">
        <v>91054</v>
      </c>
      <c r="N110" s="22" t="s">
        <v>268</v>
      </c>
      <c r="O110" s="16">
        <v>22469</v>
      </c>
      <c r="P110" s="16">
        <v>93244</v>
      </c>
      <c r="Q110" s="16">
        <v>91054</v>
      </c>
    </row>
    <row r="111" spans="1:17">
      <c r="A111" s="21" t="s">
        <v>232</v>
      </c>
      <c r="B111" s="21" t="s">
        <v>237</v>
      </c>
      <c r="C111" s="21" t="s">
        <v>264</v>
      </c>
      <c r="D111" s="21" t="s">
        <v>214</v>
      </c>
      <c r="E111" s="21" t="s">
        <v>682</v>
      </c>
      <c r="F111" s="21" t="s">
        <v>720</v>
      </c>
      <c r="G111" s="16">
        <v>21904</v>
      </c>
      <c r="H111" s="22" t="s">
        <v>268</v>
      </c>
      <c r="I111" s="22" t="s">
        <v>268</v>
      </c>
      <c r="J111" s="22" t="s">
        <v>268</v>
      </c>
      <c r="K111" s="22" t="s">
        <v>268</v>
      </c>
      <c r="L111" s="22" t="s">
        <v>268</v>
      </c>
      <c r="M111" s="16">
        <v>20670</v>
      </c>
      <c r="N111" s="16">
        <v>1234</v>
      </c>
      <c r="O111" s="22" t="s">
        <v>268</v>
      </c>
      <c r="P111" s="22" t="s">
        <v>268</v>
      </c>
      <c r="Q111" s="22" t="s">
        <v>268</v>
      </c>
    </row>
    <row r="112" spans="1:17">
      <c r="A112" s="21" t="s">
        <v>232</v>
      </c>
      <c r="B112" s="21" t="s">
        <v>237</v>
      </c>
      <c r="C112" s="21" t="s">
        <v>264</v>
      </c>
      <c r="D112" s="21" t="s">
        <v>214</v>
      </c>
      <c r="E112" s="21" t="s">
        <v>682</v>
      </c>
      <c r="F112" s="21" t="s">
        <v>427</v>
      </c>
      <c r="G112" s="16">
        <v>356020</v>
      </c>
      <c r="H112" s="16">
        <v>246973</v>
      </c>
      <c r="I112" s="16">
        <v>198982</v>
      </c>
      <c r="J112" s="16">
        <v>112690</v>
      </c>
      <c r="K112" s="16">
        <v>47991</v>
      </c>
      <c r="L112" s="16">
        <v>1789</v>
      </c>
      <c r="M112" s="16">
        <v>107258</v>
      </c>
      <c r="N112" s="22" t="s">
        <v>268</v>
      </c>
      <c r="O112" s="16">
        <v>28122</v>
      </c>
      <c r="P112" s="16">
        <v>93367</v>
      </c>
      <c r="Q112" s="16">
        <v>91054</v>
      </c>
    </row>
    <row r="113" spans="1:17">
      <c r="A113" s="21" t="s">
        <v>232</v>
      </c>
      <c r="B113" s="21" t="s">
        <v>237</v>
      </c>
      <c r="C113" s="21" t="s">
        <v>264</v>
      </c>
      <c r="D113" s="21" t="s">
        <v>214</v>
      </c>
      <c r="E113" s="21" t="s">
        <v>682</v>
      </c>
      <c r="F113" s="21" t="s">
        <v>428</v>
      </c>
      <c r="G113" s="16">
        <v>146901</v>
      </c>
      <c r="H113" s="16">
        <v>95226</v>
      </c>
      <c r="I113" s="16">
        <v>77720</v>
      </c>
      <c r="J113" s="16">
        <v>43935</v>
      </c>
      <c r="K113" s="16">
        <v>17506</v>
      </c>
      <c r="L113" s="16">
        <v>542</v>
      </c>
      <c r="M113" s="16">
        <v>51133</v>
      </c>
      <c r="N113" s="22" t="s">
        <v>268</v>
      </c>
      <c r="O113" s="16">
        <v>10487</v>
      </c>
      <c r="P113" s="16">
        <v>43791</v>
      </c>
      <c r="Q113" s="16">
        <v>51133</v>
      </c>
    </row>
    <row r="114" spans="1:17">
      <c r="A114" s="21" t="s">
        <v>232</v>
      </c>
      <c r="B114" s="21" t="s">
        <v>237</v>
      </c>
      <c r="C114" s="21" t="s">
        <v>264</v>
      </c>
      <c r="D114" s="21" t="s">
        <v>214</v>
      </c>
      <c r="E114" s="21" t="s">
        <v>682</v>
      </c>
      <c r="F114" s="21" t="s">
        <v>429</v>
      </c>
      <c r="G114" s="16">
        <v>47163</v>
      </c>
      <c r="H114" s="16">
        <v>27797</v>
      </c>
      <c r="I114" s="16">
        <v>21655</v>
      </c>
      <c r="J114" s="16">
        <v>10250</v>
      </c>
      <c r="K114" s="16">
        <v>6142</v>
      </c>
      <c r="L114" s="16">
        <v>139</v>
      </c>
      <c r="M114" s="16">
        <v>19227</v>
      </c>
      <c r="N114" s="22" t="s">
        <v>268</v>
      </c>
      <c r="O114" s="16">
        <v>3205</v>
      </c>
      <c r="P114" s="16">
        <v>10247</v>
      </c>
      <c r="Q114" s="16">
        <v>19227</v>
      </c>
    </row>
    <row r="115" spans="1:17">
      <c r="A115" s="21" t="s">
        <v>232</v>
      </c>
      <c r="B115" s="21" t="s">
        <v>237</v>
      </c>
      <c r="C115" s="21" t="s">
        <v>264</v>
      </c>
      <c r="D115" s="21" t="s">
        <v>214</v>
      </c>
      <c r="E115" s="21" t="s">
        <v>683</v>
      </c>
      <c r="F115" s="21" t="s">
        <v>214</v>
      </c>
      <c r="G115" s="16">
        <v>445753</v>
      </c>
      <c r="H115" s="16">
        <v>351723</v>
      </c>
      <c r="I115" s="16">
        <v>286997</v>
      </c>
      <c r="J115" s="16">
        <v>116716</v>
      </c>
      <c r="K115" s="16">
        <v>64726</v>
      </c>
      <c r="L115" s="16">
        <v>2102</v>
      </c>
      <c r="M115" s="16">
        <v>91371</v>
      </c>
      <c r="N115" s="16">
        <v>557</v>
      </c>
      <c r="O115" s="16">
        <v>40707</v>
      </c>
      <c r="P115" s="16">
        <v>83581</v>
      </c>
      <c r="Q115" s="16">
        <v>63650</v>
      </c>
    </row>
    <row r="116" spans="1:17">
      <c r="A116" s="21" t="s">
        <v>232</v>
      </c>
      <c r="B116" s="21" t="s">
        <v>237</v>
      </c>
      <c r="C116" s="21" t="s">
        <v>264</v>
      </c>
      <c r="D116" s="21" t="s">
        <v>214</v>
      </c>
      <c r="E116" s="21" t="s">
        <v>683</v>
      </c>
      <c r="F116" s="21" t="s">
        <v>424</v>
      </c>
      <c r="G116" s="22" t="s">
        <v>268</v>
      </c>
      <c r="H116" s="22" t="s">
        <v>268</v>
      </c>
      <c r="I116" s="22" t="s">
        <v>268</v>
      </c>
      <c r="J116" s="22" t="s">
        <v>268</v>
      </c>
      <c r="K116" s="22" t="s">
        <v>268</v>
      </c>
      <c r="L116" s="22" t="s">
        <v>268</v>
      </c>
      <c r="M116" s="22" t="s">
        <v>268</v>
      </c>
      <c r="N116" s="22" t="s">
        <v>268</v>
      </c>
      <c r="O116" s="22" t="s">
        <v>268</v>
      </c>
      <c r="P116" s="22" t="s">
        <v>268</v>
      </c>
      <c r="Q116" s="22" t="s">
        <v>268</v>
      </c>
    </row>
    <row r="117" spans="1:17">
      <c r="A117" s="21" t="s">
        <v>232</v>
      </c>
      <c r="B117" s="21" t="s">
        <v>237</v>
      </c>
      <c r="C117" s="21" t="s">
        <v>264</v>
      </c>
      <c r="D117" s="21" t="s">
        <v>214</v>
      </c>
      <c r="E117" s="21" t="s">
        <v>683</v>
      </c>
      <c r="F117" s="21" t="s">
        <v>425</v>
      </c>
      <c r="G117" s="16">
        <v>196681</v>
      </c>
      <c r="H117" s="16">
        <v>170376</v>
      </c>
      <c r="I117" s="16">
        <v>141601</v>
      </c>
      <c r="J117" s="16">
        <v>31138</v>
      </c>
      <c r="K117" s="16">
        <v>28775</v>
      </c>
      <c r="L117" s="16">
        <v>1105</v>
      </c>
      <c r="M117" s="16">
        <v>25200</v>
      </c>
      <c r="N117" s="22" t="s">
        <v>268</v>
      </c>
      <c r="O117" s="16">
        <v>19084</v>
      </c>
      <c r="P117" s="16">
        <v>86</v>
      </c>
      <c r="Q117" s="22" t="s">
        <v>268</v>
      </c>
    </row>
    <row r="118" spans="1:17">
      <c r="A118" s="21" t="s">
        <v>232</v>
      </c>
      <c r="B118" s="21" t="s">
        <v>237</v>
      </c>
      <c r="C118" s="21" t="s">
        <v>264</v>
      </c>
      <c r="D118" s="21" t="s">
        <v>214</v>
      </c>
      <c r="E118" s="21" t="s">
        <v>683</v>
      </c>
      <c r="F118" s="21" t="s">
        <v>426</v>
      </c>
      <c r="G118" s="16">
        <v>245994</v>
      </c>
      <c r="H118" s="16">
        <v>181347</v>
      </c>
      <c r="I118" s="16">
        <v>145396</v>
      </c>
      <c r="J118" s="16">
        <v>85578</v>
      </c>
      <c r="K118" s="16">
        <v>35951</v>
      </c>
      <c r="L118" s="16">
        <v>997</v>
      </c>
      <c r="M118" s="16">
        <v>63650</v>
      </c>
      <c r="N118" s="22" t="s">
        <v>268</v>
      </c>
      <c r="O118" s="16">
        <v>21623</v>
      </c>
      <c r="P118" s="16">
        <v>83495</v>
      </c>
      <c r="Q118" s="16">
        <v>63650</v>
      </c>
    </row>
    <row r="119" spans="1:17">
      <c r="A119" s="21" t="s">
        <v>232</v>
      </c>
      <c r="B119" s="21" t="s">
        <v>237</v>
      </c>
      <c r="C119" s="21" t="s">
        <v>264</v>
      </c>
      <c r="D119" s="21" t="s">
        <v>214</v>
      </c>
      <c r="E119" s="21" t="s">
        <v>683</v>
      </c>
      <c r="F119" s="21" t="s">
        <v>720</v>
      </c>
      <c r="G119" s="16">
        <v>3078</v>
      </c>
      <c r="H119" s="22" t="s">
        <v>268</v>
      </c>
      <c r="I119" s="22" t="s">
        <v>268</v>
      </c>
      <c r="J119" s="22" t="s">
        <v>268</v>
      </c>
      <c r="K119" s="22" t="s">
        <v>268</v>
      </c>
      <c r="L119" s="22" t="s">
        <v>268</v>
      </c>
      <c r="M119" s="16">
        <v>2521</v>
      </c>
      <c r="N119" s="16">
        <v>557</v>
      </c>
      <c r="O119" s="22" t="s">
        <v>268</v>
      </c>
      <c r="P119" s="22" t="s">
        <v>268</v>
      </c>
      <c r="Q119" s="22" t="s">
        <v>268</v>
      </c>
    </row>
    <row r="120" spans="1:17">
      <c r="A120" s="21" t="s">
        <v>232</v>
      </c>
      <c r="B120" s="21" t="s">
        <v>237</v>
      </c>
      <c r="C120" s="21" t="s">
        <v>264</v>
      </c>
      <c r="D120" s="21" t="s">
        <v>214</v>
      </c>
      <c r="E120" s="21" t="s">
        <v>683</v>
      </c>
      <c r="F120" s="21" t="s">
        <v>427</v>
      </c>
      <c r="G120" s="16">
        <v>292599</v>
      </c>
      <c r="H120" s="16">
        <v>219238</v>
      </c>
      <c r="I120" s="16">
        <v>173723</v>
      </c>
      <c r="J120" s="16">
        <v>99425</v>
      </c>
      <c r="K120" s="16">
        <v>45515</v>
      </c>
      <c r="L120" s="16">
        <v>1254</v>
      </c>
      <c r="M120" s="16">
        <v>72107</v>
      </c>
      <c r="N120" s="22" t="s">
        <v>268</v>
      </c>
      <c r="O120" s="16">
        <v>26938</v>
      </c>
      <c r="P120" s="16">
        <v>83581</v>
      </c>
      <c r="Q120" s="16">
        <v>63650</v>
      </c>
    </row>
    <row r="121" spans="1:17">
      <c r="A121" s="21" t="s">
        <v>232</v>
      </c>
      <c r="B121" s="21" t="s">
        <v>237</v>
      </c>
      <c r="C121" s="21" t="s">
        <v>264</v>
      </c>
      <c r="D121" s="21" t="s">
        <v>214</v>
      </c>
      <c r="E121" s="21" t="s">
        <v>683</v>
      </c>
      <c r="F121" s="21" t="s">
        <v>428</v>
      </c>
      <c r="G121" s="16">
        <v>126689</v>
      </c>
      <c r="H121" s="16">
        <v>87064</v>
      </c>
      <c r="I121" s="16">
        <v>70290</v>
      </c>
      <c r="J121" s="16">
        <v>39830</v>
      </c>
      <c r="K121" s="16">
        <v>16774</v>
      </c>
      <c r="L121" s="16">
        <v>419</v>
      </c>
      <c r="M121" s="16">
        <v>39206</v>
      </c>
      <c r="N121" s="22" t="s">
        <v>268</v>
      </c>
      <c r="O121" s="16">
        <v>10169</v>
      </c>
      <c r="P121" s="16">
        <v>39741</v>
      </c>
      <c r="Q121" s="16">
        <v>39206</v>
      </c>
    </row>
    <row r="122" spans="1:17">
      <c r="A122" s="21" t="s">
        <v>232</v>
      </c>
      <c r="B122" s="21" t="s">
        <v>237</v>
      </c>
      <c r="C122" s="21" t="s">
        <v>264</v>
      </c>
      <c r="D122" s="21" t="s">
        <v>214</v>
      </c>
      <c r="E122" s="21" t="s">
        <v>683</v>
      </c>
      <c r="F122" s="21" t="s">
        <v>429</v>
      </c>
      <c r="G122" s="16">
        <v>41932</v>
      </c>
      <c r="H122" s="16">
        <v>25840</v>
      </c>
      <c r="I122" s="16">
        <v>19883</v>
      </c>
      <c r="J122" s="16">
        <v>9438</v>
      </c>
      <c r="K122" s="16">
        <v>5957</v>
      </c>
      <c r="L122" s="16">
        <v>116</v>
      </c>
      <c r="M122" s="16">
        <v>15976</v>
      </c>
      <c r="N122" s="22" t="s">
        <v>268</v>
      </c>
      <c r="O122" s="16">
        <v>3124</v>
      </c>
      <c r="P122" s="16">
        <v>9436</v>
      </c>
      <c r="Q122" s="16">
        <v>15976</v>
      </c>
    </row>
    <row r="123" spans="1:17">
      <c r="A123" s="21" t="s">
        <v>232</v>
      </c>
      <c r="B123" s="21" t="s">
        <v>237</v>
      </c>
      <c r="C123" s="21" t="s">
        <v>264</v>
      </c>
      <c r="D123" s="21" t="s">
        <v>214</v>
      </c>
      <c r="E123" s="21" t="s">
        <v>684</v>
      </c>
      <c r="F123" s="21" t="s">
        <v>214</v>
      </c>
      <c r="G123" s="16">
        <v>38359</v>
      </c>
      <c r="H123" s="16">
        <v>21768</v>
      </c>
      <c r="I123" s="16">
        <v>20336</v>
      </c>
      <c r="J123" s="16">
        <v>6367</v>
      </c>
      <c r="K123" s="16">
        <v>1432</v>
      </c>
      <c r="L123" s="16">
        <v>145</v>
      </c>
      <c r="M123" s="16">
        <v>16369</v>
      </c>
      <c r="N123" s="16">
        <v>77</v>
      </c>
      <c r="O123" s="16">
        <v>729</v>
      </c>
      <c r="P123" s="16">
        <v>4393</v>
      </c>
      <c r="Q123" s="16">
        <v>11123</v>
      </c>
    </row>
    <row r="124" spans="1:17">
      <c r="A124" s="21" t="s">
        <v>232</v>
      </c>
      <c r="B124" s="21" t="s">
        <v>237</v>
      </c>
      <c r="C124" s="21" t="s">
        <v>264</v>
      </c>
      <c r="D124" s="21" t="s">
        <v>214</v>
      </c>
      <c r="E124" s="21" t="s">
        <v>684</v>
      </c>
      <c r="F124" s="21" t="s">
        <v>424</v>
      </c>
      <c r="G124" s="22" t="s">
        <v>268</v>
      </c>
      <c r="H124" s="22" t="s">
        <v>268</v>
      </c>
      <c r="I124" s="22" t="s">
        <v>268</v>
      </c>
      <c r="J124" s="22" t="s">
        <v>268</v>
      </c>
      <c r="K124" s="22" t="s">
        <v>268</v>
      </c>
      <c r="L124" s="22" t="s">
        <v>268</v>
      </c>
      <c r="M124" s="22" t="s">
        <v>268</v>
      </c>
      <c r="N124" s="22" t="s">
        <v>268</v>
      </c>
      <c r="O124" s="22" t="s">
        <v>268</v>
      </c>
      <c r="P124" s="22" t="s">
        <v>268</v>
      </c>
      <c r="Q124" s="22" t="s">
        <v>268</v>
      </c>
    </row>
    <row r="125" spans="1:17">
      <c r="A125" s="21" t="s">
        <v>232</v>
      </c>
      <c r="B125" s="21" t="s">
        <v>237</v>
      </c>
      <c r="C125" s="21" t="s">
        <v>264</v>
      </c>
      <c r="D125" s="21" t="s">
        <v>214</v>
      </c>
      <c r="E125" s="21" t="s">
        <v>684</v>
      </c>
      <c r="F125" s="21" t="s">
        <v>425</v>
      </c>
      <c r="G125" s="16">
        <v>17907</v>
      </c>
      <c r="H125" s="16">
        <v>12795</v>
      </c>
      <c r="I125" s="16">
        <v>12095</v>
      </c>
      <c r="J125" s="16">
        <v>1824</v>
      </c>
      <c r="K125" s="16">
        <v>700</v>
      </c>
      <c r="L125" s="16">
        <v>65</v>
      </c>
      <c r="M125" s="16">
        <v>5047</v>
      </c>
      <c r="N125" s="22" t="s">
        <v>268</v>
      </c>
      <c r="O125" s="16">
        <v>415</v>
      </c>
      <c r="P125" s="16">
        <v>18</v>
      </c>
      <c r="Q125" s="22" t="s">
        <v>268</v>
      </c>
    </row>
    <row r="126" spans="1:17">
      <c r="A126" s="21" t="s">
        <v>232</v>
      </c>
      <c r="B126" s="21" t="s">
        <v>237</v>
      </c>
      <c r="C126" s="21" t="s">
        <v>264</v>
      </c>
      <c r="D126" s="21" t="s">
        <v>214</v>
      </c>
      <c r="E126" s="21" t="s">
        <v>684</v>
      </c>
      <c r="F126" s="21" t="s">
        <v>426</v>
      </c>
      <c r="G126" s="16">
        <v>20176</v>
      </c>
      <c r="H126" s="16">
        <v>8973</v>
      </c>
      <c r="I126" s="16">
        <v>8241</v>
      </c>
      <c r="J126" s="16">
        <v>4543</v>
      </c>
      <c r="K126" s="16">
        <v>732</v>
      </c>
      <c r="L126" s="16">
        <v>80</v>
      </c>
      <c r="M126" s="16">
        <v>11123</v>
      </c>
      <c r="N126" s="22" t="s">
        <v>268</v>
      </c>
      <c r="O126" s="16">
        <v>314</v>
      </c>
      <c r="P126" s="16">
        <v>4375</v>
      </c>
      <c r="Q126" s="16">
        <v>11123</v>
      </c>
    </row>
    <row r="127" spans="1:17">
      <c r="A127" s="21" t="s">
        <v>232</v>
      </c>
      <c r="B127" s="21" t="s">
        <v>237</v>
      </c>
      <c r="C127" s="21" t="s">
        <v>264</v>
      </c>
      <c r="D127" s="21" t="s">
        <v>214</v>
      </c>
      <c r="E127" s="21" t="s">
        <v>684</v>
      </c>
      <c r="F127" s="21" t="s">
        <v>720</v>
      </c>
      <c r="G127" s="16">
        <v>276</v>
      </c>
      <c r="H127" s="22" t="s">
        <v>268</v>
      </c>
      <c r="I127" s="22" t="s">
        <v>268</v>
      </c>
      <c r="J127" s="22" t="s">
        <v>268</v>
      </c>
      <c r="K127" s="22" t="s">
        <v>268</v>
      </c>
      <c r="L127" s="22" t="s">
        <v>268</v>
      </c>
      <c r="M127" s="16">
        <v>199</v>
      </c>
      <c r="N127" s="16">
        <v>77</v>
      </c>
      <c r="O127" s="22" t="s">
        <v>268</v>
      </c>
      <c r="P127" s="22" t="s">
        <v>268</v>
      </c>
      <c r="Q127" s="22" t="s">
        <v>268</v>
      </c>
    </row>
    <row r="128" spans="1:17">
      <c r="A128" s="21" t="s">
        <v>232</v>
      </c>
      <c r="B128" s="21" t="s">
        <v>237</v>
      </c>
      <c r="C128" s="21" t="s">
        <v>264</v>
      </c>
      <c r="D128" s="21" t="s">
        <v>214</v>
      </c>
      <c r="E128" s="21" t="s">
        <v>684</v>
      </c>
      <c r="F128" s="21" t="s">
        <v>427</v>
      </c>
      <c r="G128" s="16">
        <v>23793</v>
      </c>
      <c r="H128" s="16">
        <v>10898</v>
      </c>
      <c r="I128" s="16">
        <v>9983</v>
      </c>
      <c r="J128" s="16">
        <v>5291</v>
      </c>
      <c r="K128" s="16">
        <v>915</v>
      </c>
      <c r="L128" s="16">
        <v>95</v>
      </c>
      <c r="M128" s="16">
        <v>12800</v>
      </c>
      <c r="N128" s="22" t="s">
        <v>268</v>
      </c>
      <c r="O128" s="16">
        <v>421</v>
      </c>
      <c r="P128" s="16">
        <v>4393</v>
      </c>
      <c r="Q128" s="16">
        <v>11123</v>
      </c>
    </row>
    <row r="129" spans="1:17">
      <c r="A129" s="21" t="s">
        <v>232</v>
      </c>
      <c r="B129" s="21" t="s">
        <v>237</v>
      </c>
      <c r="C129" s="21" t="s">
        <v>264</v>
      </c>
      <c r="D129" s="21" t="s">
        <v>214</v>
      </c>
      <c r="E129" s="21" t="s">
        <v>684</v>
      </c>
      <c r="F129" s="21" t="s">
        <v>428</v>
      </c>
      <c r="G129" s="16">
        <v>9482</v>
      </c>
      <c r="H129" s="16">
        <v>3955</v>
      </c>
      <c r="I129" s="16">
        <v>3647</v>
      </c>
      <c r="J129" s="16">
        <v>2036</v>
      </c>
      <c r="K129" s="16">
        <v>308</v>
      </c>
      <c r="L129" s="16">
        <v>24</v>
      </c>
      <c r="M129" s="16">
        <v>5503</v>
      </c>
      <c r="N129" s="22" t="s">
        <v>268</v>
      </c>
      <c r="O129" s="16">
        <v>119</v>
      </c>
      <c r="P129" s="16">
        <v>2018</v>
      </c>
      <c r="Q129" s="16">
        <v>5503</v>
      </c>
    </row>
    <row r="130" spans="1:17">
      <c r="A130" s="21" t="s">
        <v>232</v>
      </c>
      <c r="B130" s="21" t="s">
        <v>237</v>
      </c>
      <c r="C130" s="21" t="s">
        <v>264</v>
      </c>
      <c r="D130" s="21" t="s">
        <v>214</v>
      </c>
      <c r="E130" s="21" t="s">
        <v>684</v>
      </c>
      <c r="F130" s="21" t="s">
        <v>429</v>
      </c>
      <c r="G130" s="16">
        <v>2427</v>
      </c>
      <c r="H130" s="16">
        <v>959</v>
      </c>
      <c r="I130" s="16">
        <v>884</v>
      </c>
      <c r="J130" s="16">
        <v>398</v>
      </c>
      <c r="K130" s="16">
        <v>75</v>
      </c>
      <c r="L130" s="16">
        <v>6</v>
      </c>
      <c r="M130" s="16">
        <v>1462</v>
      </c>
      <c r="N130" s="22" t="s">
        <v>268</v>
      </c>
      <c r="O130" s="16">
        <v>28</v>
      </c>
      <c r="P130" s="16">
        <v>398</v>
      </c>
      <c r="Q130" s="16">
        <v>1462</v>
      </c>
    </row>
    <row r="131" spans="1:17">
      <c r="A131" s="21" t="s">
        <v>232</v>
      </c>
      <c r="B131" s="21" t="s">
        <v>237</v>
      </c>
      <c r="C131" s="21" t="s">
        <v>264</v>
      </c>
      <c r="D131" s="21" t="s">
        <v>214</v>
      </c>
      <c r="E131" s="21" t="s">
        <v>685</v>
      </c>
      <c r="F131" s="21" t="s">
        <v>214</v>
      </c>
      <c r="G131" s="16">
        <v>197019</v>
      </c>
      <c r="H131" s="16">
        <v>81492</v>
      </c>
      <c r="I131" s="16">
        <v>77206</v>
      </c>
      <c r="J131" s="16">
        <v>22874</v>
      </c>
      <c r="K131" s="16">
        <v>4286</v>
      </c>
      <c r="L131" s="16">
        <v>3120</v>
      </c>
      <c r="M131" s="16">
        <v>111820</v>
      </c>
      <c r="N131" s="16">
        <v>587</v>
      </c>
      <c r="O131" s="16">
        <v>1987</v>
      </c>
      <c r="P131" s="16">
        <v>5179</v>
      </c>
      <c r="Q131" s="16">
        <v>16021</v>
      </c>
    </row>
    <row r="132" spans="1:17">
      <c r="A132" s="21" t="s">
        <v>232</v>
      </c>
      <c r="B132" s="21" t="s">
        <v>237</v>
      </c>
      <c r="C132" s="21" t="s">
        <v>264</v>
      </c>
      <c r="D132" s="21" t="s">
        <v>214</v>
      </c>
      <c r="E132" s="21" t="s">
        <v>685</v>
      </c>
      <c r="F132" s="21" t="s">
        <v>424</v>
      </c>
      <c r="G132" s="16">
        <v>1</v>
      </c>
      <c r="H132" s="22" t="s">
        <v>268</v>
      </c>
      <c r="I132" s="22" t="s">
        <v>268</v>
      </c>
      <c r="J132" s="22" t="s">
        <v>268</v>
      </c>
      <c r="K132" s="22" t="s">
        <v>268</v>
      </c>
      <c r="L132" s="22" t="s">
        <v>268</v>
      </c>
      <c r="M132" s="16">
        <v>1</v>
      </c>
      <c r="N132" s="22" t="s">
        <v>268</v>
      </c>
      <c r="O132" s="22" t="s">
        <v>268</v>
      </c>
      <c r="P132" s="22" t="s">
        <v>268</v>
      </c>
      <c r="Q132" s="22" t="s">
        <v>268</v>
      </c>
    </row>
    <row r="133" spans="1:17">
      <c r="A133" s="21" t="s">
        <v>232</v>
      </c>
      <c r="B133" s="21" t="s">
        <v>237</v>
      </c>
      <c r="C133" s="21" t="s">
        <v>264</v>
      </c>
      <c r="D133" s="21" t="s">
        <v>214</v>
      </c>
      <c r="E133" s="21" t="s">
        <v>685</v>
      </c>
      <c r="F133" s="21" t="s">
        <v>425</v>
      </c>
      <c r="G133" s="16">
        <v>151263</v>
      </c>
      <c r="H133" s="16">
        <v>70165</v>
      </c>
      <c r="I133" s="16">
        <v>66963</v>
      </c>
      <c r="J133" s="16">
        <v>17298</v>
      </c>
      <c r="K133" s="16">
        <v>3202</v>
      </c>
      <c r="L133" s="16">
        <v>2824</v>
      </c>
      <c r="M133" s="16">
        <v>78274</v>
      </c>
      <c r="N133" s="22" t="s">
        <v>268</v>
      </c>
      <c r="O133" s="16">
        <v>1484</v>
      </c>
      <c r="P133" s="16">
        <v>18</v>
      </c>
      <c r="Q133" s="22" t="s">
        <v>268</v>
      </c>
    </row>
    <row r="134" spans="1:17">
      <c r="A134" s="21" t="s">
        <v>232</v>
      </c>
      <c r="B134" s="21" t="s">
        <v>237</v>
      </c>
      <c r="C134" s="21" t="s">
        <v>264</v>
      </c>
      <c r="D134" s="21" t="s">
        <v>214</v>
      </c>
      <c r="E134" s="21" t="s">
        <v>685</v>
      </c>
      <c r="F134" s="21" t="s">
        <v>426</v>
      </c>
      <c r="G134" s="16">
        <v>27644</v>
      </c>
      <c r="H134" s="16">
        <v>11327</v>
      </c>
      <c r="I134" s="16">
        <v>10243</v>
      </c>
      <c r="J134" s="16">
        <v>5576</v>
      </c>
      <c r="K134" s="16">
        <v>1084</v>
      </c>
      <c r="L134" s="16">
        <v>296</v>
      </c>
      <c r="M134" s="16">
        <v>16021</v>
      </c>
      <c r="N134" s="22" t="s">
        <v>268</v>
      </c>
      <c r="O134" s="16">
        <v>503</v>
      </c>
      <c r="P134" s="16">
        <v>5161</v>
      </c>
      <c r="Q134" s="16">
        <v>16021</v>
      </c>
    </row>
    <row r="135" spans="1:17">
      <c r="A135" s="21" t="s">
        <v>232</v>
      </c>
      <c r="B135" s="21" t="s">
        <v>237</v>
      </c>
      <c r="C135" s="21" t="s">
        <v>264</v>
      </c>
      <c r="D135" s="21" t="s">
        <v>214</v>
      </c>
      <c r="E135" s="21" t="s">
        <v>685</v>
      </c>
      <c r="F135" s="21" t="s">
        <v>720</v>
      </c>
      <c r="G135" s="16">
        <v>18111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22" t="s">
        <v>268</v>
      </c>
      <c r="M135" s="16">
        <v>17524</v>
      </c>
      <c r="N135" s="16">
        <v>587</v>
      </c>
      <c r="O135" s="22" t="s">
        <v>268</v>
      </c>
      <c r="P135" s="22" t="s">
        <v>268</v>
      </c>
      <c r="Q135" s="22" t="s">
        <v>268</v>
      </c>
    </row>
    <row r="136" spans="1:17">
      <c r="A136" s="21" t="s">
        <v>232</v>
      </c>
      <c r="B136" s="21" t="s">
        <v>237</v>
      </c>
      <c r="C136" s="21" t="s">
        <v>264</v>
      </c>
      <c r="D136" s="21" t="s">
        <v>214</v>
      </c>
      <c r="E136" s="21" t="s">
        <v>685</v>
      </c>
      <c r="F136" s="21" t="s">
        <v>427</v>
      </c>
      <c r="G136" s="16">
        <v>38295</v>
      </c>
      <c r="H136" s="16">
        <v>16142</v>
      </c>
      <c r="I136" s="16">
        <v>14652</v>
      </c>
      <c r="J136" s="16">
        <v>7561</v>
      </c>
      <c r="K136" s="16">
        <v>1490</v>
      </c>
      <c r="L136" s="16">
        <v>432</v>
      </c>
      <c r="M136" s="16">
        <v>21721</v>
      </c>
      <c r="N136" s="22" t="s">
        <v>268</v>
      </c>
      <c r="O136" s="16">
        <v>721</v>
      </c>
      <c r="P136" s="16">
        <v>5179</v>
      </c>
      <c r="Q136" s="16">
        <v>16021</v>
      </c>
    </row>
    <row r="137" spans="1:17">
      <c r="A137" s="21" t="s">
        <v>232</v>
      </c>
      <c r="B137" s="21" t="s">
        <v>237</v>
      </c>
      <c r="C137" s="21" t="s">
        <v>264</v>
      </c>
      <c r="D137" s="21" t="s">
        <v>214</v>
      </c>
      <c r="E137" s="21" t="s">
        <v>685</v>
      </c>
      <c r="F137" s="21" t="s">
        <v>428</v>
      </c>
      <c r="G137" s="16">
        <v>10552</v>
      </c>
      <c r="H137" s="16">
        <v>4088</v>
      </c>
      <c r="I137" s="16">
        <v>3683</v>
      </c>
      <c r="J137" s="16">
        <v>2001</v>
      </c>
      <c r="K137" s="16">
        <v>405</v>
      </c>
      <c r="L137" s="16">
        <v>97</v>
      </c>
      <c r="M137" s="16">
        <v>6367</v>
      </c>
      <c r="N137" s="22" t="s">
        <v>268</v>
      </c>
      <c r="O137" s="16">
        <v>185</v>
      </c>
      <c r="P137" s="16">
        <v>1965</v>
      </c>
      <c r="Q137" s="16">
        <v>6367</v>
      </c>
    </row>
    <row r="138" spans="1:17">
      <c r="A138" s="21" t="s">
        <v>232</v>
      </c>
      <c r="B138" s="21" t="s">
        <v>237</v>
      </c>
      <c r="C138" s="21" t="s">
        <v>264</v>
      </c>
      <c r="D138" s="21" t="s">
        <v>214</v>
      </c>
      <c r="E138" s="21" t="s">
        <v>685</v>
      </c>
      <c r="F138" s="21" t="s">
        <v>429</v>
      </c>
      <c r="G138" s="16">
        <v>2767</v>
      </c>
      <c r="H138" s="16">
        <v>969</v>
      </c>
      <c r="I138" s="16">
        <v>865</v>
      </c>
      <c r="J138" s="16">
        <v>401</v>
      </c>
      <c r="K138" s="16">
        <v>104</v>
      </c>
      <c r="L138" s="16">
        <v>17</v>
      </c>
      <c r="M138" s="16">
        <v>1781</v>
      </c>
      <c r="N138" s="22" t="s">
        <v>268</v>
      </c>
      <c r="O138" s="16">
        <v>49</v>
      </c>
      <c r="P138" s="16">
        <v>400</v>
      </c>
      <c r="Q138" s="16">
        <v>1781</v>
      </c>
    </row>
    <row r="139" spans="1:17">
      <c r="A139" s="21" t="s">
        <v>232</v>
      </c>
      <c r="B139" s="21" t="s">
        <v>237</v>
      </c>
      <c r="C139" s="21" t="s">
        <v>264</v>
      </c>
      <c r="D139" s="21" t="s">
        <v>214</v>
      </c>
      <c r="E139" s="21" t="s">
        <v>686</v>
      </c>
      <c r="F139" s="21" t="s">
        <v>214</v>
      </c>
      <c r="G139" s="16">
        <v>17597</v>
      </c>
      <c r="H139" s="16">
        <v>6789</v>
      </c>
      <c r="I139" s="16">
        <v>6606</v>
      </c>
      <c r="J139" s="16">
        <v>1947</v>
      </c>
      <c r="K139" s="16">
        <v>183</v>
      </c>
      <c r="L139" s="16">
        <v>86</v>
      </c>
      <c r="M139" s="16">
        <v>10709</v>
      </c>
      <c r="N139" s="16">
        <v>13</v>
      </c>
      <c r="O139" s="16">
        <v>108</v>
      </c>
      <c r="P139" s="16">
        <v>214</v>
      </c>
      <c r="Q139" s="16">
        <v>260</v>
      </c>
    </row>
    <row r="140" spans="1:17">
      <c r="A140" s="21" t="s">
        <v>232</v>
      </c>
      <c r="B140" s="21" t="s">
        <v>237</v>
      </c>
      <c r="C140" s="21" t="s">
        <v>264</v>
      </c>
      <c r="D140" s="21" t="s">
        <v>214</v>
      </c>
      <c r="E140" s="21" t="s">
        <v>686</v>
      </c>
      <c r="F140" s="21" t="s">
        <v>424</v>
      </c>
      <c r="G140" s="22" t="s">
        <v>268</v>
      </c>
      <c r="H140" s="22" t="s">
        <v>268</v>
      </c>
      <c r="I140" s="22" t="s">
        <v>268</v>
      </c>
      <c r="J140" s="22" t="s">
        <v>268</v>
      </c>
      <c r="K140" s="22" t="s">
        <v>268</v>
      </c>
      <c r="L140" s="22" t="s">
        <v>268</v>
      </c>
      <c r="M140" s="22" t="s">
        <v>268</v>
      </c>
      <c r="N140" s="22" t="s">
        <v>268</v>
      </c>
      <c r="O140" s="22" t="s">
        <v>268</v>
      </c>
      <c r="P140" s="22" t="s">
        <v>268</v>
      </c>
      <c r="Q140" s="22" t="s">
        <v>268</v>
      </c>
    </row>
    <row r="141" spans="1:17">
      <c r="A141" s="21" t="s">
        <v>232</v>
      </c>
      <c r="B141" s="21" t="s">
        <v>237</v>
      </c>
      <c r="C141" s="21" t="s">
        <v>264</v>
      </c>
      <c r="D141" s="21" t="s">
        <v>214</v>
      </c>
      <c r="E141" s="21" t="s">
        <v>686</v>
      </c>
      <c r="F141" s="21" t="s">
        <v>425</v>
      </c>
      <c r="G141" s="16">
        <v>16504</v>
      </c>
      <c r="H141" s="16">
        <v>6402</v>
      </c>
      <c r="I141" s="16">
        <v>6263</v>
      </c>
      <c r="J141" s="16">
        <v>1711</v>
      </c>
      <c r="K141" s="16">
        <v>139</v>
      </c>
      <c r="L141" s="16">
        <v>79</v>
      </c>
      <c r="M141" s="16">
        <v>10023</v>
      </c>
      <c r="N141" s="22" t="s">
        <v>268</v>
      </c>
      <c r="O141" s="16">
        <v>79</v>
      </c>
      <c r="P141" s="16">
        <v>1</v>
      </c>
      <c r="Q141" s="22" t="s">
        <v>268</v>
      </c>
    </row>
    <row r="142" spans="1:17">
      <c r="A142" s="21" t="s">
        <v>232</v>
      </c>
      <c r="B142" s="21" t="s">
        <v>237</v>
      </c>
      <c r="C142" s="21" t="s">
        <v>264</v>
      </c>
      <c r="D142" s="21" t="s">
        <v>214</v>
      </c>
      <c r="E142" s="21" t="s">
        <v>686</v>
      </c>
      <c r="F142" s="21" t="s">
        <v>426</v>
      </c>
      <c r="G142" s="16">
        <v>654</v>
      </c>
      <c r="H142" s="16">
        <v>387</v>
      </c>
      <c r="I142" s="16">
        <v>343</v>
      </c>
      <c r="J142" s="16">
        <v>236</v>
      </c>
      <c r="K142" s="16">
        <v>44</v>
      </c>
      <c r="L142" s="16">
        <v>7</v>
      </c>
      <c r="M142" s="16">
        <v>260</v>
      </c>
      <c r="N142" s="22" t="s">
        <v>268</v>
      </c>
      <c r="O142" s="16">
        <v>29</v>
      </c>
      <c r="P142" s="16">
        <v>213</v>
      </c>
      <c r="Q142" s="16">
        <v>260</v>
      </c>
    </row>
    <row r="143" spans="1:17">
      <c r="A143" s="21" t="s">
        <v>232</v>
      </c>
      <c r="B143" s="21" t="s">
        <v>237</v>
      </c>
      <c r="C143" s="21" t="s">
        <v>264</v>
      </c>
      <c r="D143" s="21" t="s">
        <v>214</v>
      </c>
      <c r="E143" s="21" t="s">
        <v>686</v>
      </c>
      <c r="F143" s="21" t="s">
        <v>720</v>
      </c>
      <c r="G143" s="16">
        <v>439</v>
      </c>
      <c r="H143" s="22" t="s">
        <v>268</v>
      </c>
      <c r="I143" s="22" t="s">
        <v>268</v>
      </c>
      <c r="J143" s="22" t="s">
        <v>268</v>
      </c>
      <c r="K143" s="22" t="s">
        <v>268</v>
      </c>
      <c r="L143" s="22" t="s">
        <v>268</v>
      </c>
      <c r="M143" s="16">
        <v>426</v>
      </c>
      <c r="N143" s="16">
        <v>13</v>
      </c>
      <c r="O143" s="22" t="s">
        <v>268</v>
      </c>
      <c r="P143" s="22" t="s">
        <v>268</v>
      </c>
      <c r="Q143" s="22" t="s">
        <v>268</v>
      </c>
    </row>
    <row r="144" spans="1:17">
      <c r="A144" s="21" t="s">
        <v>232</v>
      </c>
      <c r="B144" s="21" t="s">
        <v>237</v>
      </c>
      <c r="C144" s="21" t="s">
        <v>264</v>
      </c>
      <c r="D144" s="21" t="s">
        <v>214</v>
      </c>
      <c r="E144" s="21" t="s">
        <v>686</v>
      </c>
      <c r="F144" s="21" t="s">
        <v>427</v>
      </c>
      <c r="G144" s="16">
        <v>1333</v>
      </c>
      <c r="H144" s="16">
        <v>695</v>
      </c>
      <c r="I144" s="16">
        <v>624</v>
      </c>
      <c r="J144" s="16">
        <v>413</v>
      </c>
      <c r="K144" s="16">
        <v>71</v>
      </c>
      <c r="L144" s="16">
        <v>8</v>
      </c>
      <c r="M144" s="16">
        <v>630</v>
      </c>
      <c r="N144" s="22" t="s">
        <v>268</v>
      </c>
      <c r="O144" s="16">
        <v>42</v>
      </c>
      <c r="P144" s="16">
        <v>214</v>
      </c>
      <c r="Q144" s="16">
        <v>260</v>
      </c>
    </row>
    <row r="145" spans="1:17">
      <c r="A145" s="21" t="s">
        <v>232</v>
      </c>
      <c r="B145" s="21" t="s">
        <v>237</v>
      </c>
      <c r="C145" s="21" t="s">
        <v>264</v>
      </c>
      <c r="D145" s="21" t="s">
        <v>214</v>
      </c>
      <c r="E145" s="21" t="s">
        <v>686</v>
      </c>
      <c r="F145" s="21" t="s">
        <v>428</v>
      </c>
      <c r="G145" s="16">
        <v>178</v>
      </c>
      <c r="H145" s="16">
        <v>119</v>
      </c>
      <c r="I145" s="16">
        <v>100</v>
      </c>
      <c r="J145" s="16">
        <v>68</v>
      </c>
      <c r="K145" s="16">
        <v>19</v>
      </c>
      <c r="L145" s="16">
        <v>2</v>
      </c>
      <c r="M145" s="16">
        <v>57</v>
      </c>
      <c r="N145" s="22" t="s">
        <v>268</v>
      </c>
      <c r="O145" s="16">
        <v>14</v>
      </c>
      <c r="P145" s="16">
        <v>67</v>
      </c>
      <c r="Q145" s="16">
        <v>57</v>
      </c>
    </row>
    <row r="146" spans="1:17">
      <c r="A146" s="21" t="s">
        <v>232</v>
      </c>
      <c r="B146" s="21" t="s">
        <v>237</v>
      </c>
      <c r="C146" s="21" t="s">
        <v>264</v>
      </c>
      <c r="D146" s="21" t="s">
        <v>214</v>
      </c>
      <c r="E146" s="21" t="s">
        <v>686</v>
      </c>
      <c r="F146" s="21" t="s">
        <v>429</v>
      </c>
      <c r="G146" s="16">
        <v>37</v>
      </c>
      <c r="H146" s="16">
        <v>29</v>
      </c>
      <c r="I146" s="16">
        <v>23</v>
      </c>
      <c r="J146" s="16">
        <v>13</v>
      </c>
      <c r="K146" s="16">
        <v>6</v>
      </c>
      <c r="L146" s="22" t="s">
        <v>268</v>
      </c>
      <c r="M146" s="16">
        <v>8</v>
      </c>
      <c r="N146" s="22" t="s">
        <v>268</v>
      </c>
      <c r="O146" s="16">
        <v>4</v>
      </c>
      <c r="P146" s="16">
        <v>13</v>
      </c>
      <c r="Q146" s="16">
        <v>8</v>
      </c>
    </row>
    <row r="147" spans="1:17">
      <c r="A147" s="21" t="s">
        <v>232</v>
      </c>
      <c r="B147" s="21" t="s">
        <v>237</v>
      </c>
      <c r="C147" s="21" t="s">
        <v>264</v>
      </c>
      <c r="D147" s="21" t="s">
        <v>214</v>
      </c>
      <c r="E147" s="21" t="s">
        <v>687</v>
      </c>
      <c r="F147" s="21" t="s">
        <v>214</v>
      </c>
      <c r="G147" s="16">
        <v>7718</v>
      </c>
      <c r="H147" s="16">
        <v>2995</v>
      </c>
      <c r="I147" s="16">
        <v>2818</v>
      </c>
      <c r="J147" s="16">
        <v>691</v>
      </c>
      <c r="K147" s="16">
        <v>177</v>
      </c>
      <c r="L147" s="16">
        <v>39</v>
      </c>
      <c r="M147" s="16">
        <v>4683</v>
      </c>
      <c r="N147" s="16">
        <v>1</v>
      </c>
      <c r="O147" s="16">
        <v>97</v>
      </c>
      <c r="P147" s="16">
        <v>321</v>
      </c>
      <c r="Q147" s="16">
        <v>971</v>
      </c>
    </row>
    <row r="148" spans="1:17">
      <c r="A148" s="21" t="s">
        <v>232</v>
      </c>
      <c r="B148" s="21" t="s">
        <v>237</v>
      </c>
      <c r="C148" s="21" t="s">
        <v>264</v>
      </c>
      <c r="D148" s="21" t="s">
        <v>214</v>
      </c>
      <c r="E148" s="21" t="s">
        <v>687</v>
      </c>
      <c r="F148" s="21" t="s">
        <v>424</v>
      </c>
      <c r="G148" s="16">
        <v>4</v>
      </c>
      <c r="H148" s="16">
        <v>1</v>
      </c>
      <c r="I148" s="22" t="s">
        <v>268</v>
      </c>
      <c r="J148" s="22" t="s">
        <v>268</v>
      </c>
      <c r="K148" s="16">
        <v>1</v>
      </c>
      <c r="L148" s="22" t="s">
        <v>268</v>
      </c>
      <c r="M148" s="16">
        <v>3</v>
      </c>
      <c r="N148" s="22" t="s">
        <v>268</v>
      </c>
      <c r="O148" s="22" t="s">
        <v>268</v>
      </c>
      <c r="P148" s="22" t="s">
        <v>268</v>
      </c>
      <c r="Q148" s="22" t="s">
        <v>268</v>
      </c>
    </row>
    <row r="149" spans="1:17">
      <c r="A149" s="21" t="s">
        <v>232</v>
      </c>
      <c r="B149" s="21" t="s">
        <v>237</v>
      </c>
      <c r="C149" s="21" t="s">
        <v>264</v>
      </c>
      <c r="D149" s="21" t="s">
        <v>214</v>
      </c>
      <c r="E149" s="21" t="s">
        <v>687</v>
      </c>
      <c r="F149" s="21" t="s">
        <v>425</v>
      </c>
      <c r="G149" s="16">
        <v>6105</v>
      </c>
      <c r="H149" s="16">
        <v>2449</v>
      </c>
      <c r="I149" s="16">
        <v>2317</v>
      </c>
      <c r="J149" s="16">
        <v>357</v>
      </c>
      <c r="K149" s="16">
        <v>132</v>
      </c>
      <c r="L149" s="16">
        <v>29</v>
      </c>
      <c r="M149" s="16">
        <v>3627</v>
      </c>
      <c r="N149" s="22" t="s">
        <v>268</v>
      </c>
      <c r="O149" s="16">
        <v>76</v>
      </c>
      <c r="P149" s="22" t="s">
        <v>268</v>
      </c>
      <c r="Q149" s="22" t="s">
        <v>268</v>
      </c>
    </row>
    <row r="150" spans="1:17">
      <c r="A150" s="21" t="s">
        <v>232</v>
      </c>
      <c r="B150" s="21" t="s">
        <v>237</v>
      </c>
      <c r="C150" s="21" t="s">
        <v>264</v>
      </c>
      <c r="D150" s="21" t="s">
        <v>214</v>
      </c>
      <c r="E150" s="21" t="s">
        <v>687</v>
      </c>
      <c r="F150" s="21" t="s">
        <v>426</v>
      </c>
      <c r="G150" s="16">
        <v>1526</v>
      </c>
      <c r="H150" s="16">
        <v>545</v>
      </c>
      <c r="I150" s="16">
        <v>501</v>
      </c>
      <c r="J150" s="16">
        <v>334</v>
      </c>
      <c r="K150" s="16">
        <v>44</v>
      </c>
      <c r="L150" s="16">
        <v>10</v>
      </c>
      <c r="M150" s="16">
        <v>971</v>
      </c>
      <c r="N150" s="22" t="s">
        <v>268</v>
      </c>
      <c r="O150" s="16">
        <v>21</v>
      </c>
      <c r="P150" s="16">
        <v>321</v>
      </c>
      <c r="Q150" s="16">
        <v>971</v>
      </c>
    </row>
    <row r="151" spans="1:17">
      <c r="A151" s="21" t="s">
        <v>232</v>
      </c>
      <c r="B151" s="21" t="s">
        <v>237</v>
      </c>
      <c r="C151" s="21" t="s">
        <v>264</v>
      </c>
      <c r="D151" s="21" t="s">
        <v>214</v>
      </c>
      <c r="E151" s="21" t="s">
        <v>687</v>
      </c>
      <c r="F151" s="21" t="s">
        <v>720</v>
      </c>
      <c r="G151" s="16">
        <v>83</v>
      </c>
      <c r="H151" s="22" t="s">
        <v>268</v>
      </c>
      <c r="I151" s="22" t="s">
        <v>268</v>
      </c>
      <c r="J151" s="22" t="s">
        <v>268</v>
      </c>
      <c r="K151" s="22" t="s">
        <v>268</v>
      </c>
      <c r="L151" s="22" t="s">
        <v>268</v>
      </c>
      <c r="M151" s="16">
        <v>82</v>
      </c>
      <c r="N151" s="16">
        <v>1</v>
      </c>
      <c r="O151" s="22" t="s">
        <v>268</v>
      </c>
      <c r="P151" s="22" t="s">
        <v>268</v>
      </c>
      <c r="Q151" s="22" t="s">
        <v>268</v>
      </c>
    </row>
    <row r="152" spans="1:17">
      <c r="A152" s="21" t="s">
        <v>232</v>
      </c>
      <c r="B152" s="21" t="s">
        <v>237</v>
      </c>
      <c r="C152" s="21" t="s">
        <v>264</v>
      </c>
      <c r="D152" s="21" t="s">
        <v>214</v>
      </c>
      <c r="E152" s="21" t="s">
        <v>687</v>
      </c>
      <c r="F152" s="21" t="s">
        <v>427</v>
      </c>
      <c r="G152" s="16">
        <v>1936</v>
      </c>
      <c r="H152" s="16">
        <v>713</v>
      </c>
      <c r="I152" s="16">
        <v>649</v>
      </c>
      <c r="J152" s="16">
        <v>401</v>
      </c>
      <c r="K152" s="16">
        <v>64</v>
      </c>
      <c r="L152" s="16">
        <v>16</v>
      </c>
      <c r="M152" s="16">
        <v>1207</v>
      </c>
      <c r="N152" s="22" t="s">
        <v>268</v>
      </c>
      <c r="O152" s="16">
        <v>32</v>
      </c>
      <c r="P152" s="16">
        <v>321</v>
      </c>
      <c r="Q152" s="16">
        <v>971</v>
      </c>
    </row>
    <row r="153" spans="1:17">
      <c r="A153" s="21" t="s">
        <v>232</v>
      </c>
      <c r="B153" s="21" t="s">
        <v>237</v>
      </c>
      <c r="C153" s="21" t="s">
        <v>264</v>
      </c>
      <c r="D153" s="21" t="s">
        <v>214</v>
      </c>
      <c r="E153" s="21" t="s">
        <v>687</v>
      </c>
      <c r="F153" s="21" t="s">
        <v>428</v>
      </c>
      <c r="G153" s="16">
        <v>747</v>
      </c>
      <c r="H153" s="16">
        <v>245</v>
      </c>
      <c r="I153" s="16">
        <v>227</v>
      </c>
      <c r="J153" s="16">
        <v>156</v>
      </c>
      <c r="K153" s="16">
        <v>18</v>
      </c>
      <c r="L153" s="16">
        <v>2</v>
      </c>
      <c r="M153" s="16">
        <v>500</v>
      </c>
      <c r="N153" s="22" t="s">
        <v>268</v>
      </c>
      <c r="O153" s="16">
        <v>8</v>
      </c>
      <c r="P153" s="16">
        <v>156</v>
      </c>
      <c r="Q153" s="16">
        <v>500</v>
      </c>
    </row>
    <row r="154" spans="1:17">
      <c r="A154" s="21" t="s">
        <v>232</v>
      </c>
      <c r="B154" s="21" t="s">
        <v>237</v>
      </c>
      <c r="C154" s="21" t="s">
        <v>264</v>
      </c>
      <c r="D154" s="21" t="s">
        <v>214</v>
      </c>
      <c r="E154" s="21" t="s">
        <v>687</v>
      </c>
      <c r="F154" s="21" t="s">
        <v>429</v>
      </c>
      <c r="G154" s="16">
        <v>293</v>
      </c>
      <c r="H154" s="16">
        <v>71</v>
      </c>
      <c r="I154" s="16">
        <v>64</v>
      </c>
      <c r="J154" s="16">
        <v>48</v>
      </c>
      <c r="K154" s="16">
        <v>7</v>
      </c>
      <c r="L154" s="22" t="s">
        <v>268</v>
      </c>
      <c r="M154" s="16">
        <v>222</v>
      </c>
      <c r="N154" s="22" t="s">
        <v>268</v>
      </c>
      <c r="O154" s="16">
        <v>2</v>
      </c>
      <c r="P154" s="16">
        <v>48</v>
      </c>
      <c r="Q154" s="16">
        <v>222</v>
      </c>
    </row>
    <row r="155" spans="1:17">
      <c r="A155" s="21" t="s">
        <v>232</v>
      </c>
      <c r="B155" s="21" t="s">
        <v>237</v>
      </c>
      <c r="C155" s="21" t="s">
        <v>264</v>
      </c>
      <c r="D155" s="21" t="s">
        <v>214</v>
      </c>
      <c r="E155" s="21" t="s">
        <v>688</v>
      </c>
      <c r="F155" s="21" t="s">
        <v>214</v>
      </c>
      <c r="G155" s="16">
        <v>10294</v>
      </c>
      <c r="H155" s="16">
        <v>2258</v>
      </c>
      <c r="I155" s="16">
        <v>2100</v>
      </c>
      <c r="J155" s="16">
        <v>733</v>
      </c>
      <c r="K155" s="16">
        <v>158</v>
      </c>
      <c r="L155" s="16">
        <v>44</v>
      </c>
      <c r="M155" s="16">
        <v>7988</v>
      </c>
      <c r="N155" s="16">
        <v>4</v>
      </c>
      <c r="O155" s="16">
        <v>107</v>
      </c>
      <c r="P155" s="16">
        <v>487</v>
      </c>
      <c r="Q155" s="16">
        <v>385</v>
      </c>
    </row>
    <row r="156" spans="1:17">
      <c r="A156" s="21" t="s">
        <v>232</v>
      </c>
      <c r="B156" s="21" t="s">
        <v>237</v>
      </c>
      <c r="C156" s="21" t="s">
        <v>264</v>
      </c>
      <c r="D156" s="21" t="s">
        <v>214</v>
      </c>
      <c r="E156" s="21" t="s">
        <v>688</v>
      </c>
      <c r="F156" s="21" t="s">
        <v>424</v>
      </c>
      <c r="G156" s="22" t="s">
        <v>268</v>
      </c>
      <c r="H156" s="22" t="s">
        <v>268</v>
      </c>
      <c r="I156" s="22" t="s">
        <v>268</v>
      </c>
      <c r="J156" s="22" t="s">
        <v>268</v>
      </c>
      <c r="K156" s="22" t="s">
        <v>268</v>
      </c>
      <c r="L156" s="22" t="s">
        <v>268</v>
      </c>
      <c r="M156" s="22" t="s">
        <v>268</v>
      </c>
      <c r="N156" s="22" t="s">
        <v>268</v>
      </c>
      <c r="O156" s="22" t="s">
        <v>268</v>
      </c>
      <c r="P156" s="22" t="s">
        <v>268</v>
      </c>
      <c r="Q156" s="22" t="s">
        <v>268</v>
      </c>
    </row>
    <row r="157" spans="1:17">
      <c r="A157" s="21" t="s">
        <v>232</v>
      </c>
      <c r="B157" s="21" t="s">
        <v>237</v>
      </c>
      <c r="C157" s="21" t="s">
        <v>264</v>
      </c>
      <c r="D157" s="21" t="s">
        <v>214</v>
      </c>
      <c r="E157" s="21" t="s">
        <v>688</v>
      </c>
      <c r="F157" s="21" t="s">
        <v>425</v>
      </c>
      <c r="G157" s="16">
        <v>8923</v>
      </c>
      <c r="H157" s="16">
        <v>1598</v>
      </c>
      <c r="I157" s="16">
        <v>1494</v>
      </c>
      <c r="J157" s="16">
        <v>240</v>
      </c>
      <c r="K157" s="16">
        <v>104</v>
      </c>
      <c r="L157" s="16">
        <v>35</v>
      </c>
      <c r="M157" s="16">
        <v>7290</v>
      </c>
      <c r="N157" s="22" t="s">
        <v>268</v>
      </c>
      <c r="O157" s="16">
        <v>73</v>
      </c>
      <c r="P157" s="22" t="s">
        <v>268</v>
      </c>
      <c r="Q157" s="22" t="s">
        <v>268</v>
      </c>
    </row>
    <row r="158" spans="1:17">
      <c r="A158" s="21" t="s">
        <v>232</v>
      </c>
      <c r="B158" s="21" t="s">
        <v>237</v>
      </c>
      <c r="C158" s="21" t="s">
        <v>264</v>
      </c>
      <c r="D158" s="21" t="s">
        <v>214</v>
      </c>
      <c r="E158" s="21" t="s">
        <v>688</v>
      </c>
      <c r="F158" s="21" t="s">
        <v>426</v>
      </c>
      <c r="G158" s="16">
        <v>1054</v>
      </c>
      <c r="H158" s="16">
        <v>660</v>
      </c>
      <c r="I158" s="16">
        <v>606</v>
      </c>
      <c r="J158" s="16">
        <v>493</v>
      </c>
      <c r="K158" s="16">
        <v>54</v>
      </c>
      <c r="L158" s="16">
        <v>9</v>
      </c>
      <c r="M158" s="16">
        <v>385</v>
      </c>
      <c r="N158" s="22" t="s">
        <v>268</v>
      </c>
      <c r="O158" s="16">
        <v>34</v>
      </c>
      <c r="P158" s="16">
        <v>487</v>
      </c>
      <c r="Q158" s="16">
        <v>385</v>
      </c>
    </row>
    <row r="159" spans="1:17">
      <c r="A159" s="21" t="s">
        <v>232</v>
      </c>
      <c r="B159" s="21" t="s">
        <v>237</v>
      </c>
      <c r="C159" s="21" t="s">
        <v>264</v>
      </c>
      <c r="D159" s="21" t="s">
        <v>214</v>
      </c>
      <c r="E159" s="21" t="s">
        <v>688</v>
      </c>
      <c r="F159" s="21" t="s">
        <v>720</v>
      </c>
      <c r="G159" s="16">
        <v>317</v>
      </c>
      <c r="H159" s="22" t="s">
        <v>268</v>
      </c>
      <c r="I159" s="22" t="s">
        <v>268</v>
      </c>
      <c r="J159" s="22" t="s">
        <v>268</v>
      </c>
      <c r="K159" s="22" t="s">
        <v>268</v>
      </c>
      <c r="L159" s="22" t="s">
        <v>268</v>
      </c>
      <c r="M159" s="16">
        <v>313</v>
      </c>
      <c r="N159" s="16">
        <v>4</v>
      </c>
      <c r="O159" s="22" t="s">
        <v>268</v>
      </c>
      <c r="P159" s="22" t="s">
        <v>268</v>
      </c>
      <c r="Q159" s="22" t="s">
        <v>268</v>
      </c>
    </row>
    <row r="160" spans="1:17">
      <c r="A160" s="21" t="s">
        <v>232</v>
      </c>
      <c r="B160" s="21" t="s">
        <v>237</v>
      </c>
      <c r="C160" s="21" t="s">
        <v>264</v>
      </c>
      <c r="D160" s="21" t="s">
        <v>214</v>
      </c>
      <c r="E160" s="21" t="s">
        <v>688</v>
      </c>
      <c r="F160" s="21" t="s">
        <v>427</v>
      </c>
      <c r="G160" s="16">
        <v>1360</v>
      </c>
      <c r="H160" s="16">
        <v>767</v>
      </c>
      <c r="I160" s="16">
        <v>697</v>
      </c>
      <c r="J160" s="16">
        <v>530</v>
      </c>
      <c r="K160" s="16">
        <v>70</v>
      </c>
      <c r="L160" s="16">
        <v>10</v>
      </c>
      <c r="M160" s="16">
        <v>583</v>
      </c>
      <c r="N160" s="22" t="s">
        <v>268</v>
      </c>
      <c r="O160" s="16">
        <v>44</v>
      </c>
      <c r="P160" s="16">
        <v>487</v>
      </c>
      <c r="Q160" s="16">
        <v>385</v>
      </c>
    </row>
    <row r="161" spans="1:17">
      <c r="A161" s="21" t="s">
        <v>232</v>
      </c>
      <c r="B161" s="21" t="s">
        <v>237</v>
      </c>
      <c r="C161" s="21" t="s">
        <v>264</v>
      </c>
      <c r="D161" s="21" t="s">
        <v>214</v>
      </c>
      <c r="E161" s="21" t="s">
        <v>688</v>
      </c>
      <c r="F161" s="21" t="s">
        <v>428</v>
      </c>
      <c r="G161" s="16">
        <v>636</v>
      </c>
      <c r="H161" s="16">
        <v>459</v>
      </c>
      <c r="I161" s="16">
        <v>434</v>
      </c>
      <c r="J161" s="16">
        <v>378</v>
      </c>
      <c r="K161" s="16">
        <v>25</v>
      </c>
      <c r="L161" s="16">
        <v>6</v>
      </c>
      <c r="M161" s="16">
        <v>171</v>
      </c>
      <c r="N161" s="22" t="s">
        <v>268</v>
      </c>
      <c r="O161" s="16">
        <v>13</v>
      </c>
      <c r="P161" s="16">
        <v>378</v>
      </c>
      <c r="Q161" s="16">
        <v>171</v>
      </c>
    </row>
    <row r="162" spans="1:17">
      <c r="A162" s="21" t="s">
        <v>232</v>
      </c>
      <c r="B162" s="21" t="s">
        <v>237</v>
      </c>
      <c r="C162" s="21" t="s">
        <v>264</v>
      </c>
      <c r="D162" s="21" t="s">
        <v>214</v>
      </c>
      <c r="E162" s="21" t="s">
        <v>688</v>
      </c>
      <c r="F162" s="21" t="s">
        <v>429</v>
      </c>
      <c r="G162" s="16">
        <v>378</v>
      </c>
      <c r="H162" s="16">
        <v>308</v>
      </c>
      <c r="I162" s="16">
        <v>297</v>
      </c>
      <c r="J162" s="16">
        <v>270</v>
      </c>
      <c r="K162" s="16">
        <v>11</v>
      </c>
      <c r="L162" s="16">
        <v>2</v>
      </c>
      <c r="M162" s="16">
        <v>68</v>
      </c>
      <c r="N162" s="22" t="s">
        <v>268</v>
      </c>
      <c r="O162" s="16">
        <v>4</v>
      </c>
      <c r="P162" s="16">
        <v>270</v>
      </c>
      <c r="Q162" s="16">
        <v>68</v>
      </c>
    </row>
    <row r="163" spans="1:17">
      <c r="A163" s="21" t="s">
        <v>232</v>
      </c>
      <c r="B163" s="21" t="s">
        <v>237</v>
      </c>
      <c r="C163" s="21" t="s">
        <v>264</v>
      </c>
      <c r="D163" s="21" t="s">
        <v>214</v>
      </c>
      <c r="E163" s="21" t="s">
        <v>689</v>
      </c>
      <c r="F163" s="21" t="s">
        <v>214</v>
      </c>
      <c r="G163" s="22" t="s">
        <v>268</v>
      </c>
      <c r="H163" s="22" t="s">
        <v>268</v>
      </c>
      <c r="I163" s="22" t="s">
        <v>268</v>
      </c>
      <c r="J163" s="22" t="s">
        <v>268</v>
      </c>
      <c r="K163" s="22" t="s">
        <v>268</v>
      </c>
      <c r="L163" s="22" t="s">
        <v>268</v>
      </c>
      <c r="M163" s="22" t="s">
        <v>268</v>
      </c>
      <c r="N163" s="22" t="s">
        <v>268</v>
      </c>
      <c r="O163" s="22" t="s">
        <v>268</v>
      </c>
      <c r="P163" s="22" t="s">
        <v>268</v>
      </c>
      <c r="Q163" s="22" t="s">
        <v>268</v>
      </c>
    </row>
    <row r="164" spans="1:17">
      <c r="A164" s="21" t="s">
        <v>232</v>
      </c>
      <c r="B164" s="21" t="s">
        <v>237</v>
      </c>
      <c r="C164" s="21" t="s">
        <v>264</v>
      </c>
      <c r="D164" s="21" t="s">
        <v>214</v>
      </c>
      <c r="E164" s="21" t="s">
        <v>689</v>
      </c>
      <c r="F164" s="21" t="s">
        <v>424</v>
      </c>
      <c r="G164" s="22" t="s">
        <v>268</v>
      </c>
      <c r="H164" s="22" t="s">
        <v>268</v>
      </c>
      <c r="I164" s="22" t="s">
        <v>268</v>
      </c>
      <c r="J164" s="22" t="s">
        <v>268</v>
      </c>
      <c r="K164" s="22" t="s">
        <v>268</v>
      </c>
      <c r="L164" s="22" t="s">
        <v>268</v>
      </c>
      <c r="M164" s="22" t="s">
        <v>268</v>
      </c>
      <c r="N164" s="22" t="s">
        <v>268</v>
      </c>
      <c r="O164" s="22" t="s">
        <v>268</v>
      </c>
      <c r="P164" s="22" t="s">
        <v>268</v>
      </c>
      <c r="Q164" s="22" t="s">
        <v>268</v>
      </c>
    </row>
    <row r="165" spans="1:17">
      <c r="A165" s="21" t="s">
        <v>232</v>
      </c>
      <c r="B165" s="21" t="s">
        <v>237</v>
      </c>
      <c r="C165" s="21" t="s">
        <v>264</v>
      </c>
      <c r="D165" s="21" t="s">
        <v>214</v>
      </c>
      <c r="E165" s="21" t="s">
        <v>689</v>
      </c>
      <c r="F165" s="21" t="s">
        <v>425</v>
      </c>
      <c r="G165" s="22" t="s">
        <v>268</v>
      </c>
      <c r="H165" s="22" t="s">
        <v>268</v>
      </c>
      <c r="I165" s="22" t="s">
        <v>268</v>
      </c>
      <c r="J165" s="22" t="s">
        <v>268</v>
      </c>
      <c r="K165" s="22" t="s">
        <v>268</v>
      </c>
      <c r="L165" s="22" t="s">
        <v>268</v>
      </c>
      <c r="M165" s="22" t="s">
        <v>268</v>
      </c>
      <c r="N165" s="22" t="s">
        <v>268</v>
      </c>
      <c r="O165" s="22" t="s">
        <v>268</v>
      </c>
      <c r="P165" s="22" t="s">
        <v>268</v>
      </c>
      <c r="Q165" s="22" t="s">
        <v>268</v>
      </c>
    </row>
    <row r="166" spans="1:17">
      <c r="A166" s="21" t="s">
        <v>232</v>
      </c>
      <c r="B166" s="21" t="s">
        <v>237</v>
      </c>
      <c r="C166" s="21" t="s">
        <v>264</v>
      </c>
      <c r="D166" s="21" t="s">
        <v>214</v>
      </c>
      <c r="E166" s="21" t="s">
        <v>689</v>
      </c>
      <c r="F166" s="21" t="s">
        <v>426</v>
      </c>
      <c r="G166" s="22" t="s">
        <v>268</v>
      </c>
      <c r="H166" s="22" t="s">
        <v>268</v>
      </c>
      <c r="I166" s="22" t="s">
        <v>268</v>
      </c>
      <c r="J166" s="22" t="s">
        <v>268</v>
      </c>
      <c r="K166" s="22" t="s">
        <v>268</v>
      </c>
      <c r="L166" s="22" t="s">
        <v>268</v>
      </c>
      <c r="M166" s="22" t="s">
        <v>268</v>
      </c>
      <c r="N166" s="22" t="s">
        <v>268</v>
      </c>
      <c r="O166" s="22" t="s">
        <v>268</v>
      </c>
      <c r="P166" s="22" t="s">
        <v>268</v>
      </c>
      <c r="Q166" s="22" t="s">
        <v>268</v>
      </c>
    </row>
    <row r="167" spans="1:17">
      <c r="A167" s="21" t="s">
        <v>232</v>
      </c>
      <c r="B167" s="21" t="s">
        <v>237</v>
      </c>
      <c r="C167" s="21" t="s">
        <v>264</v>
      </c>
      <c r="D167" s="21" t="s">
        <v>214</v>
      </c>
      <c r="E167" s="21" t="s">
        <v>689</v>
      </c>
      <c r="F167" s="21" t="s">
        <v>720</v>
      </c>
      <c r="G167" s="22" t="s">
        <v>268</v>
      </c>
      <c r="H167" s="22" t="s">
        <v>268</v>
      </c>
      <c r="I167" s="22" t="s">
        <v>268</v>
      </c>
      <c r="J167" s="22" t="s">
        <v>268</v>
      </c>
      <c r="K167" s="22" t="s">
        <v>268</v>
      </c>
      <c r="L167" s="22" t="s">
        <v>268</v>
      </c>
      <c r="M167" s="22" t="s">
        <v>268</v>
      </c>
      <c r="N167" s="22" t="s">
        <v>268</v>
      </c>
      <c r="O167" s="22" t="s">
        <v>268</v>
      </c>
      <c r="P167" s="22" t="s">
        <v>268</v>
      </c>
      <c r="Q167" s="22" t="s">
        <v>268</v>
      </c>
    </row>
    <row r="168" spans="1:17">
      <c r="A168" s="21" t="s">
        <v>232</v>
      </c>
      <c r="B168" s="21" t="s">
        <v>237</v>
      </c>
      <c r="C168" s="21" t="s">
        <v>264</v>
      </c>
      <c r="D168" s="21" t="s">
        <v>214</v>
      </c>
      <c r="E168" s="21" t="s">
        <v>689</v>
      </c>
      <c r="F168" s="21" t="s">
        <v>427</v>
      </c>
      <c r="G168" s="22" t="s">
        <v>268</v>
      </c>
      <c r="H168" s="22" t="s">
        <v>268</v>
      </c>
      <c r="I168" s="22" t="s">
        <v>268</v>
      </c>
      <c r="J168" s="22" t="s">
        <v>268</v>
      </c>
      <c r="K168" s="22" t="s">
        <v>268</v>
      </c>
      <c r="L168" s="22" t="s">
        <v>268</v>
      </c>
      <c r="M168" s="22" t="s">
        <v>268</v>
      </c>
      <c r="N168" s="22" t="s">
        <v>268</v>
      </c>
      <c r="O168" s="22" t="s">
        <v>268</v>
      </c>
      <c r="P168" s="22" t="s">
        <v>268</v>
      </c>
      <c r="Q168" s="22" t="s">
        <v>268</v>
      </c>
    </row>
    <row r="169" spans="1:17">
      <c r="A169" s="21" t="s">
        <v>232</v>
      </c>
      <c r="B169" s="21" t="s">
        <v>237</v>
      </c>
      <c r="C169" s="21" t="s">
        <v>264</v>
      </c>
      <c r="D169" s="21" t="s">
        <v>214</v>
      </c>
      <c r="E169" s="21" t="s">
        <v>689</v>
      </c>
      <c r="F169" s="21" t="s">
        <v>428</v>
      </c>
      <c r="G169" s="22" t="s">
        <v>268</v>
      </c>
      <c r="H169" s="22" t="s">
        <v>268</v>
      </c>
      <c r="I169" s="22" t="s">
        <v>268</v>
      </c>
      <c r="J169" s="22" t="s">
        <v>268</v>
      </c>
      <c r="K169" s="22" t="s">
        <v>268</v>
      </c>
      <c r="L169" s="22" t="s">
        <v>268</v>
      </c>
      <c r="M169" s="22" t="s">
        <v>268</v>
      </c>
      <c r="N169" s="22" t="s">
        <v>268</v>
      </c>
      <c r="O169" s="22" t="s">
        <v>268</v>
      </c>
      <c r="P169" s="22" t="s">
        <v>268</v>
      </c>
      <c r="Q169" s="22" t="s">
        <v>268</v>
      </c>
    </row>
    <row r="170" spans="1:17">
      <c r="A170" s="21" t="s">
        <v>232</v>
      </c>
      <c r="B170" s="21" t="s">
        <v>237</v>
      </c>
      <c r="C170" s="21" t="s">
        <v>264</v>
      </c>
      <c r="D170" s="21" t="s">
        <v>214</v>
      </c>
      <c r="E170" s="21" t="s">
        <v>689</v>
      </c>
      <c r="F170" s="21" t="s">
        <v>429</v>
      </c>
      <c r="G170" s="22" t="s">
        <v>268</v>
      </c>
      <c r="H170" s="22" t="s">
        <v>268</v>
      </c>
      <c r="I170" s="22" t="s">
        <v>268</v>
      </c>
      <c r="J170" s="22" t="s">
        <v>268</v>
      </c>
      <c r="K170" s="22" t="s">
        <v>268</v>
      </c>
      <c r="L170" s="22" t="s">
        <v>268</v>
      </c>
      <c r="M170" s="22" t="s">
        <v>268</v>
      </c>
      <c r="N170" s="22" t="s">
        <v>268</v>
      </c>
      <c r="O170" s="22" t="s">
        <v>268</v>
      </c>
      <c r="P170" s="22" t="s">
        <v>268</v>
      </c>
      <c r="Q170" s="22" t="s">
        <v>268</v>
      </c>
    </row>
    <row r="171" spans="1:17">
      <c r="A171" s="21" t="s">
        <v>240</v>
      </c>
      <c r="B171" s="21" t="s">
        <v>237</v>
      </c>
      <c r="C171" s="21" t="s">
        <v>265</v>
      </c>
      <c r="D171" s="21" t="s">
        <v>214</v>
      </c>
      <c r="E171" s="21" t="s">
        <v>214</v>
      </c>
      <c r="F171" s="21" t="s">
        <v>214</v>
      </c>
      <c r="G171" s="16">
        <v>48996</v>
      </c>
      <c r="H171" s="16">
        <v>32763</v>
      </c>
      <c r="I171" s="16">
        <v>26302</v>
      </c>
      <c r="J171" s="16">
        <v>10245</v>
      </c>
      <c r="K171" s="16">
        <v>6461</v>
      </c>
      <c r="L171" s="16">
        <v>374</v>
      </c>
      <c r="M171" s="16">
        <v>15791</v>
      </c>
      <c r="N171" s="16">
        <v>68</v>
      </c>
      <c r="O171" s="16">
        <v>4145</v>
      </c>
      <c r="P171" s="16">
        <v>6738</v>
      </c>
      <c r="Q171" s="16">
        <v>6739</v>
      </c>
    </row>
    <row r="172" spans="1:17">
      <c r="A172" s="21" t="s">
        <v>240</v>
      </c>
      <c r="B172" s="21" t="s">
        <v>237</v>
      </c>
      <c r="C172" s="21" t="s">
        <v>265</v>
      </c>
      <c r="D172" s="21" t="s">
        <v>214</v>
      </c>
      <c r="E172" s="21" t="s">
        <v>214</v>
      </c>
      <c r="F172" s="21" t="s">
        <v>424</v>
      </c>
      <c r="G172" s="22" t="s">
        <v>268</v>
      </c>
      <c r="H172" s="22" t="s">
        <v>268</v>
      </c>
      <c r="I172" s="22" t="s">
        <v>268</v>
      </c>
      <c r="J172" s="22" t="s">
        <v>268</v>
      </c>
      <c r="K172" s="22" t="s">
        <v>268</v>
      </c>
      <c r="L172" s="22" t="s">
        <v>268</v>
      </c>
      <c r="M172" s="22" t="s">
        <v>268</v>
      </c>
      <c r="N172" s="22" t="s">
        <v>268</v>
      </c>
      <c r="O172" s="22" t="s">
        <v>268</v>
      </c>
      <c r="P172" s="22" t="s">
        <v>268</v>
      </c>
      <c r="Q172" s="22" t="s">
        <v>268</v>
      </c>
    </row>
    <row r="173" spans="1:17">
      <c r="A173" s="21" t="s">
        <v>240</v>
      </c>
      <c r="B173" s="21" t="s">
        <v>237</v>
      </c>
      <c r="C173" s="21" t="s">
        <v>265</v>
      </c>
      <c r="D173" s="21" t="s">
        <v>214</v>
      </c>
      <c r="E173" s="21" t="s">
        <v>214</v>
      </c>
      <c r="F173" s="21" t="s">
        <v>425</v>
      </c>
      <c r="G173" s="16">
        <v>24989</v>
      </c>
      <c r="H173" s="16">
        <v>16678</v>
      </c>
      <c r="I173" s="16">
        <v>14009</v>
      </c>
      <c r="J173" s="16">
        <v>3311</v>
      </c>
      <c r="K173" s="16">
        <v>2669</v>
      </c>
      <c r="L173" s="16">
        <v>262</v>
      </c>
      <c r="M173" s="16">
        <v>8049</v>
      </c>
      <c r="N173" s="22" t="s">
        <v>268</v>
      </c>
      <c r="O173" s="16">
        <v>1762</v>
      </c>
      <c r="P173" s="16">
        <v>9</v>
      </c>
      <c r="Q173" s="22" t="s">
        <v>268</v>
      </c>
    </row>
    <row r="174" spans="1:17">
      <c r="A174" s="21" t="s">
        <v>240</v>
      </c>
      <c r="B174" s="21" t="s">
        <v>237</v>
      </c>
      <c r="C174" s="21" t="s">
        <v>265</v>
      </c>
      <c r="D174" s="21" t="s">
        <v>214</v>
      </c>
      <c r="E174" s="21" t="s">
        <v>214</v>
      </c>
      <c r="F174" s="21" t="s">
        <v>426</v>
      </c>
      <c r="G174" s="16">
        <v>22936</v>
      </c>
      <c r="H174" s="16">
        <v>16085</v>
      </c>
      <c r="I174" s="16">
        <v>12293</v>
      </c>
      <c r="J174" s="16">
        <v>6934</v>
      </c>
      <c r="K174" s="16">
        <v>3792</v>
      </c>
      <c r="L174" s="16">
        <v>112</v>
      </c>
      <c r="M174" s="16">
        <v>6739</v>
      </c>
      <c r="N174" s="22" t="s">
        <v>268</v>
      </c>
      <c r="O174" s="16">
        <v>2383</v>
      </c>
      <c r="P174" s="16">
        <v>6729</v>
      </c>
      <c r="Q174" s="16">
        <v>6739</v>
      </c>
    </row>
    <row r="175" spans="1:17">
      <c r="A175" s="21" t="s">
        <v>240</v>
      </c>
      <c r="B175" s="21" t="s">
        <v>237</v>
      </c>
      <c r="C175" s="21" t="s">
        <v>265</v>
      </c>
      <c r="D175" s="21" t="s">
        <v>214</v>
      </c>
      <c r="E175" s="21" t="s">
        <v>214</v>
      </c>
      <c r="F175" s="21" t="s">
        <v>720</v>
      </c>
      <c r="G175" s="16">
        <v>1071</v>
      </c>
      <c r="H175" s="22" t="s">
        <v>268</v>
      </c>
      <c r="I175" s="22" t="s">
        <v>268</v>
      </c>
      <c r="J175" s="22" t="s">
        <v>268</v>
      </c>
      <c r="K175" s="22" t="s">
        <v>268</v>
      </c>
      <c r="L175" s="22" t="s">
        <v>268</v>
      </c>
      <c r="M175" s="16">
        <v>1003</v>
      </c>
      <c r="N175" s="16">
        <v>68</v>
      </c>
      <c r="O175" s="22" t="s">
        <v>268</v>
      </c>
      <c r="P175" s="22" t="s">
        <v>268</v>
      </c>
      <c r="Q175" s="22" t="s">
        <v>268</v>
      </c>
    </row>
    <row r="176" spans="1:17">
      <c r="A176" s="21" t="s">
        <v>240</v>
      </c>
      <c r="B176" s="21" t="s">
        <v>237</v>
      </c>
      <c r="C176" s="21" t="s">
        <v>265</v>
      </c>
      <c r="D176" s="21" t="s">
        <v>214</v>
      </c>
      <c r="E176" s="21" t="s">
        <v>214</v>
      </c>
      <c r="F176" s="21" t="s">
        <v>427</v>
      </c>
      <c r="G176" s="16">
        <v>27296</v>
      </c>
      <c r="H176" s="16">
        <v>19215</v>
      </c>
      <c r="I176" s="16">
        <v>14564</v>
      </c>
      <c r="J176" s="16">
        <v>8050</v>
      </c>
      <c r="K176" s="16">
        <v>4651</v>
      </c>
      <c r="L176" s="16">
        <v>143</v>
      </c>
      <c r="M176" s="16">
        <v>7938</v>
      </c>
      <c r="N176" s="22" t="s">
        <v>268</v>
      </c>
      <c r="O176" s="16">
        <v>2872</v>
      </c>
      <c r="P176" s="16">
        <v>6738</v>
      </c>
      <c r="Q176" s="16">
        <v>6739</v>
      </c>
    </row>
    <row r="177" spans="1:17">
      <c r="A177" s="21" t="s">
        <v>240</v>
      </c>
      <c r="B177" s="21" t="s">
        <v>237</v>
      </c>
      <c r="C177" s="21" t="s">
        <v>265</v>
      </c>
      <c r="D177" s="21" t="s">
        <v>214</v>
      </c>
      <c r="E177" s="21" t="s">
        <v>214</v>
      </c>
      <c r="F177" s="21" t="s">
        <v>428</v>
      </c>
      <c r="G177" s="16">
        <v>11893</v>
      </c>
      <c r="H177" s="16">
        <v>8061</v>
      </c>
      <c r="I177" s="16">
        <v>6133</v>
      </c>
      <c r="J177" s="16">
        <v>3250</v>
      </c>
      <c r="K177" s="16">
        <v>1928</v>
      </c>
      <c r="L177" s="16">
        <v>47</v>
      </c>
      <c r="M177" s="16">
        <v>3785</v>
      </c>
      <c r="N177" s="22" t="s">
        <v>268</v>
      </c>
      <c r="O177" s="16">
        <v>1201</v>
      </c>
      <c r="P177" s="16">
        <v>3241</v>
      </c>
      <c r="Q177" s="16">
        <v>3785</v>
      </c>
    </row>
    <row r="178" spans="1:17">
      <c r="A178" s="21" t="s">
        <v>240</v>
      </c>
      <c r="B178" s="21" t="s">
        <v>237</v>
      </c>
      <c r="C178" s="21" t="s">
        <v>265</v>
      </c>
      <c r="D178" s="21" t="s">
        <v>214</v>
      </c>
      <c r="E178" s="21" t="s">
        <v>214</v>
      </c>
      <c r="F178" s="21" t="s">
        <v>429</v>
      </c>
      <c r="G178" s="16">
        <v>3749</v>
      </c>
      <c r="H178" s="16">
        <v>2383</v>
      </c>
      <c r="I178" s="16">
        <v>1646</v>
      </c>
      <c r="J178" s="16">
        <v>737</v>
      </c>
      <c r="K178" s="16">
        <v>737</v>
      </c>
      <c r="L178" s="16">
        <v>10</v>
      </c>
      <c r="M178" s="16">
        <v>1356</v>
      </c>
      <c r="N178" s="22" t="s">
        <v>268</v>
      </c>
      <c r="O178" s="16">
        <v>408</v>
      </c>
      <c r="P178" s="16">
        <v>737</v>
      </c>
      <c r="Q178" s="16">
        <v>1356</v>
      </c>
    </row>
    <row r="179" spans="1:17">
      <c r="A179" s="21" t="s">
        <v>240</v>
      </c>
      <c r="B179" s="21" t="s">
        <v>237</v>
      </c>
      <c r="C179" s="21" t="s">
        <v>265</v>
      </c>
      <c r="D179" s="21" t="s">
        <v>214</v>
      </c>
      <c r="E179" s="21" t="s">
        <v>681</v>
      </c>
      <c r="F179" s="21" t="s">
        <v>214</v>
      </c>
      <c r="G179" s="16">
        <v>47687</v>
      </c>
      <c r="H179" s="16">
        <v>32557</v>
      </c>
      <c r="I179" s="16">
        <v>26112</v>
      </c>
      <c r="J179" s="16">
        <v>10170</v>
      </c>
      <c r="K179" s="16">
        <v>6445</v>
      </c>
      <c r="L179" s="16">
        <v>368</v>
      </c>
      <c r="M179" s="16">
        <v>14694</v>
      </c>
      <c r="N179" s="16">
        <v>68</v>
      </c>
      <c r="O179" s="16">
        <v>4135</v>
      </c>
      <c r="P179" s="16">
        <v>6679</v>
      </c>
      <c r="Q179" s="16">
        <v>6697</v>
      </c>
    </row>
    <row r="180" spans="1:17">
      <c r="A180" s="21" t="s">
        <v>240</v>
      </c>
      <c r="B180" s="21" t="s">
        <v>237</v>
      </c>
      <c r="C180" s="21" t="s">
        <v>265</v>
      </c>
      <c r="D180" s="21" t="s">
        <v>214</v>
      </c>
      <c r="E180" s="21" t="s">
        <v>681</v>
      </c>
      <c r="F180" s="21" t="s">
        <v>424</v>
      </c>
      <c r="G180" s="22" t="s">
        <v>268</v>
      </c>
      <c r="H180" s="22" t="s">
        <v>268</v>
      </c>
      <c r="I180" s="22" t="s">
        <v>268</v>
      </c>
      <c r="J180" s="22" t="s">
        <v>268</v>
      </c>
      <c r="K180" s="22" t="s">
        <v>268</v>
      </c>
      <c r="L180" s="22" t="s">
        <v>268</v>
      </c>
      <c r="M180" s="22" t="s">
        <v>268</v>
      </c>
      <c r="N180" s="22" t="s">
        <v>268</v>
      </c>
      <c r="O180" s="22" t="s">
        <v>268</v>
      </c>
      <c r="P180" s="22" t="s">
        <v>268</v>
      </c>
      <c r="Q180" s="22" t="s">
        <v>268</v>
      </c>
    </row>
    <row r="181" spans="1:17">
      <c r="A181" s="21" t="s">
        <v>240</v>
      </c>
      <c r="B181" s="21" t="s">
        <v>237</v>
      </c>
      <c r="C181" s="21" t="s">
        <v>265</v>
      </c>
      <c r="D181" s="21" t="s">
        <v>214</v>
      </c>
      <c r="E181" s="21" t="s">
        <v>681</v>
      </c>
      <c r="F181" s="21" t="s">
        <v>425</v>
      </c>
      <c r="G181" s="16">
        <v>23823</v>
      </c>
      <c r="H181" s="16">
        <v>16546</v>
      </c>
      <c r="I181" s="16">
        <v>13889</v>
      </c>
      <c r="J181" s="16">
        <v>3296</v>
      </c>
      <c r="K181" s="16">
        <v>2657</v>
      </c>
      <c r="L181" s="16">
        <v>258</v>
      </c>
      <c r="M181" s="16">
        <v>7019</v>
      </c>
      <c r="N181" s="22" t="s">
        <v>268</v>
      </c>
      <c r="O181" s="16">
        <v>1754</v>
      </c>
      <c r="P181" s="16">
        <v>9</v>
      </c>
      <c r="Q181" s="22" t="s">
        <v>268</v>
      </c>
    </row>
    <row r="182" spans="1:17">
      <c r="A182" s="21" t="s">
        <v>240</v>
      </c>
      <c r="B182" s="21" t="s">
        <v>237</v>
      </c>
      <c r="C182" s="21" t="s">
        <v>265</v>
      </c>
      <c r="D182" s="21" t="s">
        <v>214</v>
      </c>
      <c r="E182" s="21" t="s">
        <v>681</v>
      </c>
      <c r="F182" s="21" t="s">
        <v>426</v>
      </c>
      <c r="G182" s="16">
        <v>22818</v>
      </c>
      <c r="H182" s="16">
        <v>16011</v>
      </c>
      <c r="I182" s="16">
        <v>12223</v>
      </c>
      <c r="J182" s="16">
        <v>6874</v>
      </c>
      <c r="K182" s="16">
        <v>3788</v>
      </c>
      <c r="L182" s="16">
        <v>110</v>
      </c>
      <c r="M182" s="16">
        <v>6697</v>
      </c>
      <c r="N182" s="22" t="s">
        <v>268</v>
      </c>
      <c r="O182" s="16">
        <v>2381</v>
      </c>
      <c r="P182" s="16">
        <v>6670</v>
      </c>
      <c r="Q182" s="16">
        <v>6697</v>
      </c>
    </row>
    <row r="183" spans="1:17">
      <c r="A183" s="21" t="s">
        <v>240</v>
      </c>
      <c r="B183" s="21" t="s">
        <v>237</v>
      </c>
      <c r="C183" s="21" t="s">
        <v>265</v>
      </c>
      <c r="D183" s="21" t="s">
        <v>214</v>
      </c>
      <c r="E183" s="21" t="s">
        <v>681</v>
      </c>
      <c r="F183" s="21" t="s">
        <v>720</v>
      </c>
      <c r="G183" s="16">
        <v>1046</v>
      </c>
      <c r="H183" s="22" t="s">
        <v>268</v>
      </c>
      <c r="I183" s="22" t="s">
        <v>268</v>
      </c>
      <c r="J183" s="22" t="s">
        <v>268</v>
      </c>
      <c r="K183" s="22" t="s">
        <v>268</v>
      </c>
      <c r="L183" s="22" t="s">
        <v>268</v>
      </c>
      <c r="M183" s="16">
        <v>978</v>
      </c>
      <c r="N183" s="16">
        <v>68</v>
      </c>
      <c r="O183" s="22" t="s">
        <v>268</v>
      </c>
      <c r="P183" s="22" t="s">
        <v>268</v>
      </c>
      <c r="Q183" s="22" t="s">
        <v>268</v>
      </c>
    </row>
    <row r="184" spans="1:17">
      <c r="A184" s="21" t="s">
        <v>240</v>
      </c>
      <c r="B184" s="21" t="s">
        <v>237</v>
      </c>
      <c r="C184" s="21" t="s">
        <v>265</v>
      </c>
      <c r="D184" s="21" t="s">
        <v>214</v>
      </c>
      <c r="E184" s="21" t="s">
        <v>681</v>
      </c>
      <c r="F184" s="21" t="s">
        <v>427</v>
      </c>
      <c r="G184" s="16">
        <v>27161</v>
      </c>
      <c r="H184" s="16">
        <v>19130</v>
      </c>
      <c r="I184" s="16">
        <v>14486</v>
      </c>
      <c r="J184" s="16">
        <v>7988</v>
      </c>
      <c r="K184" s="16">
        <v>4644</v>
      </c>
      <c r="L184" s="16">
        <v>141</v>
      </c>
      <c r="M184" s="16">
        <v>7890</v>
      </c>
      <c r="N184" s="22" t="s">
        <v>268</v>
      </c>
      <c r="O184" s="16">
        <v>2869</v>
      </c>
      <c r="P184" s="16">
        <v>6679</v>
      </c>
      <c r="Q184" s="16">
        <v>6697</v>
      </c>
    </row>
    <row r="185" spans="1:17">
      <c r="A185" s="21" t="s">
        <v>240</v>
      </c>
      <c r="B185" s="21" t="s">
        <v>237</v>
      </c>
      <c r="C185" s="21" t="s">
        <v>265</v>
      </c>
      <c r="D185" s="21" t="s">
        <v>214</v>
      </c>
      <c r="E185" s="21" t="s">
        <v>681</v>
      </c>
      <c r="F185" s="21" t="s">
        <v>428</v>
      </c>
      <c r="G185" s="16">
        <v>11814</v>
      </c>
      <c r="H185" s="16">
        <v>8005</v>
      </c>
      <c r="I185" s="16">
        <v>6079</v>
      </c>
      <c r="J185" s="16">
        <v>3200</v>
      </c>
      <c r="K185" s="16">
        <v>1926</v>
      </c>
      <c r="L185" s="16">
        <v>45</v>
      </c>
      <c r="M185" s="16">
        <v>3764</v>
      </c>
      <c r="N185" s="22" t="s">
        <v>268</v>
      </c>
      <c r="O185" s="16">
        <v>1200</v>
      </c>
      <c r="P185" s="16">
        <v>3191</v>
      </c>
      <c r="Q185" s="16">
        <v>3764</v>
      </c>
    </row>
    <row r="186" spans="1:17">
      <c r="A186" s="21" t="s">
        <v>240</v>
      </c>
      <c r="B186" s="21" t="s">
        <v>237</v>
      </c>
      <c r="C186" s="21" t="s">
        <v>265</v>
      </c>
      <c r="D186" s="21" t="s">
        <v>214</v>
      </c>
      <c r="E186" s="21" t="s">
        <v>681</v>
      </c>
      <c r="F186" s="21" t="s">
        <v>429</v>
      </c>
      <c r="G186" s="16">
        <v>3695</v>
      </c>
      <c r="H186" s="16">
        <v>2338</v>
      </c>
      <c r="I186" s="16">
        <v>1603</v>
      </c>
      <c r="J186" s="16">
        <v>697</v>
      </c>
      <c r="K186" s="16">
        <v>735</v>
      </c>
      <c r="L186" s="16">
        <v>9</v>
      </c>
      <c r="M186" s="16">
        <v>1348</v>
      </c>
      <c r="N186" s="22" t="s">
        <v>268</v>
      </c>
      <c r="O186" s="16">
        <v>407</v>
      </c>
      <c r="P186" s="16">
        <v>697</v>
      </c>
      <c r="Q186" s="16">
        <v>1348</v>
      </c>
    </row>
    <row r="187" spans="1:17">
      <c r="A187" s="21" t="s">
        <v>240</v>
      </c>
      <c r="B187" s="21" t="s">
        <v>237</v>
      </c>
      <c r="C187" s="21" t="s">
        <v>265</v>
      </c>
      <c r="D187" s="21" t="s">
        <v>214</v>
      </c>
      <c r="E187" s="21" t="s">
        <v>682</v>
      </c>
      <c r="F187" s="21" t="s">
        <v>214</v>
      </c>
      <c r="G187" s="16">
        <v>47055</v>
      </c>
      <c r="H187" s="16">
        <v>32391</v>
      </c>
      <c r="I187" s="16">
        <v>25960</v>
      </c>
      <c r="J187" s="16">
        <v>10132</v>
      </c>
      <c r="K187" s="16">
        <v>6431</v>
      </c>
      <c r="L187" s="16">
        <v>367</v>
      </c>
      <c r="M187" s="16">
        <v>14229</v>
      </c>
      <c r="N187" s="16">
        <v>68</v>
      </c>
      <c r="O187" s="16">
        <v>4129</v>
      </c>
      <c r="P187" s="16">
        <v>6661</v>
      </c>
      <c r="Q187" s="16">
        <v>6635</v>
      </c>
    </row>
    <row r="188" spans="1:17">
      <c r="A188" s="21" t="s">
        <v>240</v>
      </c>
      <c r="B188" s="21" t="s">
        <v>237</v>
      </c>
      <c r="C188" s="21" t="s">
        <v>265</v>
      </c>
      <c r="D188" s="21" t="s">
        <v>214</v>
      </c>
      <c r="E188" s="21" t="s">
        <v>682</v>
      </c>
      <c r="F188" s="21" t="s">
        <v>424</v>
      </c>
      <c r="G188" s="22" t="s">
        <v>268</v>
      </c>
      <c r="H188" s="22" t="s">
        <v>268</v>
      </c>
      <c r="I188" s="22" t="s">
        <v>268</v>
      </c>
      <c r="J188" s="22" t="s">
        <v>268</v>
      </c>
      <c r="K188" s="22" t="s">
        <v>268</v>
      </c>
      <c r="L188" s="22" t="s">
        <v>268</v>
      </c>
      <c r="M188" s="22" t="s">
        <v>268</v>
      </c>
      <c r="N188" s="22" t="s">
        <v>268</v>
      </c>
      <c r="O188" s="22" t="s">
        <v>268</v>
      </c>
      <c r="P188" s="22" t="s">
        <v>268</v>
      </c>
      <c r="Q188" s="22" t="s">
        <v>268</v>
      </c>
    </row>
    <row r="189" spans="1:17">
      <c r="A189" s="21" t="s">
        <v>240</v>
      </c>
      <c r="B189" s="21" t="s">
        <v>237</v>
      </c>
      <c r="C189" s="21" t="s">
        <v>265</v>
      </c>
      <c r="D189" s="21" t="s">
        <v>214</v>
      </c>
      <c r="E189" s="21" t="s">
        <v>682</v>
      </c>
      <c r="F189" s="21" t="s">
        <v>425</v>
      </c>
      <c r="G189" s="16">
        <v>23296</v>
      </c>
      <c r="H189" s="16">
        <v>16419</v>
      </c>
      <c r="I189" s="16">
        <v>13772</v>
      </c>
      <c r="J189" s="16">
        <v>3277</v>
      </c>
      <c r="K189" s="16">
        <v>2647</v>
      </c>
      <c r="L189" s="16">
        <v>257</v>
      </c>
      <c r="M189" s="16">
        <v>6620</v>
      </c>
      <c r="N189" s="22" t="s">
        <v>268</v>
      </c>
      <c r="O189" s="16">
        <v>1749</v>
      </c>
      <c r="P189" s="16">
        <v>9</v>
      </c>
      <c r="Q189" s="22" t="s">
        <v>268</v>
      </c>
    </row>
    <row r="190" spans="1:17">
      <c r="A190" s="21" t="s">
        <v>240</v>
      </c>
      <c r="B190" s="21" t="s">
        <v>237</v>
      </c>
      <c r="C190" s="21" t="s">
        <v>265</v>
      </c>
      <c r="D190" s="21" t="s">
        <v>214</v>
      </c>
      <c r="E190" s="21" t="s">
        <v>682</v>
      </c>
      <c r="F190" s="21" t="s">
        <v>426</v>
      </c>
      <c r="G190" s="16">
        <v>22717</v>
      </c>
      <c r="H190" s="16">
        <v>15972</v>
      </c>
      <c r="I190" s="16">
        <v>12188</v>
      </c>
      <c r="J190" s="16">
        <v>6855</v>
      </c>
      <c r="K190" s="16">
        <v>3784</v>
      </c>
      <c r="L190" s="16">
        <v>110</v>
      </c>
      <c r="M190" s="16">
        <v>6635</v>
      </c>
      <c r="N190" s="22" t="s">
        <v>268</v>
      </c>
      <c r="O190" s="16">
        <v>2380</v>
      </c>
      <c r="P190" s="16">
        <v>6652</v>
      </c>
      <c r="Q190" s="16">
        <v>6635</v>
      </c>
    </row>
    <row r="191" spans="1:17">
      <c r="A191" s="21" t="s">
        <v>240</v>
      </c>
      <c r="B191" s="21" t="s">
        <v>237</v>
      </c>
      <c r="C191" s="21" t="s">
        <v>265</v>
      </c>
      <c r="D191" s="21" t="s">
        <v>214</v>
      </c>
      <c r="E191" s="21" t="s">
        <v>682</v>
      </c>
      <c r="F191" s="21" t="s">
        <v>720</v>
      </c>
      <c r="G191" s="16">
        <v>1042</v>
      </c>
      <c r="H191" s="22" t="s">
        <v>268</v>
      </c>
      <c r="I191" s="22" t="s">
        <v>268</v>
      </c>
      <c r="J191" s="22" t="s">
        <v>268</v>
      </c>
      <c r="K191" s="22" t="s">
        <v>268</v>
      </c>
      <c r="L191" s="22" t="s">
        <v>268</v>
      </c>
      <c r="M191" s="16">
        <v>974</v>
      </c>
      <c r="N191" s="16">
        <v>68</v>
      </c>
      <c r="O191" s="22" t="s">
        <v>268</v>
      </c>
      <c r="P191" s="22" t="s">
        <v>268</v>
      </c>
      <c r="Q191" s="22" t="s">
        <v>268</v>
      </c>
    </row>
    <row r="192" spans="1:17">
      <c r="A192" s="21" t="s">
        <v>240</v>
      </c>
      <c r="B192" s="21" t="s">
        <v>237</v>
      </c>
      <c r="C192" s="21" t="s">
        <v>265</v>
      </c>
      <c r="D192" s="21" t="s">
        <v>214</v>
      </c>
      <c r="E192" s="21" t="s">
        <v>682</v>
      </c>
      <c r="F192" s="21" t="s">
        <v>427</v>
      </c>
      <c r="G192" s="16">
        <v>27036</v>
      </c>
      <c r="H192" s="16">
        <v>19079</v>
      </c>
      <c r="I192" s="16">
        <v>14441</v>
      </c>
      <c r="J192" s="16">
        <v>7967</v>
      </c>
      <c r="K192" s="16">
        <v>4638</v>
      </c>
      <c r="L192" s="16">
        <v>141</v>
      </c>
      <c r="M192" s="16">
        <v>7816</v>
      </c>
      <c r="N192" s="22" t="s">
        <v>268</v>
      </c>
      <c r="O192" s="16">
        <v>2866</v>
      </c>
      <c r="P192" s="16">
        <v>6661</v>
      </c>
      <c r="Q192" s="16">
        <v>6635</v>
      </c>
    </row>
    <row r="193" spans="1:17">
      <c r="A193" s="21" t="s">
        <v>240</v>
      </c>
      <c r="B193" s="21" t="s">
        <v>237</v>
      </c>
      <c r="C193" s="21" t="s">
        <v>265</v>
      </c>
      <c r="D193" s="21" t="s">
        <v>214</v>
      </c>
      <c r="E193" s="21" t="s">
        <v>682</v>
      </c>
      <c r="F193" s="21" t="s">
        <v>428</v>
      </c>
      <c r="G193" s="16">
        <v>11773</v>
      </c>
      <c r="H193" s="16">
        <v>7990</v>
      </c>
      <c r="I193" s="16">
        <v>6065</v>
      </c>
      <c r="J193" s="16">
        <v>3190</v>
      </c>
      <c r="K193" s="16">
        <v>1925</v>
      </c>
      <c r="L193" s="16">
        <v>45</v>
      </c>
      <c r="M193" s="16">
        <v>3738</v>
      </c>
      <c r="N193" s="22" t="s">
        <v>268</v>
      </c>
      <c r="O193" s="16">
        <v>1199</v>
      </c>
      <c r="P193" s="16">
        <v>3181</v>
      </c>
      <c r="Q193" s="16">
        <v>3738</v>
      </c>
    </row>
    <row r="194" spans="1:17">
      <c r="A194" s="21" t="s">
        <v>240</v>
      </c>
      <c r="B194" s="21" t="s">
        <v>237</v>
      </c>
      <c r="C194" s="21" t="s">
        <v>265</v>
      </c>
      <c r="D194" s="21" t="s">
        <v>214</v>
      </c>
      <c r="E194" s="21" t="s">
        <v>682</v>
      </c>
      <c r="F194" s="21" t="s">
        <v>429</v>
      </c>
      <c r="G194" s="16">
        <v>3682</v>
      </c>
      <c r="H194" s="16">
        <v>2332</v>
      </c>
      <c r="I194" s="16">
        <v>1598</v>
      </c>
      <c r="J194" s="16">
        <v>692</v>
      </c>
      <c r="K194" s="16">
        <v>734</v>
      </c>
      <c r="L194" s="16">
        <v>9</v>
      </c>
      <c r="M194" s="16">
        <v>1341</v>
      </c>
      <c r="N194" s="22" t="s">
        <v>268</v>
      </c>
      <c r="O194" s="16">
        <v>406</v>
      </c>
      <c r="P194" s="16">
        <v>692</v>
      </c>
      <c r="Q194" s="16">
        <v>1341</v>
      </c>
    </row>
    <row r="195" spans="1:17">
      <c r="A195" s="21" t="s">
        <v>240</v>
      </c>
      <c r="B195" s="21" t="s">
        <v>237</v>
      </c>
      <c r="C195" s="21" t="s">
        <v>265</v>
      </c>
      <c r="D195" s="21" t="s">
        <v>214</v>
      </c>
      <c r="E195" s="21" t="s">
        <v>683</v>
      </c>
      <c r="F195" s="21" t="s">
        <v>214</v>
      </c>
      <c r="G195" s="16">
        <v>32370</v>
      </c>
      <c r="H195" s="16">
        <v>25310</v>
      </c>
      <c r="I195" s="16">
        <v>19314</v>
      </c>
      <c r="J195" s="16">
        <v>8297</v>
      </c>
      <c r="K195" s="16">
        <v>5996</v>
      </c>
      <c r="L195" s="16">
        <v>163</v>
      </c>
      <c r="M195" s="16">
        <v>6869</v>
      </c>
      <c r="N195" s="16">
        <v>28</v>
      </c>
      <c r="O195" s="16">
        <v>3905</v>
      </c>
      <c r="P195" s="16">
        <v>6088</v>
      </c>
      <c r="Q195" s="16">
        <v>4896</v>
      </c>
    </row>
    <row r="196" spans="1:17">
      <c r="A196" s="21" t="s">
        <v>240</v>
      </c>
      <c r="B196" s="21" t="s">
        <v>237</v>
      </c>
      <c r="C196" s="21" t="s">
        <v>265</v>
      </c>
      <c r="D196" s="21" t="s">
        <v>214</v>
      </c>
      <c r="E196" s="21" t="s">
        <v>683</v>
      </c>
      <c r="F196" s="21" t="s">
        <v>424</v>
      </c>
      <c r="G196" s="22" t="s">
        <v>268</v>
      </c>
      <c r="H196" s="22" t="s">
        <v>268</v>
      </c>
      <c r="I196" s="22" t="s">
        <v>268</v>
      </c>
      <c r="J196" s="22" t="s">
        <v>268</v>
      </c>
      <c r="K196" s="22" t="s">
        <v>268</v>
      </c>
      <c r="L196" s="22" t="s">
        <v>268</v>
      </c>
      <c r="M196" s="22" t="s">
        <v>268</v>
      </c>
      <c r="N196" s="22" t="s">
        <v>268</v>
      </c>
      <c r="O196" s="22" t="s">
        <v>268</v>
      </c>
      <c r="P196" s="22" t="s">
        <v>268</v>
      </c>
      <c r="Q196" s="22" t="s">
        <v>268</v>
      </c>
    </row>
    <row r="197" spans="1:17">
      <c r="A197" s="21" t="s">
        <v>240</v>
      </c>
      <c r="B197" s="21" t="s">
        <v>237</v>
      </c>
      <c r="C197" s="21" t="s">
        <v>265</v>
      </c>
      <c r="D197" s="21" t="s">
        <v>214</v>
      </c>
      <c r="E197" s="21" t="s">
        <v>683</v>
      </c>
      <c r="F197" s="21" t="s">
        <v>425</v>
      </c>
      <c r="G197" s="16">
        <v>12595</v>
      </c>
      <c r="H197" s="16">
        <v>10639</v>
      </c>
      <c r="I197" s="16">
        <v>8296</v>
      </c>
      <c r="J197" s="16">
        <v>2057</v>
      </c>
      <c r="K197" s="16">
        <v>2343</v>
      </c>
      <c r="L197" s="16">
        <v>79</v>
      </c>
      <c r="M197" s="16">
        <v>1877</v>
      </c>
      <c r="N197" s="22" t="s">
        <v>268</v>
      </c>
      <c r="O197" s="16">
        <v>1577</v>
      </c>
      <c r="P197" s="16">
        <v>5</v>
      </c>
      <c r="Q197" s="22" t="s">
        <v>268</v>
      </c>
    </row>
    <row r="198" spans="1:17">
      <c r="A198" s="21" t="s">
        <v>240</v>
      </c>
      <c r="B198" s="21" t="s">
        <v>237</v>
      </c>
      <c r="C198" s="21" t="s">
        <v>265</v>
      </c>
      <c r="D198" s="21" t="s">
        <v>214</v>
      </c>
      <c r="E198" s="21" t="s">
        <v>683</v>
      </c>
      <c r="F198" s="21" t="s">
        <v>426</v>
      </c>
      <c r="G198" s="16">
        <v>19651</v>
      </c>
      <c r="H198" s="16">
        <v>14671</v>
      </c>
      <c r="I198" s="16">
        <v>11018</v>
      </c>
      <c r="J198" s="16">
        <v>6240</v>
      </c>
      <c r="K198" s="16">
        <v>3653</v>
      </c>
      <c r="L198" s="16">
        <v>84</v>
      </c>
      <c r="M198" s="16">
        <v>4896</v>
      </c>
      <c r="N198" s="22" t="s">
        <v>268</v>
      </c>
      <c r="O198" s="16">
        <v>2328</v>
      </c>
      <c r="P198" s="16">
        <v>6083</v>
      </c>
      <c r="Q198" s="16">
        <v>4896</v>
      </c>
    </row>
    <row r="199" spans="1:17">
      <c r="A199" s="21" t="s">
        <v>240</v>
      </c>
      <c r="B199" s="21" t="s">
        <v>237</v>
      </c>
      <c r="C199" s="21" t="s">
        <v>265</v>
      </c>
      <c r="D199" s="21" t="s">
        <v>214</v>
      </c>
      <c r="E199" s="21" t="s">
        <v>683</v>
      </c>
      <c r="F199" s="21" t="s">
        <v>720</v>
      </c>
      <c r="G199" s="16">
        <v>124</v>
      </c>
      <c r="H199" s="22" t="s">
        <v>268</v>
      </c>
      <c r="I199" s="22" t="s">
        <v>268</v>
      </c>
      <c r="J199" s="22" t="s">
        <v>268</v>
      </c>
      <c r="K199" s="22" t="s">
        <v>268</v>
      </c>
      <c r="L199" s="22" t="s">
        <v>268</v>
      </c>
      <c r="M199" s="16">
        <v>96</v>
      </c>
      <c r="N199" s="16">
        <v>28</v>
      </c>
      <c r="O199" s="22" t="s">
        <v>268</v>
      </c>
      <c r="P199" s="22" t="s">
        <v>268</v>
      </c>
      <c r="Q199" s="22" t="s">
        <v>268</v>
      </c>
    </row>
    <row r="200" spans="1:17">
      <c r="A200" s="21" t="s">
        <v>240</v>
      </c>
      <c r="B200" s="21" t="s">
        <v>237</v>
      </c>
      <c r="C200" s="21" t="s">
        <v>265</v>
      </c>
      <c r="D200" s="21" t="s">
        <v>214</v>
      </c>
      <c r="E200" s="21" t="s">
        <v>683</v>
      </c>
      <c r="F200" s="21" t="s">
        <v>427</v>
      </c>
      <c r="G200" s="16">
        <v>23004</v>
      </c>
      <c r="H200" s="16">
        <v>17321</v>
      </c>
      <c r="I200" s="16">
        <v>12856</v>
      </c>
      <c r="J200" s="16">
        <v>7153</v>
      </c>
      <c r="K200" s="16">
        <v>4465</v>
      </c>
      <c r="L200" s="16">
        <v>105</v>
      </c>
      <c r="M200" s="16">
        <v>5578</v>
      </c>
      <c r="N200" s="22" t="s">
        <v>268</v>
      </c>
      <c r="O200" s="16">
        <v>2794</v>
      </c>
      <c r="P200" s="16">
        <v>6088</v>
      </c>
      <c r="Q200" s="16">
        <v>4896</v>
      </c>
    </row>
    <row r="201" spans="1:17">
      <c r="A201" s="21" t="s">
        <v>240</v>
      </c>
      <c r="B201" s="21" t="s">
        <v>237</v>
      </c>
      <c r="C201" s="21" t="s">
        <v>265</v>
      </c>
      <c r="D201" s="21" t="s">
        <v>214</v>
      </c>
      <c r="E201" s="21" t="s">
        <v>683</v>
      </c>
      <c r="F201" s="21" t="s">
        <v>428</v>
      </c>
      <c r="G201" s="16">
        <v>10595</v>
      </c>
      <c r="H201" s="16">
        <v>7495</v>
      </c>
      <c r="I201" s="16">
        <v>5627</v>
      </c>
      <c r="J201" s="16">
        <v>2970</v>
      </c>
      <c r="K201" s="16">
        <v>1868</v>
      </c>
      <c r="L201" s="16">
        <v>38</v>
      </c>
      <c r="M201" s="16">
        <v>3062</v>
      </c>
      <c r="N201" s="22" t="s">
        <v>268</v>
      </c>
      <c r="O201" s="16">
        <v>1177</v>
      </c>
      <c r="P201" s="16">
        <v>2964</v>
      </c>
      <c r="Q201" s="16">
        <v>3062</v>
      </c>
    </row>
    <row r="202" spans="1:17">
      <c r="A202" s="21" t="s">
        <v>240</v>
      </c>
      <c r="B202" s="21" t="s">
        <v>237</v>
      </c>
      <c r="C202" s="21" t="s">
        <v>265</v>
      </c>
      <c r="D202" s="21" t="s">
        <v>214</v>
      </c>
      <c r="E202" s="21" t="s">
        <v>683</v>
      </c>
      <c r="F202" s="21" t="s">
        <v>429</v>
      </c>
      <c r="G202" s="16">
        <v>3412</v>
      </c>
      <c r="H202" s="16">
        <v>2234</v>
      </c>
      <c r="I202" s="16">
        <v>1514</v>
      </c>
      <c r="J202" s="16">
        <v>660</v>
      </c>
      <c r="K202" s="16">
        <v>720</v>
      </c>
      <c r="L202" s="16">
        <v>8</v>
      </c>
      <c r="M202" s="16">
        <v>1170</v>
      </c>
      <c r="N202" s="22" t="s">
        <v>268</v>
      </c>
      <c r="O202" s="16">
        <v>403</v>
      </c>
      <c r="P202" s="16">
        <v>660</v>
      </c>
      <c r="Q202" s="16">
        <v>1170</v>
      </c>
    </row>
    <row r="203" spans="1:17">
      <c r="A203" s="21" t="s">
        <v>240</v>
      </c>
      <c r="B203" s="21" t="s">
        <v>237</v>
      </c>
      <c r="C203" s="21" t="s">
        <v>265</v>
      </c>
      <c r="D203" s="21" t="s">
        <v>214</v>
      </c>
      <c r="E203" s="21" t="s">
        <v>684</v>
      </c>
      <c r="F203" s="21" t="s">
        <v>214</v>
      </c>
      <c r="G203" s="16">
        <v>1113</v>
      </c>
      <c r="H203" s="16">
        <v>638</v>
      </c>
      <c r="I203" s="16">
        <v>588</v>
      </c>
      <c r="J203" s="16">
        <v>156</v>
      </c>
      <c r="K203" s="16">
        <v>50</v>
      </c>
      <c r="L203" s="16">
        <v>3</v>
      </c>
      <c r="M203" s="16">
        <v>472</v>
      </c>
      <c r="N203" s="22" t="s">
        <v>268</v>
      </c>
      <c r="O203" s="16">
        <v>17</v>
      </c>
      <c r="P203" s="16">
        <v>110</v>
      </c>
      <c r="Q203" s="16">
        <v>323</v>
      </c>
    </row>
    <row r="204" spans="1:17">
      <c r="A204" s="21" t="s">
        <v>240</v>
      </c>
      <c r="B204" s="21" t="s">
        <v>237</v>
      </c>
      <c r="C204" s="21" t="s">
        <v>265</v>
      </c>
      <c r="D204" s="21" t="s">
        <v>214</v>
      </c>
      <c r="E204" s="21" t="s">
        <v>684</v>
      </c>
      <c r="F204" s="21" t="s">
        <v>424</v>
      </c>
      <c r="G204" s="22" t="s">
        <v>268</v>
      </c>
      <c r="H204" s="22" t="s">
        <v>268</v>
      </c>
      <c r="I204" s="22" t="s">
        <v>268</v>
      </c>
      <c r="J204" s="22" t="s">
        <v>268</v>
      </c>
      <c r="K204" s="22" t="s">
        <v>268</v>
      </c>
      <c r="L204" s="22" t="s">
        <v>268</v>
      </c>
      <c r="M204" s="22" t="s">
        <v>268</v>
      </c>
      <c r="N204" s="22" t="s">
        <v>268</v>
      </c>
      <c r="O204" s="22" t="s">
        <v>268</v>
      </c>
      <c r="P204" s="22" t="s">
        <v>268</v>
      </c>
      <c r="Q204" s="22" t="s">
        <v>268</v>
      </c>
    </row>
    <row r="205" spans="1:17">
      <c r="A205" s="21" t="s">
        <v>240</v>
      </c>
      <c r="B205" s="21" t="s">
        <v>237</v>
      </c>
      <c r="C205" s="21" t="s">
        <v>265</v>
      </c>
      <c r="D205" s="21" t="s">
        <v>214</v>
      </c>
      <c r="E205" s="21" t="s">
        <v>684</v>
      </c>
      <c r="F205" s="21" t="s">
        <v>425</v>
      </c>
      <c r="G205" s="16">
        <v>512</v>
      </c>
      <c r="H205" s="16">
        <v>379</v>
      </c>
      <c r="I205" s="16">
        <v>355</v>
      </c>
      <c r="J205" s="16">
        <v>43</v>
      </c>
      <c r="K205" s="16">
        <v>24</v>
      </c>
      <c r="L205" s="22" t="s">
        <v>268</v>
      </c>
      <c r="M205" s="16">
        <v>133</v>
      </c>
      <c r="N205" s="22" t="s">
        <v>268</v>
      </c>
      <c r="O205" s="16">
        <v>13</v>
      </c>
      <c r="P205" s="16">
        <v>1</v>
      </c>
      <c r="Q205" s="22" t="s">
        <v>268</v>
      </c>
    </row>
    <row r="206" spans="1:17">
      <c r="A206" s="21" t="s">
        <v>240</v>
      </c>
      <c r="B206" s="21" t="s">
        <v>237</v>
      </c>
      <c r="C206" s="21" t="s">
        <v>265</v>
      </c>
      <c r="D206" s="21" t="s">
        <v>214</v>
      </c>
      <c r="E206" s="21" t="s">
        <v>684</v>
      </c>
      <c r="F206" s="21" t="s">
        <v>426</v>
      </c>
      <c r="G206" s="16">
        <v>585</v>
      </c>
      <c r="H206" s="16">
        <v>259</v>
      </c>
      <c r="I206" s="16">
        <v>233</v>
      </c>
      <c r="J206" s="16">
        <v>113</v>
      </c>
      <c r="K206" s="16">
        <v>26</v>
      </c>
      <c r="L206" s="16">
        <v>3</v>
      </c>
      <c r="M206" s="16">
        <v>323</v>
      </c>
      <c r="N206" s="22" t="s">
        <v>268</v>
      </c>
      <c r="O206" s="16">
        <v>4</v>
      </c>
      <c r="P206" s="16">
        <v>109</v>
      </c>
      <c r="Q206" s="16">
        <v>323</v>
      </c>
    </row>
    <row r="207" spans="1:17">
      <c r="A207" s="21" t="s">
        <v>240</v>
      </c>
      <c r="B207" s="21" t="s">
        <v>237</v>
      </c>
      <c r="C207" s="21" t="s">
        <v>265</v>
      </c>
      <c r="D207" s="21" t="s">
        <v>214</v>
      </c>
      <c r="E207" s="21" t="s">
        <v>684</v>
      </c>
      <c r="F207" s="21" t="s">
        <v>720</v>
      </c>
      <c r="G207" s="16">
        <v>16</v>
      </c>
      <c r="H207" s="22" t="s">
        <v>268</v>
      </c>
      <c r="I207" s="22" t="s">
        <v>268</v>
      </c>
      <c r="J207" s="22" t="s">
        <v>268</v>
      </c>
      <c r="K207" s="22" t="s">
        <v>268</v>
      </c>
      <c r="L207" s="22" t="s">
        <v>268</v>
      </c>
      <c r="M207" s="16">
        <v>16</v>
      </c>
      <c r="N207" s="22" t="s">
        <v>268</v>
      </c>
      <c r="O207" s="22" t="s">
        <v>268</v>
      </c>
      <c r="P207" s="22" t="s">
        <v>268</v>
      </c>
      <c r="Q207" s="22" t="s">
        <v>268</v>
      </c>
    </row>
    <row r="208" spans="1:17">
      <c r="A208" s="21" t="s">
        <v>240</v>
      </c>
      <c r="B208" s="21" t="s">
        <v>237</v>
      </c>
      <c r="C208" s="21" t="s">
        <v>265</v>
      </c>
      <c r="D208" s="21" t="s">
        <v>214</v>
      </c>
      <c r="E208" s="21" t="s">
        <v>684</v>
      </c>
      <c r="F208" s="21" t="s">
        <v>427</v>
      </c>
      <c r="G208" s="16">
        <v>689</v>
      </c>
      <c r="H208" s="16">
        <v>317</v>
      </c>
      <c r="I208" s="16">
        <v>287</v>
      </c>
      <c r="J208" s="16">
        <v>137</v>
      </c>
      <c r="K208" s="16">
        <v>30</v>
      </c>
      <c r="L208" s="16">
        <v>3</v>
      </c>
      <c r="M208" s="16">
        <v>369</v>
      </c>
      <c r="N208" s="22" t="s">
        <v>268</v>
      </c>
      <c r="O208" s="16">
        <v>6</v>
      </c>
      <c r="P208" s="16">
        <v>110</v>
      </c>
      <c r="Q208" s="16">
        <v>323</v>
      </c>
    </row>
    <row r="209" spans="1:17">
      <c r="A209" s="21" t="s">
        <v>240</v>
      </c>
      <c r="B209" s="21" t="s">
        <v>237</v>
      </c>
      <c r="C209" s="21" t="s">
        <v>265</v>
      </c>
      <c r="D209" s="21" t="s">
        <v>214</v>
      </c>
      <c r="E209" s="21" t="s">
        <v>684</v>
      </c>
      <c r="F209" s="21" t="s">
        <v>428</v>
      </c>
      <c r="G209" s="16">
        <v>231</v>
      </c>
      <c r="H209" s="16">
        <v>101</v>
      </c>
      <c r="I209" s="16">
        <v>88</v>
      </c>
      <c r="J209" s="16">
        <v>40</v>
      </c>
      <c r="K209" s="16">
        <v>13</v>
      </c>
      <c r="L209" s="16">
        <v>1</v>
      </c>
      <c r="M209" s="16">
        <v>129</v>
      </c>
      <c r="N209" s="22" t="s">
        <v>268</v>
      </c>
      <c r="O209" s="16">
        <v>2</v>
      </c>
      <c r="P209" s="16">
        <v>40</v>
      </c>
      <c r="Q209" s="16">
        <v>129</v>
      </c>
    </row>
    <row r="210" spans="1:17">
      <c r="A210" s="21" t="s">
        <v>240</v>
      </c>
      <c r="B210" s="21" t="s">
        <v>237</v>
      </c>
      <c r="C210" s="21" t="s">
        <v>265</v>
      </c>
      <c r="D210" s="21" t="s">
        <v>214</v>
      </c>
      <c r="E210" s="21" t="s">
        <v>684</v>
      </c>
      <c r="F210" s="21" t="s">
        <v>429</v>
      </c>
      <c r="G210" s="16">
        <v>58</v>
      </c>
      <c r="H210" s="16">
        <v>22</v>
      </c>
      <c r="I210" s="16">
        <v>18</v>
      </c>
      <c r="J210" s="16">
        <v>7</v>
      </c>
      <c r="K210" s="16">
        <v>4</v>
      </c>
      <c r="L210" s="22" t="s">
        <v>268</v>
      </c>
      <c r="M210" s="16">
        <v>36</v>
      </c>
      <c r="N210" s="22" t="s">
        <v>268</v>
      </c>
      <c r="O210" s="22" t="s">
        <v>268</v>
      </c>
      <c r="P210" s="16">
        <v>7</v>
      </c>
      <c r="Q210" s="16">
        <v>36</v>
      </c>
    </row>
    <row r="211" spans="1:17">
      <c r="A211" s="21" t="s">
        <v>240</v>
      </c>
      <c r="B211" s="21" t="s">
        <v>237</v>
      </c>
      <c r="C211" s="21" t="s">
        <v>265</v>
      </c>
      <c r="D211" s="21" t="s">
        <v>214</v>
      </c>
      <c r="E211" s="21" t="s">
        <v>685</v>
      </c>
      <c r="F211" s="21" t="s">
        <v>214</v>
      </c>
      <c r="G211" s="16">
        <v>12390</v>
      </c>
      <c r="H211" s="16">
        <v>6035</v>
      </c>
      <c r="I211" s="16">
        <v>5668</v>
      </c>
      <c r="J211" s="16">
        <v>1546</v>
      </c>
      <c r="K211" s="16">
        <v>367</v>
      </c>
      <c r="L211" s="16">
        <v>195</v>
      </c>
      <c r="M211" s="16">
        <v>6120</v>
      </c>
      <c r="N211" s="16">
        <v>40</v>
      </c>
      <c r="O211" s="16">
        <v>194</v>
      </c>
      <c r="P211" s="16">
        <v>448</v>
      </c>
      <c r="Q211" s="16">
        <v>1403</v>
      </c>
    </row>
    <row r="212" spans="1:17">
      <c r="A212" s="21" t="s">
        <v>240</v>
      </c>
      <c r="B212" s="21" t="s">
        <v>237</v>
      </c>
      <c r="C212" s="21" t="s">
        <v>265</v>
      </c>
      <c r="D212" s="21" t="s">
        <v>214</v>
      </c>
      <c r="E212" s="21" t="s">
        <v>685</v>
      </c>
      <c r="F212" s="21" t="s">
        <v>424</v>
      </c>
      <c r="G212" s="22" t="s">
        <v>268</v>
      </c>
      <c r="H212" s="22" t="s">
        <v>268</v>
      </c>
      <c r="I212" s="22" t="s">
        <v>268</v>
      </c>
      <c r="J212" s="22" t="s">
        <v>268</v>
      </c>
      <c r="K212" s="22" t="s">
        <v>268</v>
      </c>
      <c r="L212" s="22" t="s">
        <v>268</v>
      </c>
      <c r="M212" s="22" t="s">
        <v>268</v>
      </c>
      <c r="N212" s="22" t="s">
        <v>268</v>
      </c>
      <c r="O212" s="22" t="s">
        <v>268</v>
      </c>
      <c r="P212" s="22" t="s">
        <v>268</v>
      </c>
      <c r="Q212" s="22" t="s">
        <v>268</v>
      </c>
    </row>
    <row r="213" spans="1:17">
      <c r="A213" s="21" t="s">
        <v>240</v>
      </c>
      <c r="B213" s="21" t="s">
        <v>237</v>
      </c>
      <c r="C213" s="21" t="s">
        <v>265</v>
      </c>
      <c r="D213" s="21" t="s">
        <v>214</v>
      </c>
      <c r="E213" s="21" t="s">
        <v>685</v>
      </c>
      <c r="F213" s="21" t="s">
        <v>425</v>
      </c>
      <c r="G213" s="16">
        <v>9102</v>
      </c>
      <c r="H213" s="16">
        <v>5026</v>
      </c>
      <c r="I213" s="16">
        <v>4758</v>
      </c>
      <c r="J213" s="16">
        <v>1062</v>
      </c>
      <c r="K213" s="16">
        <v>268</v>
      </c>
      <c r="L213" s="16">
        <v>172</v>
      </c>
      <c r="M213" s="16">
        <v>3904</v>
      </c>
      <c r="N213" s="22" t="s">
        <v>268</v>
      </c>
      <c r="O213" s="16">
        <v>150</v>
      </c>
      <c r="P213" s="16">
        <v>3</v>
      </c>
      <c r="Q213" s="22" t="s">
        <v>268</v>
      </c>
    </row>
    <row r="214" spans="1:17">
      <c r="A214" s="21" t="s">
        <v>240</v>
      </c>
      <c r="B214" s="21" t="s">
        <v>237</v>
      </c>
      <c r="C214" s="21" t="s">
        <v>265</v>
      </c>
      <c r="D214" s="21" t="s">
        <v>214</v>
      </c>
      <c r="E214" s="21" t="s">
        <v>685</v>
      </c>
      <c r="F214" s="21" t="s">
        <v>426</v>
      </c>
      <c r="G214" s="16">
        <v>2435</v>
      </c>
      <c r="H214" s="16">
        <v>1009</v>
      </c>
      <c r="I214" s="16">
        <v>910</v>
      </c>
      <c r="J214" s="16">
        <v>484</v>
      </c>
      <c r="K214" s="16">
        <v>99</v>
      </c>
      <c r="L214" s="16">
        <v>23</v>
      </c>
      <c r="M214" s="16">
        <v>1403</v>
      </c>
      <c r="N214" s="22" t="s">
        <v>268</v>
      </c>
      <c r="O214" s="16">
        <v>44</v>
      </c>
      <c r="P214" s="16">
        <v>445</v>
      </c>
      <c r="Q214" s="16">
        <v>1403</v>
      </c>
    </row>
    <row r="215" spans="1:17">
      <c r="A215" s="21" t="s">
        <v>240</v>
      </c>
      <c r="B215" s="21" t="s">
        <v>237</v>
      </c>
      <c r="C215" s="21" t="s">
        <v>265</v>
      </c>
      <c r="D215" s="21" t="s">
        <v>214</v>
      </c>
      <c r="E215" s="21" t="s">
        <v>685</v>
      </c>
      <c r="F215" s="21" t="s">
        <v>720</v>
      </c>
      <c r="G215" s="16">
        <v>853</v>
      </c>
      <c r="H215" s="22" t="s">
        <v>268</v>
      </c>
      <c r="I215" s="22" t="s">
        <v>268</v>
      </c>
      <c r="J215" s="22" t="s">
        <v>268</v>
      </c>
      <c r="K215" s="22" t="s">
        <v>268</v>
      </c>
      <c r="L215" s="22" t="s">
        <v>268</v>
      </c>
      <c r="M215" s="16">
        <v>813</v>
      </c>
      <c r="N215" s="16">
        <v>40</v>
      </c>
      <c r="O215" s="22" t="s">
        <v>268</v>
      </c>
      <c r="P215" s="22" t="s">
        <v>268</v>
      </c>
      <c r="Q215" s="22" t="s">
        <v>268</v>
      </c>
    </row>
    <row r="216" spans="1:17">
      <c r="A216" s="21" t="s">
        <v>240</v>
      </c>
      <c r="B216" s="21" t="s">
        <v>237</v>
      </c>
      <c r="C216" s="21" t="s">
        <v>265</v>
      </c>
      <c r="D216" s="21" t="s">
        <v>214</v>
      </c>
      <c r="E216" s="21" t="s">
        <v>685</v>
      </c>
      <c r="F216" s="21" t="s">
        <v>427</v>
      </c>
      <c r="G216" s="16">
        <v>3246</v>
      </c>
      <c r="H216" s="16">
        <v>1387</v>
      </c>
      <c r="I216" s="16">
        <v>1254</v>
      </c>
      <c r="J216" s="16">
        <v>649</v>
      </c>
      <c r="K216" s="16">
        <v>133</v>
      </c>
      <c r="L216" s="16">
        <v>33</v>
      </c>
      <c r="M216" s="16">
        <v>1826</v>
      </c>
      <c r="N216" s="22" t="s">
        <v>268</v>
      </c>
      <c r="O216" s="16">
        <v>59</v>
      </c>
      <c r="P216" s="16">
        <v>448</v>
      </c>
      <c r="Q216" s="16">
        <v>1403</v>
      </c>
    </row>
    <row r="217" spans="1:17">
      <c r="A217" s="21" t="s">
        <v>240</v>
      </c>
      <c r="B217" s="21" t="s">
        <v>237</v>
      </c>
      <c r="C217" s="21" t="s">
        <v>265</v>
      </c>
      <c r="D217" s="21" t="s">
        <v>214</v>
      </c>
      <c r="E217" s="21" t="s">
        <v>685</v>
      </c>
      <c r="F217" s="21" t="s">
        <v>428</v>
      </c>
      <c r="G217" s="16">
        <v>931</v>
      </c>
      <c r="H217" s="16">
        <v>381</v>
      </c>
      <c r="I217" s="16">
        <v>341</v>
      </c>
      <c r="J217" s="16">
        <v>174</v>
      </c>
      <c r="K217" s="16">
        <v>40</v>
      </c>
      <c r="L217" s="16">
        <v>6</v>
      </c>
      <c r="M217" s="16">
        <v>544</v>
      </c>
      <c r="N217" s="22" t="s">
        <v>268</v>
      </c>
      <c r="O217" s="16">
        <v>17</v>
      </c>
      <c r="P217" s="16">
        <v>172</v>
      </c>
      <c r="Q217" s="16">
        <v>544</v>
      </c>
    </row>
    <row r="218" spans="1:17">
      <c r="A218" s="21" t="s">
        <v>240</v>
      </c>
      <c r="B218" s="21" t="s">
        <v>237</v>
      </c>
      <c r="C218" s="21" t="s">
        <v>265</v>
      </c>
      <c r="D218" s="21" t="s">
        <v>214</v>
      </c>
      <c r="E218" s="21" t="s">
        <v>685</v>
      </c>
      <c r="F218" s="21" t="s">
        <v>429</v>
      </c>
      <c r="G218" s="16">
        <v>211</v>
      </c>
      <c r="H218" s="16">
        <v>75</v>
      </c>
      <c r="I218" s="16">
        <v>65</v>
      </c>
      <c r="J218" s="16">
        <v>25</v>
      </c>
      <c r="K218" s="16">
        <v>10</v>
      </c>
      <c r="L218" s="16">
        <v>1</v>
      </c>
      <c r="M218" s="16">
        <v>135</v>
      </c>
      <c r="N218" s="22" t="s">
        <v>268</v>
      </c>
      <c r="O218" s="16">
        <v>3</v>
      </c>
      <c r="P218" s="16">
        <v>25</v>
      </c>
      <c r="Q218" s="16">
        <v>135</v>
      </c>
    </row>
    <row r="219" spans="1:17">
      <c r="A219" s="21" t="s">
        <v>240</v>
      </c>
      <c r="B219" s="21" t="s">
        <v>237</v>
      </c>
      <c r="C219" s="21" t="s">
        <v>265</v>
      </c>
      <c r="D219" s="21" t="s">
        <v>214</v>
      </c>
      <c r="E219" s="21" t="s">
        <v>686</v>
      </c>
      <c r="F219" s="21" t="s">
        <v>214</v>
      </c>
      <c r="G219" s="16">
        <v>1182</v>
      </c>
      <c r="H219" s="16">
        <v>408</v>
      </c>
      <c r="I219" s="16">
        <v>390</v>
      </c>
      <c r="J219" s="16">
        <v>133</v>
      </c>
      <c r="K219" s="16">
        <v>18</v>
      </c>
      <c r="L219" s="16">
        <v>6</v>
      </c>
      <c r="M219" s="16">
        <v>768</v>
      </c>
      <c r="N219" s="22" t="s">
        <v>268</v>
      </c>
      <c r="O219" s="16">
        <v>13</v>
      </c>
      <c r="P219" s="16">
        <v>15</v>
      </c>
      <c r="Q219" s="16">
        <v>13</v>
      </c>
    </row>
    <row r="220" spans="1:17">
      <c r="A220" s="21" t="s">
        <v>240</v>
      </c>
      <c r="B220" s="21" t="s">
        <v>237</v>
      </c>
      <c r="C220" s="21" t="s">
        <v>265</v>
      </c>
      <c r="D220" s="21" t="s">
        <v>214</v>
      </c>
      <c r="E220" s="21" t="s">
        <v>686</v>
      </c>
      <c r="F220" s="21" t="s">
        <v>424</v>
      </c>
      <c r="G220" s="22" t="s">
        <v>268</v>
      </c>
      <c r="H220" s="22" t="s">
        <v>268</v>
      </c>
      <c r="I220" s="22" t="s">
        <v>268</v>
      </c>
      <c r="J220" s="22" t="s">
        <v>268</v>
      </c>
      <c r="K220" s="22" t="s">
        <v>268</v>
      </c>
      <c r="L220" s="22" t="s">
        <v>268</v>
      </c>
      <c r="M220" s="22" t="s">
        <v>268</v>
      </c>
      <c r="N220" s="22" t="s">
        <v>268</v>
      </c>
      <c r="O220" s="22" t="s">
        <v>268</v>
      </c>
      <c r="P220" s="22" t="s">
        <v>268</v>
      </c>
      <c r="Q220" s="22" t="s">
        <v>268</v>
      </c>
    </row>
    <row r="221" spans="1:17">
      <c r="A221" s="21" t="s">
        <v>240</v>
      </c>
      <c r="B221" s="21" t="s">
        <v>237</v>
      </c>
      <c r="C221" s="21" t="s">
        <v>265</v>
      </c>
      <c r="D221" s="21" t="s">
        <v>214</v>
      </c>
      <c r="E221" s="21" t="s">
        <v>686</v>
      </c>
      <c r="F221" s="21" t="s">
        <v>425</v>
      </c>
      <c r="G221" s="16">
        <v>1087</v>
      </c>
      <c r="H221" s="16">
        <v>375</v>
      </c>
      <c r="I221" s="16">
        <v>363</v>
      </c>
      <c r="J221" s="16">
        <v>115</v>
      </c>
      <c r="K221" s="16">
        <v>12</v>
      </c>
      <c r="L221" s="16">
        <v>6</v>
      </c>
      <c r="M221" s="16">
        <v>706</v>
      </c>
      <c r="N221" s="22" t="s">
        <v>268</v>
      </c>
      <c r="O221" s="16">
        <v>9</v>
      </c>
      <c r="P221" s="22" t="s">
        <v>268</v>
      </c>
      <c r="Q221" s="22" t="s">
        <v>268</v>
      </c>
    </row>
    <row r="222" spans="1:17">
      <c r="A222" s="21" t="s">
        <v>240</v>
      </c>
      <c r="B222" s="21" t="s">
        <v>237</v>
      </c>
      <c r="C222" s="21" t="s">
        <v>265</v>
      </c>
      <c r="D222" s="21" t="s">
        <v>214</v>
      </c>
      <c r="E222" s="21" t="s">
        <v>686</v>
      </c>
      <c r="F222" s="21" t="s">
        <v>426</v>
      </c>
      <c r="G222" s="16">
        <v>46</v>
      </c>
      <c r="H222" s="16">
        <v>33</v>
      </c>
      <c r="I222" s="16">
        <v>27</v>
      </c>
      <c r="J222" s="16">
        <v>18</v>
      </c>
      <c r="K222" s="16">
        <v>6</v>
      </c>
      <c r="L222" s="22" t="s">
        <v>268</v>
      </c>
      <c r="M222" s="16">
        <v>13</v>
      </c>
      <c r="N222" s="22" t="s">
        <v>268</v>
      </c>
      <c r="O222" s="16">
        <v>4</v>
      </c>
      <c r="P222" s="16">
        <v>15</v>
      </c>
      <c r="Q222" s="16">
        <v>13</v>
      </c>
    </row>
    <row r="223" spans="1:17">
      <c r="A223" s="21" t="s">
        <v>240</v>
      </c>
      <c r="B223" s="21" t="s">
        <v>237</v>
      </c>
      <c r="C223" s="21" t="s">
        <v>265</v>
      </c>
      <c r="D223" s="21" t="s">
        <v>214</v>
      </c>
      <c r="E223" s="21" t="s">
        <v>686</v>
      </c>
      <c r="F223" s="21" t="s">
        <v>720</v>
      </c>
      <c r="G223" s="16">
        <v>49</v>
      </c>
      <c r="H223" s="22" t="s">
        <v>268</v>
      </c>
      <c r="I223" s="22" t="s">
        <v>268</v>
      </c>
      <c r="J223" s="22" t="s">
        <v>268</v>
      </c>
      <c r="K223" s="22" t="s">
        <v>268</v>
      </c>
      <c r="L223" s="22" t="s">
        <v>268</v>
      </c>
      <c r="M223" s="16">
        <v>49</v>
      </c>
      <c r="N223" s="22" t="s">
        <v>268</v>
      </c>
      <c r="O223" s="22" t="s">
        <v>268</v>
      </c>
      <c r="P223" s="22" t="s">
        <v>268</v>
      </c>
      <c r="Q223" s="22" t="s">
        <v>268</v>
      </c>
    </row>
    <row r="224" spans="1:17">
      <c r="A224" s="21" t="s">
        <v>240</v>
      </c>
      <c r="B224" s="21" t="s">
        <v>237</v>
      </c>
      <c r="C224" s="21" t="s">
        <v>265</v>
      </c>
      <c r="D224" s="21" t="s">
        <v>214</v>
      </c>
      <c r="E224" s="21" t="s">
        <v>686</v>
      </c>
      <c r="F224" s="21" t="s">
        <v>427</v>
      </c>
      <c r="G224" s="16">
        <v>97</v>
      </c>
      <c r="H224" s="16">
        <v>54</v>
      </c>
      <c r="I224" s="16">
        <v>44</v>
      </c>
      <c r="J224" s="16">
        <v>28</v>
      </c>
      <c r="K224" s="16">
        <v>10</v>
      </c>
      <c r="L224" s="22" t="s">
        <v>268</v>
      </c>
      <c r="M224" s="16">
        <v>43</v>
      </c>
      <c r="N224" s="22" t="s">
        <v>268</v>
      </c>
      <c r="O224" s="16">
        <v>7</v>
      </c>
      <c r="P224" s="16">
        <v>15</v>
      </c>
      <c r="Q224" s="16">
        <v>13</v>
      </c>
    </row>
    <row r="225" spans="1:17">
      <c r="A225" s="21" t="s">
        <v>240</v>
      </c>
      <c r="B225" s="21" t="s">
        <v>237</v>
      </c>
      <c r="C225" s="21" t="s">
        <v>265</v>
      </c>
      <c r="D225" s="21" t="s">
        <v>214</v>
      </c>
      <c r="E225" s="21" t="s">
        <v>686</v>
      </c>
      <c r="F225" s="21" t="s">
        <v>428</v>
      </c>
      <c r="G225" s="16">
        <v>16</v>
      </c>
      <c r="H225" s="16">
        <v>13</v>
      </c>
      <c r="I225" s="16">
        <v>9</v>
      </c>
      <c r="J225" s="16">
        <v>6</v>
      </c>
      <c r="K225" s="16">
        <v>4</v>
      </c>
      <c r="L225" s="22" t="s">
        <v>268</v>
      </c>
      <c r="M225" s="16">
        <v>3</v>
      </c>
      <c r="N225" s="22" t="s">
        <v>268</v>
      </c>
      <c r="O225" s="16">
        <v>3</v>
      </c>
      <c r="P225" s="16">
        <v>5</v>
      </c>
      <c r="Q225" s="16">
        <v>3</v>
      </c>
    </row>
    <row r="226" spans="1:17">
      <c r="A226" s="21" t="s">
        <v>240</v>
      </c>
      <c r="B226" s="21" t="s">
        <v>237</v>
      </c>
      <c r="C226" s="21" t="s">
        <v>265</v>
      </c>
      <c r="D226" s="21" t="s">
        <v>214</v>
      </c>
      <c r="E226" s="21" t="s">
        <v>686</v>
      </c>
      <c r="F226" s="21" t="s">
        <v>429</v>
      </c>
      <c r="G226" s="16">
        <v>1</v>
      </c>
      <c r="H226" s="16">
        <v>1</v>
      </c>
      <c r="I226" s="16">
        <v>1</v>
      </c>
      <c r="J226" s="22" t="s">
        <v>268</v>
      </c>
      <c r="K226" s="22" t="s">
        <v>268</v>
      </c>
      <c r="L226" s="22" t="s">
        <v>268</v>
      </c>
      <c r="M226" s="22" t="s">
        <v>268</v>
      </c>
      <c r="N226" s="22" t="s">
        <v>268</v>
      </c>
      <c r="O226" s="22" t="s">
        <v>268</v>
      </c>
      <c r="P226" s="22" t="s">
        <v>268</v>
      </c>
      <c r="Q226" s="22" t="s">
        <v>268</v>
      </c>
    </row>
    <row r="227" spans="1:17">
      <c r="A227" s="21" t="s">
        <v>240</v>
      </c>
      <c r="B227" s="21" t="s">
        <v>237</v>
      </c>
      <c r="C227" s="21" t="s">
        <v>265</v>
      </c>
      <c r="D227" s="21" t="s">
        <v>214</v>
      </c>
      <c r="E227" s="21" t="s">
        <v>687</v>
      </c>
      <c r="F227" s="21" t="s">
        <v>214</v>
      </c>
      <c r="G227" s="16">
        <v>632</v>
      </c>
      <c r="H227" s="16">
        <v>166</v>
      </c>
      <c r="I227" s="16">
        <v>152</v>
      </c>
      <c r="J227" s="16">
        <v>38</v>
      </c>
      <c r="K227" s="16">
        <v>14</v>
      </c>
      <c r="L227" s="16">
        <v>1</v>
      </c>
      <c r="M227" s="16">
        <v>465</v>
      </c>
      <c r="N227" s="22" t="s">
        <v>268</v>
      </c>
      <c r="O227" s="16">
        <v>6</v>
      </c>
      <c r="P227" s="16">
        <v>18</v>
      </c>
      <c r="Q227" s="16">
        <v>62</v>
      </c>
    </row>
    <row r="228" spans="1:17">
      <c r="A228" s="21" t="s">
        <v>240</v>
      </c>
      <c r="B228" s="21" t="s">
        <v>237</v>
      </c>
      <c r="C228" s="21" t="s">
        <v>265</v>
      </c>
      <c r="D228" s="21" t="s">
        <v>214</v>
      </c>
      <c r="E228" s="21" t="s">
        <v>687</v>
      </c>
      <c r="F228" s="21" t="s">
        <v>424</v>
      </c>
      <c r="G228" s="22" t="s">
        <v>268</v>
      </c>
      <c r="H228" s="22" t="s">
        <v>268</v>
      </c>
      <c r="I228" s="22" t="s">
        <v>268</v>
      </c>
      <c r="J228" s="22" t="s">
        <v>268</v>
      </c>
      <c r="K228" s="22" t="s">
        <v>268</v>
      </c>
      <c r="L228" s="22" t="s">
        <v>268</v>
      </c>
      <c r="M228" s="22" t="s">
        <v>268</v>
      </c>
      <c r="N228" s="22" t="s">
        <v>268</v>
      </c>
      <c r="O228" s="22" t="s">
        <v>268</v>
      </c>
      <c r="P228" s="22" t="s">
        <v>268</v>
      </c>
      <c r="Q228" s="22" t="s">
        <v>268</v>
      </c>
    </row>
    <row r="229" spans="1:17">
      <c r="A229" s="21" t="s">
        <v>240</v>
      </c>
      <c r="B229" s="21" t="s">
        <v>237</v>
      </c>
      <c r="C229" s="21" t="s">
        <v>265</v>
      </c>
      <c r="D229" s="21" t="s">
        <v>214</v>
      </c>
      <c r="E229" s="21" t="s">
        <v>687</v>
      </c>
      <c r="F229" s="21" t="s">
        <v>425</v>
      </c>
      <c r="G229" s="16">
        <v>527</v>
      </c>
      <c r="H229" s="16">
        <v>127</v>
      </c>
      <c r="I229" s="16">
        <v>117</v>
      </c>
      <c r="J229" s="16">
        <v>19</v>
      </c>
      <c r="K229" s="16">
        <v>10</v>
      </c>
      <c r="L229" s="16">
        <v>1</v>
      </c>
      <c r="M229" s="16">
        <v>399</v>
      </c>
      <c r="N229" s="22" t="s">
        <v>268</v>
      </c>
      <c r="O229" s="16">
        <v>5</v>
      </c>
      <c r="P229" s="22" t="s">
        <v>268</v>
      </c>
      <c r="Q229" s="22" t="s">
        <v>268</v>
      </c>
    </row>
    <row r="230" spans="1:17">
      <c r="A230" s="21" t="s">
        <v>240</v>
      </c>
      <c r="B230" s="21" t="s">
        <v>237</v>
      </c>
      <c r="C230" s="21" t="s">
        <v>265</v>
      </c>
      <c r="D230" s="21" t="s">
        <v>214</v>
      </c>
      <c r="E230" s="21" t="s">
        <v>687</v>
      </c>
      <c r="F230" s="21" t="s">
        <v>426</v>
      </c>
      <c r="G230" s="16">
        <v>101</v>
      </c>
      <c r="H230" s="16">
        <v>39</v>
      </c>
      <c r="I230" s="16">
        <v>35</v>
      </c>
      <c r="J230" s="16">
        <v>19</v>
      </c>
      <c r="K230" s="16">
        <v>4</v>
      </c>
      <c r="L230" s="22" t="s">
        <v>268</v>
      </c>
      <c r="M230" s="16">
        <v>62</v>
      </c>
      <c r="N230" s="22" t="s">
        <v>268</v>
      </c>
      <c r="O230" s="16">
        <v>1</v>
      </c>
      <c r="P230" s="16">
        <v>18</v>
      </c>
      <c r="Q230" s="16">
        <v>62</v>
      </c>
    </row>
    <row r="231" spans="1:17">
      <c r="A231" s="21" t="s">
        <v>240</v>
      </c>
      <c r="B231" s="21" t="s">
        <v>237</v>
      </c>
      <c r="C231" s="21" t="s">
        <v>265</v>
      </c>
      <c r="D231" s="21" t="s">
        <v>214</v>
      </c>
      <c r="E231" s="21" t="s">
        <v>687</v>
      </c>
      <c r="F231" s="21" t="s">
        <v>720</v>
      </c>
      <c r="G231" s="16">
        <v>4</v>
      </c>
      <c r="H231" s="22" t="s">
        <v>268</v>
      </c>
      <c r="I231" s="22" t="s">
        <v>268</v>
      </c>
      <c r="J231" s="22" t="s">
        <v>268</v>
      </c>
      <c r="K231" s="22" t="s">
        <v>268</v>
      </c>
      <c r="L231" s="22" t="s">
        <v>268</v>
      </c>
      <c r="M231" s="16">
        <v>4</v>
      </c>
      <c r="N231" s="22" t="s">
        <v>268</v>
      </c>
      <c r="O231" s="22" t="s">
        <v>268</v>
      </c>
      <c r="P231" s="22" t="s">
        <v>268</v>
      </c>
      <c r="Q231" s="22" t="s">
        <v>268</v>
      </c>
    </row>
    <row r="232" spans="1:17">
      <c r="A232" s="21" t="s">
        <v>240</v>
      </c>
      <c r="B232" s="21" t="s">
        <v>237</v>
      </c>
      <c r="C232" s="21" t="s">
        <v>265</v>
      </c>
      <c r="D232" s="21" t="s">
        <v>214</v>
      </c>
      <c r="E232" s="21" t="s">
        <v>687</v>
      </c>
      <c r="F232" s="21" t="s">
        <v>427</v>
      </c>
      <c r="G232" s="16">
        <v>125</v>
      </c>
      <c r="H232" s="16">
        <v>51</v>
      </c>
      <c r="I232" s="16">
        <v>45</v>
      </c>
      <c r="J232" s="16">
        <v>21</v>
      </c>
      <c r="K232" s="16">
        <v>6</v>
      </c>
      <c r="L232" s="22" t="s">
        <v>268</v>
      </c>
      <c r="M232" s="16">
        <v>74</v>
      </c>
      <c r="N232" s="22" t="s">
        <v>268</v>
      </c>
      <c r="O232" s="16">
        <v>3</v>
      </c>
      <c r="P232" s="16">
        <v>18</v>
      </c>
      <c r="Q232" s="16">
        <v>62</v>
      </c>
    </row>
    <row r="233" spans="1:17">
      <c r="A233" s="21" t="s">
        <v>240</v>
      </c>
      <c r="B233" s="21" t="s">
        <v>237</v>
      </c>
      <c r="C233" s="21" t="s">
        <v>265</v>
      </c>
      <c r="D233" s="21" t="s">
        <v>214</v>
      </c>
      <c r="E233" s="21" t="s">
        <v>687</v>
      </c>
      <c r="F233" s="21" t="s">
        <v>428</v>
      </c>
      <c r="G233" s="16">
        <v>41</v>
      </c>
      <c r="H233" s="16">
        <v>15</v>
      </c>
      <c r="I233" s="16">
        <v>14</v>
      </c>
      <c r="J233" s="16">
        <v>10</v>
      </c>
      <c r="K233" s="16">
        <v>1</v>
      </c>
      <c r="L233" s="22" t="s">
        <v>268</v>
      </c>
      <c r="M233" s="16">
        <v>26</v>
      </c>
      <c r="N233" s="22" t="s">
        <v>268</v>
      </c>
      <c r="O233" s="16">
        <v>1</v>
      </c>
      <c r="P233" s="16">
        <v>10</v>
      </c>
      <c r="Q233" s="16">
        <v>26</v>
      </c>
    </row>
    <row r="234" spans="1:17">
      <c r="A234" s="21" t="s">
        <v>240</v>
      </c>
      <c r="B234" s="21" t="s">
        <v>237</v>
      </c>
      <c r="C234" s="21" t="s">
        <v>265</v>
      </c>
      <c r="D234" s="21" t="s">
        <v>214</v>
      </c>
      <c r="E234" s="21" t="s">
        <v>687</v>
      </c>
      <c r="F234" s="21" t="s">
        <v>429</v>
      </c>
      <c r="G234" s="16">
        <v>13</v>
      </c>
      <c r="H234" s="16">
        <v>6</v>
      </c>
      <c r="I234" s="16">
        <v>5</v>
      </c>
      <c r="J234" s="16">
        <v>5</v>
      </c>
      <c r="K234" s="16">
        <v>1</v>
      </c>
      <c r="L234" s="22" t="s">
        <v>268</v>
      </c>
      <c r="M234" s="16">
        <v>7</v>
      </c>
      <c r="N234" s="22" t="s">
        <v>268</v>
      </c>
      <c r="O234" s="16">
        <v>1</v>
      </c>
      <c r="P234" s="16">
        <v>5</v>
      </c>
      <c r="Q234" s="16">
        <v>7</v>
      </c>
    </row>
    <row r="235" spans="1:17">
      <c r="A235" s="21" t="s">
        <v>240</v>
      </c>
      <c r="B235" s="21" t="s">
        <v>237</v>
      </c>
      <c r="C235" s="21" t="s">
        <v>265</v>
      </c>
      <c r="D235" s="21" t="s">
        <v>214</v>
      </c>
      <c r="E235" s="21" t="s">
        <v>688</v>
      </c>
      <c r="F235" s="21" t="s">
        <v>214</v>
      </c>
      <c r="G235" s="16">
        <v>1309</v>
      </c>
      <c r="H235" s="16">
        <v>206</v>
      </c>
      <c r="I235" s="16">
        <v>190</v>
      </c>
      <c r="J235" s="16">
        <v>75</v>
      </c>
      <c r="K235" s="16">
        <v>16</v>
      </c>
      <c r="L235" s="16">
        <v>6</v>
      </c>
      <c r="M235" s="16">
        <v>1097</v>
      </c>
      <c r="N235" s="22" t="s">
        <v>268</v>
      </c>
      <c r="O235" s="16">
        <v>10</v>
      </c>
      <c r="P235" s="16">
        <v>59</v>
      </c>
      <c r="Q235" s="16">
        <v>42</v>
      </c>
    </row>
    <row r="236" spans="1:17">
      <c r="A236" s="21" t="s">
        <v>240</v>
      </c>
      <c r="B236" s="21" t="s">
        <v>237</v>
      </c>
      <c r="C236" s="21" t="s">
        <v>265</v>
      </c>
      <c r="D236" s="21" t="s">
        <v>214</v>
      </c>
      <c r="E236" s="21" t="s">
        <v>688</v>
      </c>
      <c r="F236" s="21" t="s">
        <v>424</v>
      </c>
      <c r="G236" s="22" t="s">
        <v>268</v>
      </c>
      <c r="H236" s="22" t="s">
        <v>268</v>
      </c>
      <c r="I236" s="22" t="s">
        <v>268</v>
      </c>
      <c r="J236" s="22" t="s">
        <v>268</v>
      </c>
      <c r="K236" s="22" t="s">
        <v>268</v>
      </c>
      <c r="L236" s="22" t="s">
        <v>268</v>
      </c>
      <c r="M236" s="22" t="s">
        <v>268</v>
      </c>
      <c r="N236" s="22" t="s">
        <v>268</v>
      </c>
      <c r="O236" s="22" t="s">
        <v>268</v>
      </c>
      <c r="P236" s="22" t="s">
        <v>268</v>
      </c>
      <c r="Q236" s="22" t="s">
        <v>268</v>
      </c>
    </row>
    <row r="237" spans="1:17">
      <c r="A237" s="21" t="s">
        <v>240</v>
      </c>
      <c r="B237" s="21" t="s">
        <v>237</v>
      </c>
      <c r="C237" s="21" t="s">
        <v>265</v>
      </c>
      <c r="D237" s="21" t="s">
        <v>214</v>
      </c>
      <c r="E237" s="21" t="s">
        <v>688</v>
      </c>
      <c r="F237" s="21" t="s">
        <v>425</v>
      </c>
      <c r="G237" s="16">
        <v>1166</v>
      </c>
      <c r="H237" s="16">
        <v>132</v>
      </c>
      <c r="I237" s="16">
        <v>120</v>
      </c>
      <c r="J237" s="16">
        <v>15</v>
      </c>
      <c r="K237" s="16">
        <v>12</v>
      </c>
      <c r="L237" s="16">
        <v>4</v>
      </c>
      <c r="M237" s="16">
        <v>1030</v>
      </c>
      <c r="N237" s="22" t="s">
        <v>268</v>
      </c>
      <c r="O237" s="16">
        <v>8</v>
      </c>
      <c r="P237" s="22" t="s">
        <v>268</v>
      </c>
      <c r="Q237" s="22" t="s">
        <v>268</v>
      </c>
    </row>
    <row r="238" spans="1:17">
      <c r="A238" s="21" t="s">
        <v>240</v>
      </c>
      <c r="B238" s="21" t="s">
        <v>237</v>
      </c>
      <c r="C238" s="21" t="s">
        <v>265</v>
      </c>
      <c r="D238" s="21" t="s">
        <v>214</v>
      </c>
      <c r="E238" s="21" t="s">
        <v>688</v>
      </c>
      <c r="F238" s="21" t="s">
        <v>426</v>
      </c>
      <c r="G238" s="16">
        <v>118</v>
      </c>
      <c r="H238" s="16">
        <v>74</v>
      </c>
      <c r="I238" s="16">
        <v>70</v>
      </c>
      <c r="J238" s="16">
        <v>60</v>
      </c>
      <c r="K238" s="16">
        <v>4</v>
      </c>
      <c r="L238" s="16">
        <v>2</v>
      </c>
      <c r="M238" s="16">
        <v>42</v>
      </c>
      <c r="N238" s="22" t="s">
        <v>268</v>
      </c>
      <c r="O238" s="16">
        <v>2</v>
      </c>
      <c r="P238" s="16">
        <v>59</v>
      </c>
      <c r="Q238" s="16">
        <v>42</v>
      </c>
    </row>
    <row r="239" spans="1:17">
      <c r="A239" s="21" t="s">
        <v>240</v>
      </c>
      <c r="B239" s="21" t="s">
        <v>237</v>
      </c>
      <c r="C239" s="21" t="s">
        <v>265</v>
      </c>
      <c r="D239" s="21" t="s">
        <v>214</v>
      </c>
      <c r="E239" s="21" t="s">
        <v>688</v>
      </c>
      <c r="F239" s="21" t="s">
        <v>720</v>
      </c>
      <c r="G239" s="16">
        <v>25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22" t="s">
        <v>268</v>
      </c>
      <c r="M239" s="16">
        <v>25</v>
      </c>
      <c r="N239" s="22" t="s">
        <v>268</v>
      </c>
      <c r="O239" s="22" t="s">
        <v>268</v>
      </c>
      <c r="P239" s="22" t="s">
        <v>268</v>
      </c>
      <c r="Q239" s="22" t="s">
        <v>268</v>
      </c>
    </row>
    <row r="240" spans="1:17">
      <c r="A240" s="21" t="s">
        <v>240</v>
      </c>
      <c r="B240" s="21" t="s">
        <v>237</v>
      </c>
      <c r="C240" s="21" t="s">
        <v>265</v>
      </c>
      <c r="D240" s="21" t="s">
        <v>214</v>
      </c>
      <c r="E240" s="21" t="s">
        <v>688</v>
      </c>
      <c r="F240" s="21" t="s">
        <v>427</v>
      </c>
      <c r="G240" s="16">
        <v>135</v>
      </c>
      <c r="H240" s="16">
        <v>85</v>
      </c>
      <c r="I240" s="16">
        <v>78</v>
      </c>
      <c r="J240" s="16">
        <v>62</v>
      </c>
      <c r="K240" s="16">
        <v>7</v>
      </c>
      <c r="L240" s="16">
        <v>2</v>
      </c>
      <c r="M240" s="16">
        <v>48</v>
      </c>
      <c r="N240" s="22" t="s">
        <v>268</v>
      </c>
      <c r="O240" s="16">
        <v>3</v>
      </c>
      <c r="P240" s="16">
        <v>59</v>
      </c>
      <c r="Q240" s="16">
        <v>42</v>
      </c>
    </row>
    <row r="241" spans="1:17">
      <c r="A241" s="21" t="s">
        <v>240</v>
      </c>
      <c r="B241" s="21" t="s">
        <v>237</v>
      </c>
      <c r="C241" s="21" t="s">
        <v>265</v>
      </c>
      <c r="D241" s="21" t="s">
        <v>214</v>
      </c>
      <c r="E241" s="21" t="s">
        <v>688</v>
      </c>
      <c r="F241" s="21" t="s">
        <v>428</v>
      </c>
      <c r="G241" s="16">
        <v>79</v>
      </c>
      <c r="H241" s="16">
        <v>56</v>
      </c>
      <c r="I241" s="16">
        <v>54</v>
      </c>
      <c r="J241" s="16">
        <v>50</v>
      </c>
      <c r="K241" s="16">
        <v>2</v>
      </c>
      <c r="L241" s="16">
        <v>2</v>
      </c>
      <c r="M241" s="16">
        <v>21</v>
      </c>
      <c r="N241" s="22" t="s">
        <v>268</v>
      </c>
      <c r="O241" s="16">
        <v>1</v>
      </c>
      <c r="P241" s="16">
        <v>50</v>
      </c>
      <c r="Q241" s="16">
        <v>21</v>
      </c>
    </row>
    <row r="242" spans="1:17">
      <c r="A242" s="21" t="s">
        <v>240</v>
      </c>
      <c r="B242" s="21" t="s">
        <v>237</v>
      </c>
      <c r="C242" s="21" t="s">
        <v>265</v>
      </c>
      <c r="D242" s="21" t="s">
        <v>214</v>
      </c>
      <c r="E242" s="21" t="s">
        <v>688</v>
      </c>
      <c r="F242" s="21" t="s">
        <v>429</v>
      </c>
      <c r="G242" s="16">
        <v>54</v>
      </c>
      <c r="H242" s="16">
        <v>45</v>
      </c>
      <c r="I242" s="16">
        <v>43</v>
      </c>
      <c r="J242" s="16">
        <v>40</v>
      </c>
      <c r="K242" s="16">
        <v>2</v>
      </c>
      <c r="L242" s="16">
        <v>1</v>
      </c>
      <c r="M242" s="16">
        <v>8</v>
      </c>
      <c r="N242" s="22" t="s">
        <v>268</v>
      </c>
      <c r="O242" s="16">
        <v>1</v>
      </c>
      <c r="P242" s="16">
        <v>40</v>
      </c>
      <c r="Q242" s="16">
        <v>8</v>
      </c>
    </row>
    <row r="243" spans="1:17">
      <c r="A243" s="21" t="s">
        <v>240</v>
      </c>
      <c r="B243" s="21" t="s">
        <v>237</v>
      </c>
      <c r="C243" s="21" t="s">
        <v>265</v>
      </c>
      <c r="D243" s="21" t="s">
        <v>214</v>
      </c>
      <c r="E243" s="21" t="s">
        <v>689</v>
      </c>
      <c r="F243" s="21" t="s">
        <v>214</v>
      </c>
      <c r="G243" s="22" t="s">
        <v>268</v>
      </c>
      <c r="H243" s="22" t="s">
        <v>268</v>
      </c>
      <c r="I243" s="22" t="s">
        <v>268</v>
      </c>
      <c r="J243" s="22" t="s">
        <v>268</v>
      </c>
      <c r="K243" s="22" t="s">
        <v>268</v>
      </c>
      <c r="L243" s="22" t="s">
        <v>268</v>
      </c>
      <c r="M243" s="22" t="s">
        <v>268</v>
      </c>
      <c r="N243" s="22" t="s">
        <v>268</v>
      </c>
      <c r="O243" s="22" t="s">
        <v>268</v>
      </c>
      <c r="P243" s="22" t="s">
        <v>268</v>
      </c>
      <c r="Q243" s="22" t="s">
        <v>268</v>
      </c>
    </row>
    <row r="244" spans="1:17">
      <c r="A244" s="21" t="s">
        <v>240</v>
      </c>
      <c r="B244" s="21" t="s">
        <v>237</v>
      </c>
      <c r="C244" s="21" t="s">
        <v>265</v>
      </c>
      <c r="D244" s="21" t="s">
        <v>214</v>
      </c>
      <c r="E244" s="21" t="s">
        <v>689</v>
      </c>
      <c r="F244" s="21" t="s">
        <v>424</v>
      </c>
      <c r="G244" s="22" t="s">
        <v>268</v>
      </c>
      <c r="H244" s="22" t="s">
        <v>268</v>
      </c>
      <c r="I244" s="22" t="s">
        <v>268</v>
      </c>
      <c r="J244" s="22" t="s">
        <v>268</v>
      </c>
      <c r="K244" s="22" t="s">
        <v>268</v>
      </c>
      <c r="L244" s="22" t="s">
        <v>268</v>
      </c>
      <c r="M244" s="22" t="s">
        <v>268</v>
      </c>
      <c r="N244" s="22" t="s">
        <v>268</v>
      </c>
      <c r="O244" s="22" t="s">
        <v>268</v>
      </c>
      <c r="P244" s="22" t="s">
        <v>268</v>
      </c>
      <c r="Q244" s="22" t="s">
        <v>268</v>
      </c>
    </row>
    <row r="245" spans="1:17">
      <c r="A245" s="21" t="s">
        <v>240</v>
      </c>
      <c r="B245" s="21" t="s">
        <v>237</v>
      </c>
      <c r="C245" s="21" t="s">
        <v>265</v>
      </c>
      <c r="D245" s="21" t="s">
        <v>214</v>
      </c>
      <c r="E245" s="21" t="s">
        <v>689</v>
      </c>
      <c r="F245" s="21" t="s">
        <v>425</v>
      </c>
      <c r="G245" s="22" t="s">
        <v>268</v>
      </c>
      <c r="H245" s="22" t="s">
        <v>268</v>
      </c>
      <c r="I245" s="22" t="s">
        <v>268</v>
      </c>
      <c r="J245" s="22" t="s">
        <v>268</v>
      </c>
      <c r="K245" s="22" t="s">
        <v>268</v>
      </c>
      <c r="L245" s="22" t="s">
        <v>268</v>
      </c>
      <c r="M245" s="22" t="s">
        <v>268</v>
      </c>
      <c r="N245" s="22" t="s">
        <v>268</v>
      </c>
      <c r="O245" s="22" t="s">
        <v>268</v>
      </c>
      <c r="P245" s="22" t="s">
        <v>268</v>
      </c>
      <c r="Q245" s="22" t="s">
        <v>268</v>
      </c>
    </row>
    <row r="246" spans="1:17">
      <c r="A246" s="21" t="s">
        <v>240</v>
      </c>
      <c r="B246" s="21" t="s">
        <v>237</v>
      </c>
      <c r="C246" s="21" t="s">
        <v>265</v>
      </c>
      <c r="D246" s="21" t="s">
        <v>214</v>
      </c>
      <c r="E246" s="21" t="s">
        <v>689</v>
      </c>
      <c r="F246" s="21" t="s">
        <v>426</v>
      </c>
      <c r="G246" s="22" t="s">
        <v>268</v>
      </c>
      <c r="H246" s="22" t="s">
        <v>268</v>
      </c>
      <c r="I246" s="22" t="s">
        <v>268</v>
      </c>
      <c r="J246" s="22" t="s">
        <v>268</v>
      </c>
      <c r="K246" s="22" t="s">
        <v>268</v>
      </c>
      <c r="L246" s="22" t="s">
        <v>268</v>
      </c>
      <c r="M246" s="22" t="s">
        <v>268</v>
      </c>
      <c r="N246" s="22" t="s">
        <v>268</v>
      </c>
      <c r="O246" s="22" t="s">
        <v>268</v>
      </c>
      <c r="P246" s="22" t="s">
        <v>268</v>
      </c>
      <c r="Q246" s="22" t="s">
        <v>268</v>
      </c>
    </row>
    <row r="247" spans="1:17">
      <c r="A247" s="21" t="s">
        <v>240</v>
      </c>
      <c r="B247" s="21" t="s">
        <v>237</v>
      </c>
      <c r="C247" s="21" t="s">
        <v>265</v>
      </c>
      <c r="D247" s="21" t="s">
        <v>214</v>
      </c>
      <c r="E247" s="21" t="s">
        <v>689</v>
      </c>
      <c r="F247" s="21" t="s">
        <v>720</v>
      </c>
      <c r="G247" s="22" t="s">
        <v>268</v>
      </c>
      <c r="H247" s="22" t="s">
        <v>268</v>
      </c>
      <c r="I247" s="22" t="s">
        <v>268</v>
      </c>
      <c r="J247" s="22" t="s">
        <v>268</v>
      </c>
      <c r="K247" s="22" t="s">
        <v>268</v>
      </c>
      <c r="L247" s="22" t="s">
        <v>268</v>
      </c>
      <c r="M247" s="22" t="s">
        <v>268</v>
      </c>
      <c r="N247" s="22" t="s">
        <v>268</v>
      </c>
      <c r="O247" s="22" t="s">
        <v>268</v>
      </c>
      <c r="P247" s="22" t="s">
        <v>268</v>
      </c>
      <c r="Q247" s="22" t="s">
        <v>268</v>
      </c>
    </row>
    <row r="248" spans="1:17">
      <c r="A248" s="21" t="s">
        <v>240</v>
      </c>
      <c r="B248" s="21" t="s">
        <v>237</v>
      </c>
      <c r="C248" s="21" t="s">
        <v>265</v>
      </c>
      <c r="D248" s="21" t="s">
        <v>214</v>
      </c>
      <c r="E248" s="21" t="s">
        <v>689</v>
      </c>
      <c r="F248" s="21" t="s">
        <v>427</v>
      </c>
      <c r="G248" s="22" t="s">
        <v>268</v>
      </c>
      <c r="H248" s="22" t="s">
        <v>268</v>
      </c>
      <c r="I248" s="22" t="s">
        <v>268</v>
      </c>
      <c r="J248" s="22" t="s">
        <v>268</v>
      </c>
      <c r="K248" s="22" t="s">
        <v>268</v>
      </c>
      <c r="L248" s="22" t="s">
        <v>268</v>
      </c>
      <c r="M248" s="22" t="s">
        <v>268</v>
      </c>
      <c r="N248" s="22" t="s">
        <v>268</v>
      </c>
      <c r="O248" s="22" t="s">
        <v>268</v>
      </c>
      <c r="P248" s="22" t="s">
        <v>268</v>
      </c>
      <c r="Q248" s="22" t="s">
        <v>268</v>
      </c>
    </row>
    <row r="249" spans="1:17">
      <c r="A249" s="21" t="s">
        <v>240</v>
      </c>
      <c r="B249" s="21" t="s">
        <v>237</v>
      </c>
      <c r="C249" s="21" t="s">
        <v>265</v>
      </c>
      <c r="D249" s="21" t="s">
        <v>214</v>
      </c>
      <c r="E249" s="21" t="s">
        <v>689</v>
      </c>
      <c r="F249" s="21" t="s">
        <v>428</v>
      </c>
      <c r="G249" s="22" t="s">
        <v>268</v>
      </c>
      <c r="H249" s="22" t="s">
        <v>268</v>
      </c>
      <c r="I249" s="22" t="s">
        <v>268</v>
      </c>
      <c r="J249" s="22" t="s">
        <v>268</v>
      </c>
      <c r="K249" s="22" t="s">
        <v>268</v>
      </c>
      <c r="L249" s="22" t="s">
        <v>268</v>
      </c>
      <c r="M249" s="22" t="s">
        <v>268</v>
      </c>
      <c r="N249" s="22" t="s">
        <v>268</v>
      </c>
      <c r="O249" s="22" t="s">
        <v>268</v>
      </c>
      <c r="P249" s="22" t="s">
        <v>268</v>
      </c>
      <c r="Q249" s="22" t="s">
        <v>268</v>
      </c>
    </row>
    <row r="250" spans="1:17">
      <c r="A250" s="21" t="s">
        <v>240</v>
      </c>
      <c r="B250" s="21" t="s">
        <v>237</v>
      </c>
      <c r="C250" s="21" t="s">
        <v>265</v>
      </c>
      <c r="D250" s="21" t="s">
        <v>214</v>
      </c>
      <c r="E250" s="21" t="s">
        <v>689</v>
      </c>
      <c r="F250" s="21" t="s">
        <v>429</v>
      </c>
      <c r="G250" s="22" t="s">
        <v>268</v>
      </c>
      <c r="H250" s="22" t="s">
        <v>268</v>
      </c>
      <c r="I250" s="22" t="s">
        <v>268</v>
      </c>
      <c r="J250" s="22" t="s">
        <v>268</v>
      </c>
      <c r="K250" s="22" t="s">
        <v>268</v>
      </c>
      <c r="L250" s="22" t="s">
        <v>268</v>
      </c>
      <c r="M250" s="22" t="s">
        <v>268</v>
      </c>
      <c r="N250" s="22" t="s">
        <v>268</v>
      </c>
      <c r="O250" s="22" t="s">
        <v>268</v>
      </c>
      <c r="P250" s="22" t="s">
        <v>268</v>
      </c>
      <c r="Q25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7" orientation="portrait" r:id="rId1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FDD6F6-4499-42A6-8D6F-7E3EFA04D79D}">
  <sheetPr>
    <pageSetUpPr fitToPage="1"/>
  </sheetPr>
  <dimension ref="A1:Q250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4" width="12.625" style="20"/>
    <col min="5" max="5" width="33.625" style="20" bestFit="1" customWidth="1"/>
    <col min="6" max="6" width="19" style="20" bestFit="1" customWidth="1"/>
    <col min="7" max="16384" width="12.625" style="20"/>
  </cols>
  <sheetData>
    <row r="1" spans="1:17" s="11" customFormat="1">
      <c r="A1" s="11" t="s">
        <v>192</v>
      </c>
    </row>
    <row r="2" spans="1:17" s="11" customFormat="1">
      <c r="A2" s="11" t="s">
        <v>721</v>
      </c>
    </row>
    <row r="3" spans="1:17" s="11" customFormat="1"/>
    <row r="4" spans="1:17" s="11" customFormat="1" hidden="1"/>
    <row r="5" spans="1:17" s="11" customFormat="1"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  <c r="P5" s="12" t="s">
        <v>494</v>
      </c>
      <c r="Q5" s="12" t="s">
        <v>494</v>
      </c>
    </row>
    <row r="6" spans="1:17" s="11" customFormat="1" ht="24"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</row>
    <row r="7" spans="1:17" s="11" customFormat="1">
      <c r="G7" s="12">
        <v>1</v>
      </c>
      <c r="H7" s="12">
        <v>1</v>
      </c>
      <c r="I7" s="12">
        <v>2</v>
      </c>
      <c r="J7" s="12">
        <v>3</v>
      </c>
      <c r="K7" s="12">
        <v>2</v>
      </c>
      <c r="L7" s="12">
        <v>1</v>
      </c>
      <c r="M7" s="12">
        <v>1</v>
      </c>
      <c r="N7" s="12">
        <v>1</v>
      </c>
      <c r="O7" s="12">
        <v>1</v>
      </c>
      <c r="P7" s="12">
        <v>1</v>
      </c>
      <c r="Q7" s="12">
        <v>1</v>
      </c>
    </row>
    <row r="8" spans="1:17" s="11" customFormat="1" ht="48">
      <c r="G8" s="12" t="s">
        <v>214</v>
      </c>
      <c r="H8" s="12" t="s">
        <v>564</v>
      </c>
      <c r="I8" s="12" t="s">
        <v>565</v>
      </c>
      <c r="J8" s="12" t="s">
        <v>719</v>
      </c>
      <c r="K8" s="12" t="s">
        <v>570</v>
      </c>
      <c r="L8" s="12" t="s">
        <v>594</v>
      </c>
      <c r="M8" s="12" t="s">
        <v>595</v>
      </c>
      <c r="N8" s="12" t="s">
        <v>596</v>
      </c>
      <c r="O8" s="12" t="s">
        <v>597</v>
      </c>
      <c r="P8" s="12" t="s">
        <v>616</v>
      </c>
      <c r="Q8" s="12" t="s">
        <v>617</v>
      </c>
    </row>
    <row r="9" spans="1:17" s="11" customFormat="1"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  <c r="P9" s="13" t="s">
        <v>223</v>
      </c>
      <c r="Q9" s="13" t="s">
        <v>223</v>
      </c>
    </row>
    <row r="10" spans="1:17" s="11" customFormat="1">
      <c r="A10" s="14" t="s">
        <v>224</v>
      </c>
      <c r="B10" s="14" t="s">
        <v>259</v>
      </c>
      <c r="C10" s="14" t="s">
        <v>230</v>
      </c>
      <c r="D10" s="14" t="s">
        <v>621</v>
      </c>
      <c r="E10" s="14" t="s">
        <v>680</v>
      </c>
      <c r="F10" s="14" t="s">
        <v>622</v>
      </c>
      <c r="G10" s="14" t="s">
        <v>231</v>
      </c>
      <c r="H10" s="14"/>
      <c r="I10" s="14"/>
      <c r="J10" s="14"/>
      <c r="K10" s="14"/>
      <c r="L10" s="14"/>
      <c r="M10" s="14"/>
      <c r="N10" s="14"/>
      <c r="O10" s="14"/>
      <c r="P10" s="14"/>
      <c r="Q10" s="14"/>
    </row>
    <row r="11" spans="1:17">
      <c r="A11" s="15" t="s">
        <v>232</v>
      </c>
      <c r="B11" s="15" t="s">
        <v>233</v>
      </c>
      <c r="C11" s="15" t="s">
        <v>262</v>
      </c>
      <c r="D11" s="15" t="s">
        <v>215</v>
      </c>
      <c r="E11" s="15" t="s">
        <v>214</v>
      </c>
      <c r="F11" s="15" t="s">
        <v>214</v>
      </c>
      <c r="G11" s="16">
        <v>40518224</v>
      </c>
      <c r="H11" s="16">
        <v>29103587</v>
      </c>
      <c r="I11" s="16">
        <v>26041021</v>
      </c>
      <c r="J11" s="16">
        <v>10967935</v>
      </c>
      <c r="K11" s="16">
        <v>3062566</v>
      </c>
      <c r="L11" s="16">
        <v>351235</v>
      </c>
      <c r="M11" s="16">
        <v>10936246</v>
      </c>
      <c r="N11" s="16">
        <v>127156</v>
      </c>
      <c r="O11" s="16">
        <v>1928715</v>
      </c>
      <c r="P11" s="16">
        <v>6488396</v>
      </c>
      <c r="Q11" s="16">
        <v>2308171</v>
      </c>
    </row>
    <row r="12" spans="1:17">
      <c r="A12" s="21" t="s">
        <v>232</v>
      </c>
      <c r="B12" s="21" t="s">
        <v>233</v>
      </c>
      <c r="C12" s="21" t="s">
        <v>262</v>
      </c>
      <c r="D12" s="21" t="s">
        <v>215</v>
      </c>
      <c r="E12" s="21" t="s">
        <v>214</v>
      </c>
      <c r="F12" s="21" t="s">
        <v>424</v>
      </c>
      <c r="G12" s="16">
        <v>150</v>
      </c>
      <c r="H12" s="16">
        <v>55</v>
      </c>
      <c r="I12" s="16">
        <v>29</v>
      </c>
      <c r="J12" s="22" t="s">
        <v>268</v>
      </c>
      <c r="K12" s="16">
        <v>26</v>
      </c>
      <c r="L12" s="16">
        <v>1</v>
      </c>
      <c r="M12" s="16">
        <v>94</v>
      </c>
      <c r="N12" s="22" t="s">
        <v>268</v>
      </c>
      <c r="O12" s="22" t="s">
        <v>268</v>
      </c>
      <c r="P12" s="22" t="s">
        <v>268</v>
      </c>
      <c r="Q12" s="22" t="s">
        <v>268</v>
      </c>
    </row>
    <row r="13" spans="1:17">
      <c r="A13" s="21" t="s">
        <v>232</v>
      </c>
      <c r="B13" s="21" t="s">
        <v>233</v>
      </c>
      <c r="C13" s="21" t="s">
        <v>262</v>
      </c>
      <c r="D13" s="21" t="s">
        <v>215</v>
      </c>
      <c r="E13" s="21" t="s">
        <v>214</v>
      </c>
      <c r="F13" s="21" t="s">
        <v>425</v>
      </c>
      <c r="G13" s="16">
        <v>25104787</v>
      </c>
      <c r="H13" s="16">
        <v>17523038</v>
      </c>
      <c r="I13" s="16">
        <v>15920397</v>
      </c>
      <c r="J13" s="16">
        <v>4286154</v>
      </c>
      <c r="K13" s="16">
        <v>1602641</v>
      </c>
      <c r="L13" s="16">
        <v>288346</v>
      </c>
      <c r="M13" s="16">
        <v>7293403</v>
      </c>
      <c r="N13" s="22" t="s">
        <v>268</v>
      </c>
      <c r="O13" s="16">
        <v>1034614</v>
      </c>
      <c r="P13" s="22" t="s">
        <v>268</v>
      </c>
      <c r="Q13" s="22" t="s">
        <v>268</v>
      </c>
    </row>
    <row r="14" spans="1:17">
      <c r="A14" s="21" t="s">
        <v>232</v>
      </c>
      <c r="B14" s="21" t="s">
        <v>233</v>
      </c>
      <c r="C14" s="21" t="s">
        <v>262</v>
      </c>
      <c r="D14" s="21" t="s">
        <v>215</v>
      </c>
      <c r="E14" s="21" t="s">
        <v>214</v>
      </c>
      <c r="F14" s="21" t="s">
        <v>426</v>
      </c>
      <c r="G14" s="16">
        <v>13951553</v>
      </c>
      <c r="H14" s="16">
        <v>11580494</v>
      </c>
      <c r="I14" s="16">
        <v>10120595</v>
      </c>
      <c r="J14" s="16">
        <v>6681781</v>
      </c>
      <c r="K14" s="16">
        <v>1459899</v>
      </c>
      <c r="L14" s="16">
        <v>62888</v>
      </c>
      <c r="M14" s="16">
        <v>2308171</v>
      </c>
      <c r="N14" s="22" t="s">
        <v>268</v>
      </c>
      <c r="O14" s="16">
        <v>894101</v>
      </c>
      <c r="P14" s="16">
        <v>6488396</v>
      </c>
      <c r="Q14" s="16">
        <v>2308171</v>
      </c>
    </row>
    <row r="15" spans="1:17">
      <c r="A15" s="21" t="s">
        <v>232</v>
      </c>
      <c r="B15" s="21" t="s">
        <v>233</v>
      </c>
      <c r="C15" s="21" t="s">
        <v>262</v>
      </c>
      <c r="D15" s="21" t="s">
        <v>215</v>
      </c>
      <c r="E15" s="21" t="s">
        <v>214</v>
      </c>
      <c r="F15" s="21" t="s">
        <v>720</v>
      </c>
      <c r="G15" s="16">
        <v>1461734</v>
      </c>
      <c r="H15" s="22" t="s">
        <v>268</v>
      </c>
      <c r="I15" s="22" t="s">
        <v>268</v>
      </c>
      <c r="J15" s="22" t="s">
        <v>268</v>
      </c>
      <c r="K15" s="22" t="s">
        <v>268</v>
      </c>
      <c r="L15" s="22" t="s">
        <v>268</v>
      </c>
      <c r="M15" s="16">
        <v>1334578</v>
      </c>
      <c r="N15" s="16">
        <v>127156</v>
      </c>
      <c r="O15" s="22" t="s">
        <v>268</v>
      </c>
      <c r="P15" s="22" t="s">
        <v>268</v>
      </c>
      <c r="Q15" s="22" t="s">
        <v>268</v>
      </c>
    </row>
    <row r="16" spans="1:17">
      <c r="A16" s="21" t="s">
        <v>232</v>
      </c>
      <c r="B16" s="21" t="s">
        <v>233</v>
      </c>
      <c r="C16" s="21" t="s">
        <v>262</v>
      </c>
      <c r="D16" s="21" t="s">
        <v>215</v>
      </c>
      <c r="E16" s="21" t="s">
        <v>214</v>
      </c>
      <c r="F16" s="21" t="s">
        <v>427</v>
      </c>
      <c r="G16" s="16">
        <v>17219772</v>
      </c>
      <c r="H16" s="16">
        <v>14177189</v>
      </c>
      <c r="I16" s="16">
        <v>12272398</v>
      </c>
      <c r="J16" s="16">
        <v>7748034</v>
      </c>
      <c r="K16" s="16">
        <v>1904791</v>
      </c>
      <c r="L16" s="16">
        <v>83405</v>
      </c>
      <c r="M16" s="16">
        <v>2959178</v>
      </c>
      <c r="N16" s="22" t="s">
        <v>268</v>
      </c>
      <c r="O16" s="16">
        <v>1138050</v>
      </c>
      <c r="P16" s="16">
        <v>6488396</v>
      </c>
      <c r="Q16" s="16">
        <v>2308171</v>
      </c>
    </row>
    <row r="17" spans="1:17">
      <c r="A17" s="21" t="s">
        <v>232</v>
      </c>
      <c r="B17" s="21" t="s">
        <v>233</v>
      </c>
      <c r="C17" s="21" t="s">
        <v>262</v>
      </c>
      <c r="D17" s="21" t="s">
        <v>215</v>
      </c>
      <c r="E17" s="21" t="s">
        <v>214</v>
      </c>
      <c r="F17" s="21" t="s">
        <v>428</v>
      </c>
      <c r="G17" s="16">
        <v>6288272</v>
      </c>
      <c r="H17" s="16">
        <v>5317825</v>
      </c>
      <c r="I17" s="16">
        <v>4706738</v>
      </c>
      <c r="J17" s="16">
        <v>3230749</v>
      </c>
      <c r="K17" s="16">
        <v>611087</v>
      </c>
      <c r="L17" s="16">
        <v>22945</v>
      </c>
      <c r="M17" s="16">
        <v>947502</v>
      </c>
      <c r="N17" s="22" t="s">
        <v>268</v>
      </c>
      <c r="O17" s="16">
        <v>402607</v>
      </c>
      <c r="P17" s="16">
        <v>3220112</v>
      </c>
      <c r="Q17" s="16">
        <v>947502</v>
      </c>
    </row>
    <row r="18" spans="1:17">
      <c r="A18" s="21" t="s">
        <v>232</v>
      </c>
      <c r="B18" s="21" t="s">
        <v>233</v>
      </c>
      <c r="C18" s="21" t="s">
        <v>262</v>
      </c>
      <c r="D18" s="21" t="s">
        <v>215</v>
      </c>
      <c r="E18" s="21" t="s">
        <v>214</v>
      </c>
      <c r="F18" s="21" t="s">
        <v>429</v>
      </c>
      <c r="G18" s="16">
        <v>1454375</v>
      </c>
      <c r="H18" s="16">
        <v>1171971</v>
      </c>
      <c r="I18" s="16">
        <v>991881</v>
      </c>
      <c r="J18" s="16">
        <v>676024</v>
      </c>
      <c r="K18" s="16">
        <v>180090</v>
      </c>
      <c r="L18" s="16">
        <v>4973</v>
      </c>
      <c r="M18" s="16">
        <v>277431</v>
      </c>
      <c r="N18" s="22" t="s">
        <v>268</v>
      </c>
      <c r="O18" s="16">
        <v>106815</v>
      </c>
      <c r="P18" s="16">
        <v>675553</v>
      </c>
      <c r="Q18" s="16">
        <v>277431</v>
      </c>
    </row>
    <row r="19" spans="1:17">
      <c r="A19" s="21" t="s">
        <v>232</v>
      </c>
      <c r="B19" s="21" t="s">
        <v>233</v>
      </c>
      <c r="C19" s="21" t="s">
        <v>262</v>
      </c>
      <c r="D19" s="21" t="s">
        <v>215</v>
      </c>
      <c r="E19" s="21" t="s">
        <v>681</v>
      </c>
      <c r="F19" s="21" t="s">
        <v>214</v>
      </c>
      <c r="G19" s="16">
        <v>39978386</v>
      </c>
      <c r="H19" s="16">
        <v>29014978</v>
      </c>
      <c r="I19" s="16">
        <v>25958274</v>
      </c>
      <c r="J19" s="16">
        <v>10932152</v>
      </c>
      <c r="K19" s="16">
        <v>3056704</v>
      </c>
      <c r="L19" s="16">
        <v>349098</v>
      </c>
      <c r="M19" s="16">
        <v>10488285</v>
      </c>
      <c r="N19" s="16">
        <v>126025</v>
      </c>
      <c r="O19" s="16">
        <v>1924961</v>
      </c>
      <c r="P19" s="16">
        <v>6466799</v>
      </c>
      <c r="Q19" s="16">
        <v>2292753</v>
      </c>
    </row>
    <row r="20" spans="1:17">
      <c r="A20" s="21" t="s">
        <v>232</v>
      </c>
      <c r="B20" s="21" t="s">
        <v>233</v>
      </c>
      <c r="C20" s="21" t="s">
        <v>262</v>
      </c>
      <c r="D20" s="21" t="s">
        <v>215</v>
      </c>
      <c r="E20" s="21" t="s">
        <v>681</v>
      </c>
      <c r="F20" s="21" t="s">
        <v>424</v>
      </c>
      <c r="G20" s="16">
        <v>131</v>
      </c>
      <c r="H20" s="16">
        <v>54</v>
      </c>
      <c r="I20" s="16">
        <v>28</v>
      </c>
      <c r="J20" s="22" t="s">
        <v>268</v>
      </c>
      <c r="K20" s="16">
        <v>26</v>
      </c>
      <c r="L20" s="16">
        <v>1</v>
      </c>
      <c r="M20" s="16">
        <v>76</v>
      </c>
      <c r="N20" s="22" t="s">
        <v>268</v>
      </c>
      <c r="O20" s="22" t="s">
        <v>268</v>
      </c>
      <c r="P20" s="22" t="s">
        <v>268</v>
      </c>
      <c r="Q20" s="22" t="s">
        <v>268</v>
      </c>
    </row>
    <row r="21" spans="1:17">
      <c r="A21" s="21" t="s">
        <v>232</v>
      </c>
      <c r="B21" s="21" t="s">
        <v>233</v>
      </c>
      <c r="C21" s="21" t="s">
        <v>262</v>
      </c>
      <c r="D21" s="21" t="s">
        <v>215</v>
      </c>
      <c r="E21" s="21" t="s">
        <v>681</v>
      </c>
      <c r="F21" s="21" t="s">
        <v>425</v>
      </c>
      <c r="G21" s="16">
        <v>24647503</v>
      </c>
      <c r="H21" s="16">
        <v>17461828</v>
      </c>
      <c r="I21" s="16">
        <v>15863260</v>
      </c>
      <c r="J21" s="16">
        <v>4272452</v>
      </c>
      <c r="K21" s="16">
        <v>1598568</v>
      </c>
      <c r="L21" s="16">
        <v>286945</v>
      </c>
      <c r="M21" s="16">
        <v>6898730</v>
      </c>
      <c r="N21" s="22" t="s">
        <v>268</v>
      </c>
      <c r="O21" s="16">
        <v>1031993</v>
      </c>
      <c r="P21" s="22" t="s">
        <v>268</v>
      </c>
      <c r="Q21" s="22" t="s">
        <v>268</v>
      </c>
    </row>
    <row r="22" spans="1:17">
      <c r="A22" s="21" t="s">
        <v>232</v>
      </c>
      <c r="B22" s="21" t="s">
        <v>233</v>
      </c>
      <c r="C22" s="21" t="s">
        <v>262</v>
      </c>
      <c r="D22" s="21" t="s">
        <v>215</v>
      </c>
      <c r="E22" s="21" t="s">
        <v>681</v>
      </c>
      <c r="F22" s="21" t="s">
        <v>426</v>
      </c>
      <c r="G22" s="16">
        <v>13908001</v>
      </c>
      <c r="H22" s="16">
        <v>11553096</v>
      </c>
      <c r="I22" s="16">
        <v>10094986</v>
      </c>
      <c r="J22" s="16">
        <v>6659700</v>
      </c>
      <c r="K22" s="16">
        <v>1458110</v>
      </c>
      <c r="L22" s="16">
        <v>62152</v>
      </c>
      <c r="M22" s="16">
        <v>2292753</v>
      </c>
      <c r="N22" s="22" t="s">
        <v>268</v>
      </c>
      <c r="O22" s="16">
        <v>892968</v>
      </c>
      <c r="P22" s="16">
        <v>6466799</v>
      </c>
      <c r="Q22" s="16">
        <v>2292753</v>
      </c>
    </row>
    <row r="23" spans="1:17">
      <c r="A23" s="21" t="s">
        <v>232</v>
      </c>
      <c r="B23" s="21" t="s">
        <v>233</v>
      </c>
      <c r="C23" s="21" t="s">
        <v>262</v>
      </c>
      <c r="D23" s="21" t="s">
        <v>215</v>
      </c>
      <c r="E23" s="21" t="s">
        <v>681</v>
      </c>
      <c r="F23" s="21" t="s">
        <v>720</v>
      </c>
      <c r="G23" s="16">
        <v>1422751</v>
      </c>
      <c r="H23" s="22" t="s">
        <v>268</v>
      </c>
      <c r="I23" s="22" t="s">
        <v>268</v>
      </c>
      <c r="J23" s="22" t="s">
        <v>268</v>
      </c>
      <c r="K23" s="22" t="s">
        <v>268</v>
      </c>
      <c r="L23" s="22" t="s">
        <v>268</v>
      </c>
      <c r="M23" s="16">
        <v>1296726</v>
      </c>
      <c r="N23" s="16">
        <v>126025</v>
      </c>
      <c r="O23" s="22" t="s">
        <v>268</v>
      </c>
      <c r="P23" s="22" t="s">
        <v>268</v>
      </c>
      <c r="Q23" s="22" t="s">
        <v>268</v>
      </c>
    </row>
    <row r="24" spans="1:17">
      <c r="A24" s="21" t="s">
        <v>232</v>
      </c>
      <c r="B24" s="21" t="s">
        <v>233</v>
      </c>
      <c r="C24" s="21" t="s">
        <v>262</v>
      </c>
      <c r="D24" s="21" t="s">
        <v>215</v>
      </c>
      <c r="E24" s="21" t="s">
        <v>681</v>
      </c>
      <c r="F24" s="21" t="s">
        <v>427</v>
      </c>
      <c r="G24" s="16">
        <v>17158951</v>
      </c>
      <c r="H24" s="16">
        <v>14144330</v>
      </c>
      <c r="I24" s="16">
        <v>12242068</v>
      </c>
      <c r="J24" s="16">
        <v>7723483</v>
      </c>
      <c r="K24" s="16">
        <v>1902262</v>
      </c>
      <c r="L24" s="16">
        <v>82554</v>
      </c>
      <c r="M24" s="16">
        <v>2932067</v>
      </c>
      <c r="N24" s="22" t="s">
        <v>268</v>
      </c>
      <c r="O24" s="16">
        <v>1136484</v>
      </c>
      <c r="P24" s="16">
        <v>6466799</v>
      </c>
      <c r="Q24" s="16">
        <v>2292753</v>
      </c>
    </row>
    <row r="25" spans="1:17">
      <c r="A25" s="21" t="s">
        <v>232</v>
      </c>
      <c r="B25" s="21" t="s">
        <v>233</v>
      </c>
      <c r="C25" s="21" t="s">
        <v>262</v>
      </c>
      <c r="D25" s="21" t="s">
        <v>215</v>
      </c>
      <c r="E25" s="21" t="s">
        <v>681</v>
      </c>
      <c r="F25" s="21" t="s">
        <v>428</v>
      </c>
      <c r="G25" s="16">
        <v>6265110</v>
      </c>
      <c r="H25" s="16">
        <v>5298967</v>
      </c>
      <c r="I25" s="16">
        <v>4688604</v>
      </c>
      <c r="J25" s="16">
        <v>3213897</v>
      </c>
      <c r="K25" s="16">
        <v>610363</v>
      </c>
      <c r="L25" s="16">
        <v>22416</v>
      </c>
      <c r="M25" s="16">
        <v>943727</v>
      </c>
      <c r="N25" s="22" t="s">
        <v>268</v>
      </c>
      <c r="O25" s="16">
        <v>402137</v>
      </c>
      <c r="P25" s="16">
        <v>3203293</v>
      </c>
      <c r="Q25" s="16">
        <v>943727</v>
      </c>
    </row>
    <row r="26" spans="1:17">
      <c r="A26" s="21" t="s">
        <v>232</v>
      </c>
      <c r="B26" s="21" t="s">
        <v>233</v>
      </c>
      <c r="C26" s="21" t="s">
        <v>262</v>
      </c>
      <c r="D26" s="21" t="s">
        <v>215</v>
      </c>
      <c r="E26" s="21" t="s">
        <v>681</v>
      </c>
      <c r="F26" s="21" t="s">
        <v>429</v>
      </c>
      <c r="G26" s="16">
        <v>1441933</v>
      </c>
      <c r="H26" s="16">
        <v>1161086</v>
      </c>
      <c r="I26" s="16">
        <v>981193</v>
      </c>
      <c r="J26" s="16">
        <v>665671</v>
      </c>
      <c r="K26" s="16">
        <v>179893</v>
      </c>
      <c r="L26" s="16">
        <v>4635</v>
      </c>
      <c r="M26" s="16">
        <v>276212</v>
      </c>
      <c r="N26" s="22" t="s">
        <v>268</v>
      </c>
      <c r="O26" s="16">
        <v>106698</v>
      </c>
      <c r="P26" s="16">
        <v>665205</v>
      </c>
      <c r="Q26" s="16">
        <v>276212</v>
      </c>
    </row>
    <row r="27" spans="1:17">
      <c r="A27" s="21" t="s">
        <v>232</v>
      </c>
      <c r="B27" s="21" t="s">
        <v>233</v>
      </c>
      <c r="C27" s="21" t="s">
        <v>262</v>
      </c>
      <c r="D27" s="21" t="s">
        <v>215</v>
      </c>
      <c r="E27" s="21" t="s">
        <v>682</v>
      </c>
      <c r="F27" s="21" t="s">
        <v>214</v>
      </c>
      <c r="G27" s="16">
        <v>39572270</v>
      </c>
      <c r="H27" s="16">
        <v>28838682</v>
      </c>
      <c r="I27" s="16">
        <v>25790105</v>
      </c>
      <c r="J27" s="16">
        <v>10870600</v>
      </c>
      <c r="K27" s="16">
        <v>3048577</v>
      </c>
      <c r="L27" s="16">
        <v>346435</v>
      </c>
      <c r="M27" s="16">
        <v>10261582</v>
      </c>
      <c r="N27" s="16">
        <v>125571</v>
      </c>
      <c r="O27" s="16">
        <v>1920974</v>
      </c>
      <c r="P27" s="16">
        <v>6438190</v>
      </c>
      <c r="Q27" s="16">
        <v>2260542</v>
      </c>
    </row>
    <row r="28" spans="1:17">
      <c r="A28" s="21" t="s">
        <v>232</v>
      </c>
      <c r="B28" s="21" t="s">
        <v>233</v>
      </c>
      <c r="C28" s="21" t="s">
        <v>262</v>
      </c>
      <c r="D28" s="21" t="s">
        <v>215</v>
      </c>
      <c r="E28" s="21" t="s">
        <v>682</v>
      </c>
      <c r="F28" s="21" t="s">
        <v>424</v>
      </c>
      <c r="G28" s="16">
        <v>81</v>
      </c>
      <c r="H28" s="16">
        <v>47</v>
      </c>
      <c r="I28" s="16">
        <v>28</v>
      </c>
      <c r="J28" s="22" t="s">
        <v>268</v>
      </c>
      <c r="K28" s="16">
        <v>19</v>
      </c>
      <c r="L28" s="16">
        <v>1</v>
      </c>
      <c r="M28" s="16">
        <v>33</v>
      </c>
      <c r="N28" s="22" t="s">
        <v>268</v>
      </c>
      <c r="O28" s="22" t="s">
        <v>268</v>
      </c>
      <c r="P28" s="22" t="s">
        <v>268</v>
      </c>
      <c r="Q28" s="22" t="s">
        <v>268</v>
      </c>
    </row>
    <row r="29" spans="1:17">
      <c r="A29" s="21" t="s">
        <v>232</v>
      </c>
      <c r="B29" s="21" t="s">
        <v>233</v>
      </c>
      <c r="C29" s="21" t="s">
        <v>262</v>
      </c>
      <c r="D29" s="21" t="s">
        <v>215</v>
      </c>
      <c r="E29" s="21" t="s">
        <v>682</v>
      </c>
      <c r="F29" s="21" t="s">
        <v>425</v>
      </c>
      <c r="G29" s="16">
        <v>24323143</v>
      </c>
      <c r="H29" s="16">
        <v>17326030</v>
      </c>
      <c r="I29" s="16">
        <v>15733249</v>
      </c>
      <c r="J29" s="16">
        <v>4240674</v>
      </c>
      <c r="K29" s="16">
        <v>1592781</v>
      </c>
      <c r="L29" s="16">
        <v>284780</v>
      </c>
      <c r="M29" s="16">
        <v>6712333</v>
      </c>
      <c r="N29" s="22" t="s">
        <v>268</v>
      </c>
      <c r="O29" s="16">
        <v>1029002</v>
      </c>
      <c r="P29" s="22" t="s">
        <v>268</v>
      </c>
      <c r="Q29" s="22" t="s">
        <v>268</v>
      </c>
    </row>
    <row r="30" spans="1:17">
      <c r="A30" s="21" t="s">
        <v>232</v>
      </c>
      <c r="B30" s="21" t="s">
        <v>233</v>
      </c>
      <c r="C30" s="21" t="s">
        <v>262</v>
      </c>
      <c r="D30" s="21" t="s">
        <v>215</v>
      </c>
      <c r="E30" s="21" t="s">
        <v>682</v>
      </c>
      <c r="F30" s="21" t="s">
        <v>426</v>
      </c>
      <c r="G30" s="16">
        <v>13834801</v>
      </c>
      <c r="H30" s="16">
        <v>11512605</v>
      </c>
      <c r="I30" s="16">
        <v>10056828</v>
      </c>
      <c r="J30" s="16">
        <v>6629926</v>
      </c>
      <c r="K30" s="16">
        <v>1455777</v>
      </c>
      <c r="L30" s="16">
        <v>61654</v>
      </c>
      <c r="M30" s="16">
        <v>2260542</v>
      </c>
      <c r="N30" s="22" t="s">
        <v>268</v>
      </c>
      <c r="O30" s="16">
        <v>891972</v>
      </c>
      <c r="P30" s="16">
        <v>6438190</v>
      </c>
      <c r="Q30" s="16">
        <v>2260542</v>
      </c>
    </row>
    <row r="31" spans="1:17">
      <c r="A31" s="21" t="s">
        <v>232</v>
      </c>
      <c r="B31" s="21" t="s">
        <v>233</v>
      </c>
      <c r="C31" s="21" t="s">
        <v>262</v>
      </c>
      <c r="D31" s="21" t="s">
        <v>215</v>
      </c>
      <c r="E31" s="21" t="s">
        <v>682</v>
      </c>
      <c r="F31" s="21" t="s">
        <v>720</v>
      </c>
      <c r="G31" s="16">
        <v>1414245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22" t="s">
        <v>268</v>
      </c>
      <c r="M31" s="16">
        <v>1288674</v>
      </c>
      <c r="N31" s="16">
        <v>125571</v>
      </c>
      <c r="O31" s="22" t="s">
        <v>268</v>
      </c>
      <c r="P31" s="22" t="s">
        <v>268</v>
      </c>
      <c r="Q31" s="22" t="s">
        <v>268</v>
      </c>
    </row>
    <row r="32" spans="1:17">
      <c r="A32" s="21" t="s">
        <v>232</v>
      </c>
      <c r="B32" s="21" t="s">
        <v>233</v>
      </c>
      <c r="C32" s="21" t="s">
        <v>262</v>
      </c>
      <c r="D32" s="21" t="s">
        <v>215</v>
      </c>
      <c r="E32" s="21" t="s">
        <v>682</v>
      </c>
      <c r="F32" s="21" t="s">
        <v>427</v>
      </c>
      <c r="G32" s="16">
        <v>17064619</v>
      </c>
      <c r="H32" s="16">
        <v>14091835</v>
      </c>
      <c r="I32" s="16">
        <v>12192741</v>
      </c>
      <c r="J32" s="16">
        <v>7687836</v>
      </c>
      <c r="K32" s="16">
        <v>1899094</v>
      </c>
      <c r="L32" s="16">
        <v>81907</v>
      </c>
      <c r="M32" s="16">
        <v>2890877</v>
      </c>
      <c r="N32" s="22" t="s">
        <v>268</v>
      </c>
      <c r="O32" s="16">
        <v>1135107</v>
      </c>
      <c r="P32" s="16">
        <v>6438190</v>
      </c>
      <c r="Q32" s="16">
        <v>2260542</v>
      </c>
    </row>
    <row r="33" spans="1:17">
      <c r="A33" s="21" t="s">
        <v>232</v>
      </c>
      <c r="B33" s="21" t="s">
        <v>233</v>
      </c>
      <c r="C33" s="21" t="s">
        <v>262</v>
      </c>
      <c r="D33" s="21" t="s">
        <v>215</v>
      </c>
      <c r="E33" s="21" t="s">
        <v>682</v>
      </c>
      <c r="F33" s="21" t="s">
        <v>428</v>
      </c>
      <c r="G33" s="16">
        <v>6232110</v>
      </c>
      <c r="H33" s="16">
        <v>5279673</v>
      </c>
      <c r="I33" s="16">
        <v>4670169</v>
      </c>
      <c r="J33" s="16">
        <v>3198296</v>
      </c>
      <c r="K33" s="16">
        <v>609504</v>
      </c>
      <c r="L33" s="16">
        <v>22243</v>
      </c>
      <c r="M33" s="16">
        <v>930194</v>
      </c>
      <c r="N33" s="22" t="s">
        <v>268</v>
      </c>
      <c r="O33" s="16">
        <v>401739</v>
      </c>
      <c r="P33" s="16">
        <v>3187757</v>
      </c>
      <c r="Q33" s="16">
        <v>930194</v>
      </c>
    </row>
    <row r="34" spans="1:17">
      <c r="A34" s="21" t="s">
        <v>232</v>
      </c>
      <c r="B34" s="21" t="s">
        <v>233</v>
      </c>
      <c r="C34" s="21" t="s">
        <v>262</v>
      </c>
      <c r="D34" s="21" t="s">
        <v>215</v>
      </c>
      <c r="E34" s="21" t="s">
        <v>682</v>
      </c>
      <c r="F34" s="21" t="s">
        <v>429</v>
      </c>
      <c r="G34" s="16">
        <v>1432807</v>
      </c>
      <c r="H34" s="16">
        <v>1156066</v>
      </c>
      <c r="I34" s="16">
        <v>976358</v>
      </c>
      <c r="J34" s="16">
        <v>661412</v>
      </c>
      <c r="K34" s="16">
        <v>179708</v>
      </c>
      <c r="L34" s="16">
        <v>4606</v>
      </c>
      <c r="M34" s="16">
        <v>272135</v>
      </c>
      <c r="N34" s="22" t="s">
        <v>268</v>
      </c>
      <c r="O34" s="16">
        <v>106635</v>
      </c>
      <c r="P34" s="16">
        <v>660948</v>
      </c>
      <c r="Q34" s="16">
        <v>272135</v>
      </c>
    </row>
    <row r="35" spans="1:17">
      <c r="A35" s="21" t="s">
        <v>232</v>
      </c>
      <c r="B35" s="21" t="s">
        <v>233</v>
      </c>
      <c r="C35" s="21" t="s">
        <v>262</v>
      </c>
      <c r="D35" s="21" t="s">
        <v>215</v>
      </c>
      <c r="E35" s="21" t="s">
        <v>683</v>
      </c>
      <c r="F35" s="21" t="s">
        <v>214</v>
      </c>
      <c r="G35" s="16">
        <v>26402273</v>
      </c>
      <c r="H35" s="16">
        <v>23223620</v>
      </c>
      <c r="I35" s="16">
        <v>20354258</v>
      </c>
      <c r="J35" s="16">
        <v>8478263</v>
      </c>
      <c r="K35" s="16">
        <v>2869362</v>
      </c>
      <c r="L35" s="16">
        <v>119514</v>
      </c>
      <c r="M35" s="16">
        <v>2984106</v>
      </c>
      <c r="N35" s="16">
        <v>75033</v>
      </c>
      <c r="O35" s="16">
        <v>1853733</v>
      </c>
      <c r="P35" s="16">
        <v>5751608</v>
      </c>
      <c r="Q35" s="16">
        <v>1335345</v>
      </c>
    </row>
    <row r="36" spans="1:17">
      <c r="A36" s="21" t="s">
        <v>232</v>
      </c>
      <c r="B36" s="21" t="s">
        <v>233</v>
      </c>
      <c r="C36" s="21" t="s">
        <v>262</v>
      </c>
      <c r="D36" s="21" t="s">
        <v>215</v>
      </c>
      <c r="E36" s="21" t="s">
        <v>683</v>
      </c>
      <c r="F36" s="21" t="s">
        <v>424</v>
      </c>
      <c r="G36" s="16">
        <v>35</v>
      </c>
      <c r="H36" s="16">
        <v>27</v>
      </c>
      <c r="I36" s="16">
        <v>14</v>
      </c>
      <c r="J36" s="22" t="s">
        <v>268</v>
      </c>
      <c r="K36" s="16">
        <v>13</v>
      </c>
      <c r="L36" s="22" t="s">
        <v>268</v>
      </c>
      <c r="M36" s="16">
        <v>8</v>
      </c>
      <c r="N36" s="22" t="s">
        <v>268</v>
      </c>
      <c r="O36" s="22" t="s">
        <v>268</v>
      </c>
      <c r="P36" s="22" t="s">
        <v>268</v>
      </c>
      <c r="Q36" s="22" t="s">
        <v>268</v>
      </c>
    </row>
    <row r="37" spans="1:17">
      <c r="A37" s="21" t="s">
        <v>232</v>
      </c>
      <c r="B37" s="21" t="s">
        <v>233</v>
      </c>
      <c r="C37" s="21" t="s">
        <v>262</v>
      </c>
      <c r="D37" s="21" t="s">
        <v>215</v>
      </c>
      <c r="E37" s="21" t="s">
        <v>683</v>
      </c>
      <c r="F37" s="21" t="s">
        <v>425</v>
      </c>
      <c r="G37" s="16">
        <v>14273663</v>
      </c>
      <c r="H37" s="16">
        <v>12813566</v>
      </c>
      <c r="I37" s="16">
        <v>11347426</v>
      </c>
      <c r="J37" s="16">
        <v>2578281</v>
      </c>
      <c r="K37" s="16">
        <v>1466140</v>
      </c>
      <c r="L37" s="16">
        <v>78586</v>
      </c>
      <c r="M37" s="16">
        <v>1381511</v>
      </c>
      <c r="N37" s="22" t="s">
        <v>268</v>
      </c>
      <c r="O37" s="16">
        <v>982270</v>
      </c>
      <c r="P37" s="22" t="s">
        <v>268</v>
      </c>
      <c r="Q37" s="22" t="s">
        <v>268</v>
      </c>
    </row>
    <row r="38" spans="1:17">
      <c r="A38" s="21" t="s">
        <v>232</v>
      </c>
      <c r="B38" s="21" t="s">
        <v>233</v>
      </c>
      <c r="C38" s="21" t="s">
        <v>262</v>
      </c>
      <c r="D38" s="21" t="s">
        <v>215</v>
      </c>
      <c r="E38" s="21" t="s">
        <v>683</v>
      </c>
      <c r="F38" s="21" t="s">
        <v>426</v>
      </c>
      <c r="G38" s="16">
        <v>11786300</v>
      </c>
      <c r="H38" s="16">
        <v>10410027</v>
      </c>
      <c r="I38" s="16">
        <v>9006818</v>
      </c>
      <c r="J38" s="16">
        <v>5899982</v>
      </c>
      <c r="K38" s="16">
        <v>1403209</v>
      </c>
      <c r="L38" s="16">
        <v>40928</v>
      </c>
      <c r="M38" s="16">
        <v>1335345</v>
      </c>
      <c r="N38" s="22" t="s">
        <v>268</v>
      </c>
      <c r="O38" s="16">
        <v>871463</v>
      </c>
      <c r="P38" s="16">
        <v>5751608</v>
      </c>
      <c r="Q38" s="16">
        <v>1335345</v>
      </c>
    </row>
    <row r="39" spans="1:17">
      <c r="A39" s="21" t="s">
        <v>232</v>
      </c>
      <c r="B39" s="21" t="s">
        <v>233</v>
      </c>
      <c r="C39" s="21" t="s">
        <v>262</v>
      </c>
      <c r="D39" s="21" t="s">
        <v>215</v>
      </c>
      <c r="E39" s="21" t="s">
        <v>683</v>
      </c>
      <c r="F39" s="21" t="s">
        <v>720</v>
      </c>
      <c r="G39" s="16">
        <v>342275</v>
      </c>
      <c r="H39" s="22" t="s">
        <v>268</v>
      </c>
      <c r="I39" s="22" t="s">
        <v>268</v>
      </c>
      <c r="J39" s="22" t="s">
        <v>268</v>
      </c>
      <c r="K39" s="22" t="s">
        <v>268</v>
      </c>
      <c r="L39" s="22" t="s">
        <v>268</v>
      </c>
      <c r="M39" s="16">
        <v>267242</v>
      </c>
      <c r="N39" s="16">
        <v>75033</v>
      </c>
      <c r="O39" s="22" t="s">
        <v>268</v>
      </c>
      <c r="P39" s="22" t="s">
        <v>268</v>
      </c>
      <c r="Q39" s="22" t="s">
        <v>268</v>
      </c>
    </row>
    <row r="40" spans="1:17">
      <c r="A40" s="21" t="s">
        <v>232</v>
      </c>
      <c r="B40" s="21" t="s">
        <v>233</v>
      </c>
      <c r="C40" s="21" t="s">
        <v>262</v>
      </c>
      <c r="D40" s="21" t="s">
        <v>215</v>
      </c>
      <c r="E40" s="21" t="s">
        <v>683</v>
      </c>
      <c r="F40" s="21" t="s">
        <v>427</v>
      </c>
      <c r="G40" s="16">
        <v>14369945</v>
      </c>
      <c r="H40" s="16">
        <v>12676891</v>
      </c>
      <c r="I40" s="16">
        <v>10849050</v>
      </c>
      <c r="J40" s="16">
        <v>6798277</v>
      </c>
      <c r="K40" s="16">
        <v>1827841</v>
      </c>
      <c r="L40" s="16">
        <v>53315</v>
      </c>
      <c r="M40" s="16">
        <v>1639739</v>
      </c>
      <c r="N40" s="22" t="s">
        <v>268</v>
      </c>
      <c r="O40" s="16">
        <v>1106901</v>
      </c>
      <c r="P40" s="16">
        <v>5751608</v>
      </c>
      <c r="Q40" s="16">
        <v>1335345</v>
      </c>
    </row>
    <row r="41" spans="1:17">
      <c r="A41" s="21" t="s">
        <v>232</v>
      </c>
      <c r="B41" s="21" t="s">
        <v>233</v>
      </c>
      <c r="C41" s="21" t="s">
        <v>262</v>
      </c>
      <c r="D41" s="21" t="s">
        <v>215</v>
      </c>
      <c r="E41" s="21" t="s">
        <v>683</v>
      </c>
      <c r="F41" s="21" t="s">
        <v>428</v>
      </c>
      <c r="G41" s="16">
        <v>5429271</v>
      </c>
      <c r="H41" s="16">
        <v>4800220</v>
      </c>
      <c r="I41" s="16">
        <v>4207780</v>
      </c>
      <c r="J41" s="16">
        <v>2857134</v>
      </c>
      <c r="K41" s="16">
        <v>592440</v>
      </c>
      <c r="L41" s="16">
        <v>15909</v>
      </c>
      <c r="M41" s="16">
        <v>613142</v>
      </c>
      <c r="N41" s="22" t="s">
        <v>268</v>
      </c>
      <c r="O41" s="16">
        <v>394515</v>
      </c>
      <c r="P41" s="16">
        <v>2850317</v>
      </c>
      <c r="Q41" s="16">
        <v>613142</v>
      </c>
    </row>
    <row r="42" spans="1:17">
      <c r="A42" s="21" t="s">
        <v>232</v>
      </c>
      <c r="B42" s="21" t="s">
        <v>233</v>
      </c>
      <c r="C42" s="21" t="s">
        <v>262</v>
      </c>
      <c r="D42" s="21" t="s">
        <v>215</v>
      </c>
      <c r="E42" s="21" t="s">
        <v>683</v>
      </c>
      <c r="F42" s="21" t="s">
        <v>429</v>
      </c>
      <c r="G42" s="16">
        <v>1275990</v>
      </c>
      <c r="H42" s="16">
        <v>1061779</v>
      </c>
      <c r="I42" s="16">
        <v>885064</v>
      </c>
      <c r="J42" s="16">
        <v>592530</v>
      </c>
      <c r="K42" s="16">
        <v>176715</v>
      </c>
      <c r="L42" s="16">
        <v>3730</v>
      </c>
      <c r="M42" s="16">
        <v>210481</v>
      </c>
      <c r="N42" s="22" t="s">
        <v>268</v>
      </c>
      <c r="O42" s="16">
        <v>105296</v>
      </c>
      <c r="P42" s="16">
        <v>592201</v>
      </c>
      <c r="Q42" s="16">
        <v>210481</v>
      </c>
    </row>
    <row r="43" spans="1:17">
      <c r="A43" s="21" t="s">
        <v>232</v>
      </c>
      <c r="B43" s="21" t="s">
        <v>233</v>
      </c>
      <c r="C43" s="21" t="s">
        <v>262</v>
      </c>
      <c r="D43" s="21" t="s">
        <v>215</v>
      </c>
      <c r="E43" s="21" t="s">
        <v>684</v>
      </c>
      <c r="F43" s="21" t="s">
        <v>214</v>
      </c>
      <c r="G43" s="16">
        <v>1404749</v>
      </c>
      <c r="H43" s="16">
        <v>940310</v>
      </c>
      <c r="I43" s="16">
        <v>906350</v>
      </c>
      <c r="J43" s="16">
        <v>463325</v>
      </c>
      <c r="K43" s="16">
        <v>33960</v>
      </c>
      <c r="L43" s="16">
        <v>9356</v>
      </c>
      <c r="M43" s="16">
        <v>449864</v>
      </c>
      <c r="N43" s="16">
        <v>5219</v>
      </c>
      <c r="O43" s="16">
        <v>12092</v>
      </c>
      <c r="P43" s="16">
        <v>322829</v>
      </c>
      <c r="Q43" s="16">
        <v>232147</v>
      </c>
    </row>
    <row r="44" spans="1:17">
      <c r="A44" s="21" t="s">
        <v>232</v>
      </c>
      <c r="B44" s="21" t="s">
        <v>233</v>
      </c>
      <c r="C44" s="21" t="s">
        <v>262</v>
      </c>
      <c r="D44" s="21" t="s">
        <v>215</v>
      </c>
      <c r="E44" s="21" t="s">
        <v>684</v>
      </c>
      <c r="F44" s="21" t="s">
        <v>424</v>
      </c>
      <c r="G44" s="16">
        <v>3</v>
      </c>
      <c r="H44" s="16">
        <v>1</v>
      </c>
      <c r="I44" s="16">
        <v>1</v>
      </c>
      <c r="J44" s="22" t="s">
        <v>268</v>
      </c>
      <c r="K44" s="22" t="s">
        <v>268</v>
      </c>
      <c r="L44" s="16">
        <v>1</v>
      </c>
      <c r="M44" s="16">
        <v>1</v>
      </c>
      <c r="N44" s="22" t="s">
        <v>268</v>
      </c>
      <c r="O44" s="22" t="s">
        <v>268</v>
      </c>
      <c r="P44" s="22" t="s">
        <v>268</v>
      </c>
      <c r="Q44" s="22" t="s">
        <v>268</v>
      </c>
    </row>
    <row r="45" spans="1:17">
      <c r="A45" s="21" t="s">
        <v>232</v>
      </c>
      <c r="B45" s="21" t="s">
        <v>233</v>
      </c>
      <c r="C45" s="21" t="s">
        <v>262</v>
      </c>
      <c r="D45" s="21" t="s">
        <v>215</v>
      </c>
      <c r="E45" s="21" t="s">
        <v>684</v>
      </c>
      <c r="F45" s="21" t="s">
        <v>425</v>
      </c>
      <c r="G45" s="16">
        <v>666143</v>
      </c>
      <c r="H45" s="16">
        <v>468369</v>
      </c>
      <c r="I45" s="16">
        <v>450181</v>
      </c>
      <c r="J45" s="16">
        <v>128540</v>
      </c>
      <c r="K45" s="16">
        <v>18188</v>
      </c>
      <c r="L45" s="16">
        <v>5935</v>
      </c>
      <c r="M45" s="16">
        <v>191839</v>
      </c>
      <c r="N45" s="22" t="s">
        <v>268</v>
      </c>
      <c r="O45" s="16">
        <v>6758</v>
      </c>
      <c r="P45" s="22" t="s">
        <v>268</v>
      </c>
      <c r="Q45" s="22" t="s">
        <v>268</v>
      </c>
    </row>
    <row r="46" spans="1:17">
      <c r="A46" s="21" t="s">
        <v>232</v>
      </c>
      <c r="B46" s="21" t="s">
        <v>233</v>
      </c>
      <c r="C46" s="21" t="s">
        <v>262</v>
      </c>
      <c r="D46" s="21" t="s">
        <v>215</v>
      </c>
      <c r="E46" s="21" t="s">
        <v>684</v>
      </c>
      <c r="F46" s="21" t="s">
        <v>426</v>
      </c>
      <c r="G46" s="16">
        <v>707507</v>
      </c>
      <c r="H46" s="16">
        <v>471940</v>
      </c>
      <c r="I46" s="16">
        <v>456168</v>
      </c>
      <c r="J46" s="16">
        <v>334785</v>
      </c>
      <c r="K46" s="16">
        <v>15772</v>
      </c>
      <c r="L46" s="16">
        <v>3420</v>
      </c>
      <c r="M46" s="16">
        <v>232147</v>
      </c>
      <c r="N46" s="22" t="s">
        <v>268</v>
      </c>
      <c r="O46" s="16">
        <v>5334</v>
      </c>
      <c r="P46" s="16">
        <v>322829</v>
      </c>
      <c r="Q46" s="16">
        <v>232147</v>
      </c>
    </row>
    <row r="47" spans="1:17">
      <c r="A47" s="21" t="s">
        <v>232</v>
      </c>
      <c r="B47" s="21" t="s">
        <v>233</v>
      </c>
      <c r="C47" s="21" t="s">
        <v>262</v>
      </c>
      <c r="D47" s="21" t="s">
        <v>215</v>
      </c>
      <c r="E47" s="21" t="s">
        <v>684</v>
      </c>
      <c r="F47" s="21" t="s">
        <v>720</v>
      </c>
      <c r="G47" s="16">
        <v>31096</v>
      </c>
      <c r="H47" s="22" t="s">
        <v>268</v>
      </c>
      <c r="I47" s="22" t="s">
        <v>268</v>
      </c>
      <c r="J47" s="22" t="s">
        <v>268</v>
      </c>
      <c r="K47" s="22" t="s">
        <v>268</v>
      </c>
      <c r="L47" s="22" t="s">
        <v>268</v>
      </c>
      <c r="M47" s="16">
        <v>25877</v>
      </c>
      <c r="N47" s="16">
        <v>5219</v>
      </c>
      <c r="O47" s="22" t="s">
        <v>268</v>
      </c>
      <c r="P47" s="22" t="s">
        <v>268</v>
      </c>
      <c r="Q47" s="22" t="s">
        <v>268</v>
      </c>
    </row>
    <row r="48" spans="1:17">
      <c r="A48" s="21" t="s">
        <v>232</v>
      </c>
      <c r="B48" s="21" t="s">
        <v>233</v>
      </c>
      <c r="C48" s="21" t="s">
        <v>262</v>
      </c>
      <c r="D48" s="21" t="s">
        <v>215</v>
      </c>
      <c r="E48" s="21" t="s">
        <v>684</v>
      </c>
      <c r="F48" s="21" t="s">
        <v>427</v>
      </c>
      <c r="G48" s="16">
        <v>818559</v>
      </c>
      <c r="H48" s="16">
        <v>543640</v>
      </c>
      <c r="I48" s="16">
        <v>523986</v>
      </c>
      <c r="J48" s="16">
        <v>371975</v>
      </c>
      <c r="K48" s="16">
        <v>19654</v>
      </c>
      <c r="L48" s="16">
        <v>4184</v>
      </c>
      <c r="M48" s="16">
        <v>270735</v>
      </c>
      <c r="N48" s="22" t="s">
        <v>268</v>
      </c>
      <c r="O48" s="16">
        <v>6701</v>
      </c>
      <c r="P48" s="16">
        <v>322829</v>
      </c>
      <c r="Q48" s="16">
        <v>232147</v>
      </c>
    </row>
    <row r="49" spans="1:17">
      <c r="A49" s="21" t="s">
        <v>232</v>
      </c>
      <c r="B49" s="21" t="s">
        <v>233</v>
      </c>
      <c r="C49" s="21" t="s">
        <v>262</v>
      </c>
      <c r="D49" s="21" t="s">
        <v>215</v>
      </c>
      <c r="E49" s="21" t="s">
        <v>684</v>
      </c>
      <c r="F49" s="21" t="s">
        <v>428</v>
      </c>
      <c r="G49" s="16">
        <v>349935</v>
      </c>
      <c r="H49" s="16">
        <v>243170</v>
      </c>
      <c r="I49" s="16">
        <v>237313</v>
      </c>
      <c r="J49" s="16">
        <v>182021</v>
      </c>
      <c r="K49" s="16">
        <v>5857</v>
      </c>
      <c r="L49" s="16">
        <v>1369</v>
      </c>
      <c r="M49" s="16">
        <v>105396</v>
      </c>
      <c r="N49" s="22" t="s">
        <v>268</v>
      </c>
      <c r="O49" s="16">
        <v>2187</v>
      </c>
      <c r="P49" s="16">
        <v>180693</v>
      </c>
      <c r="Q49" s="16">
        <v>105396</v>
      </c>
    </row>
    <row r="50" spans="1:17">
      <c r="A50" s="21" t="s">
        <v>232</v>
      </c>
      <c r="B50" s="21" t="s">
        <v>233</v>
      </c>
      <c r="C50" s="21" t="s">
        <v>262</v>
      </c>
      <c r="D50" s="21" t="s">
        <v>215</v>
      </c>
      <c r="E50" s="21" t="s">
        <v>684</v>
      </c>
      <c r="F50" s="21" t="s">
        <v>429</v>
      </c>
      <c r="G50" s="16">
        <v>73280</v>
      </c>
      <c r="H50" s="16">
        <v>49370</v>
      </c>
      <c r="I50" s="16">
        <v>48372</v>
      </c>
      <c r="J50" s="16">
        <v>37374</v>
      </c>
      <c r="K50" s="16">
        <v>998</v>
      </c>
      <c r="L50" s="16">
        <v>219</v>
      </c>
      <c r="M50" s="16">
        <v>23691</v>
      </c>
      <c r="N50" s="22" t="s">
        <v>268</v>
      </c>
      <c r="O50" s="16">
        <v>387</v>
      </c>
      <c r="P50" s="16">
        <v>37331</v>
      </c>
      <c r="Q50" s="16">
        <v>23691</v>
      </c>
    </row>
    <row r="51" spans="1:17">
      <c r="A51" s="21" t="s">
        <v>232</v>
      </c>
      <c r="B51" s="21" t="s">
        <v>233</v>
      </c>
      <c r="C51" s="21" t="s">
        <v>262</v>
      </c>
      <c r="D51" s="21" t="s">
        <v>215</v>
      </c>
      <c r="E51" s="21" t="s">
        <v>685</v>
      </c>
      <c r="F51" s="21" t="s">
        <v>214</v>
      </c>
      <c r="G51" s="16">
        <v>10544701</v>
      </c>
      <c r="H51" s="16">
        <v>4166323</v>
      </c>
      <c r="I51" s="16">
        <v>4030198</v>
      </c>
      <c r="J51" s="16">
        <v>1752094</v>
      </c>
      <c r="K51" s="16">
        <v>136125</v>
      </c>
      <c r="L51" s="16">
        <v>210721</v>
      </c>
      <c r="M51" s="16">
        <v>6124071</v>
      </c>
      <c r="N51" s="16">
        <v>43586</v>
      </c>
      <c r="O51" s="16">
        <v>50242</v>
      </c>
      <c r="P51" s="16">
        <v>348714</v>
      </c>
      <c r="Q51" s="16">
        <v>677803</v>
      </c>
    </row>
    <row r="52" spans="1:17">
      <c r="A52" s="21" t="s">
        <v>232</v>
      </c>
      <c r="B52" s="21" t="s">
        <v>233</v>
      </c>
      <c r="C52" s="21" t="s">
        <v>262</v>
      </c>
      <c r="D52" s="21" t="s">
        <v>215</v>
      </c>
      <c r="E52" s="21" t="s">
        <v>685</v>
      </c>
      <c r="F52" s="21" t="s">
        <v>424</v>
      </c>
      <c r="G52" s="16">
        <v>43</v>
      </c>
      <c r="H52" s="16">
        <v>19</v>
      </c>
      <c r="I52" s="16">
        <v>13</v>
      </c>
      <c r="J52" s="22" t="s">
        <v>268</v>
      </c>
      <c r="K52" s="16">
        <v>6</v>
      </c>
      <c r="L52" s="22" t="s">
        <v>268</v>
      </c>
      <c r="M52" s="16">
        <v>24</v>
      </c>
      <c r="N52" s="22" t="s">
        <v>268</v>
      </c>
      <c r="O52" s="22" t="s">
        <v>268</v>
      </c>
      <c r="P52" s="22" t="s">
        <v>268</v>
      </c>
      <c r="Q52" s="22" t="s">
        <v>268</v>
      </c>
    </row>
    <row r="53" spans="1:17">
      <c r="A53" s="21" t="s">
        <v>232</v>
      </c>
      <c r="B53" s="21" t="s">
        <v>233</v>
      </c>
      <c r="C53" s="21" t="s">
        <v>262</v>
      </c>
      <c r="D53" s="21" t="s">
        <v>215</v>
      </c>
      <c r="E53" s="21" t="s">
        <v>685</v>
      </c>
      <c r="F53" s="21" t="s">
        <v>425</v>
      </c>
      <c r="G53" s="16">
        <v>8258954</v>
      </c>
      <c r="H53" s="16">
        <v>3561211</v>
      </c>
      <c r="I53" s="16">
        <v>3459560</v>
      </c>
      <c r="J53" s="16">
        <v>1373319</v>
      </c>
      <c r="K53" s="16">
        <v>101651</v>
      </c>
      <c r="L53" s="16">
        <v>193872</v>
      </c>
      <c r="M53" s="16">
        <v>4503871</v>
      </c>
      <c r="N53" s="22" t="s">
        <v>268</v>
      </c>
      <c r="O53" s="16">
        <v>36451</v>
      </c>
      <c r="P53" s="22" t="s">
        <v>268</v>
      </c>
      <c r="Q53" s="22" t="s">
        <v>268</v>
      </c>
    </row>
    <row r="54" spans="1:17">
      <c r="A54" s="21" t="s">
        <v>232</v>
      </c>
      <c r="B54" s="21" t="s">
        <v>233</v>
      </c>
      <c r="C54" s="21" t="s">
        <v>262</v>
      </c>
      <c r="D54" s="21" t="s">
        <v>215</v>
      </c>
      <c r="E54" s="21" t="s">
        <v>685</v>
      </c>
      <c r="F54" s="21" t="s">
        <v>426</v>
      </c>
      <c r="G54" s="16">
        <v>1299745</v>
      </c>
      <c r="H54" s="16">
        <v>605093</v>
      </c>
      <c r="I54" s="16">
        <v>570625</v>
      </c>
      <c r="J54" s="16">
        <v>378775</v>
      </c>
      <c r="K54" s="16">
        <v>34468</v>
      </c>
      <c r="L54" s="16">
        <v>16849</v>
      </c>
      <c r="M54" s="16">
        <v>677803</v>
      </c>
      <c r="N54" s="22" t="s">
        <v>268</v>
      </c>
      <c r="O54" s="16">
        <v>13791</v>
      </c>
      <c r="P54" s="16">
        <v>348714</v>
      </c>
      <c r="Q54" s="16">
        <v>677803</v>
      </c>
    </row>
    <row r="55" spans="1:17">
      <c r="A55" s="21" t="s">
        <v>232</v>
      </c>
      <c r="B55" s="21" t="s">
        <v>233</v>
      </c>
      <c r="C55" s="21" t="s">
        <v>262</v>
      </c>
      <c r="D55" s="21" t="s">
        <v>215</v>
      </c>
      <c r="E55" s="21" t="s">
        <v>685</v>
      </c>
      <c r="F55" s="21" t="s">
        <v>720</v>
      </c>
      <c r="G55" s="16">
        <v>985959</v>
      </c>
      <c r="H55" s="22" t="s">
        <v>268</v>
      </c>
      <c r="I55" s="22" t="s">
        <v>268</v>
      </c>
      <c r="J55" s="22" t="s">
        <v>268</v>
      </c>
      <c r="K55" s="22" t="s">
        <v>268</v>
      </c>
      <c r="L55" s="22" t="s">
        <v>268</v>
      </c>
      <c r="M55" s="16">
        <v>942373</v>
      </c>
      <c r="N55" s="16">
        <v>43586</v>
      </c>
      <c r="O55" s="22" t="s">
        <v>268</v>
      </c>
      <c r="P55" s="22" t="s">
        <v>268</v>
      </c>
      <c r="Q55" s="22" t="s">
        <v>268</v>
      </c>
    </row>
    <row r="56" spans="1:17">
      <c r="A56" s="21" t="s">
        <v>232</v>
      </c>
      <c r="B56" s="21" t="s">
        <v>233</v>
      </c>
      <c r="C56" s="21" t="s">
        <v>262</v>
      </c>
      <c r="D56" s="21" t="s">
        <v>215</v>
      </c>
      <c r="E56" s="21" t="s">
        <v>685</v>
      </c>
      <c r="F56" s="21" t="s">
        <v>427</v>
      </c>
      <c r="G56" s="16">
        <v>1792217</v>
      </c>
      <c r="H56" s="16">
        <v>826477</v>
      </c>
      <c r="I56" s="16">
        <v>778225</v>
      </c>
      <c r="J56" s="16">
        <v>490086</v>
      </c>
      <c r="K56" s="16">
        <v>48252</v>
      </c>
      <c r="L56" s="16">
        <v>23735</v>
      </c>
      <c r="M56" s="16">
        <v>942005</v>
      </c>
      <c r="N56" s="22" t="s">
        <v>268</v>
      </c>
      <c r="O56" s="16">
        <v>19604</v>
      </c>
      <c r="P56" s="16">
        <v>348714</v>
      </c>
      <c r="Q56" s="16">
        <v>677803</v>
      </c>
    </row>
    <row r="57" spans="1:17">
      <c r="A57" s="21" t="s">
        <v>232</v>
      </c>
      <c r="B57" s="21" t="s">
        <v>233</v>
      </c>
      <c r="C57" s="21" t="s">
        <v>262</v>
      </c>
      <c r="D57" s="21" t="s">
        <v>215</v>
      </c>
      <c r="E57" s="21" t="s">
        <v>685</v>
      </c>
      <c r="F57" s="21" t="s">
        <v>428</v>
      </c>
      <c r="G57" s="16">
        <v>442540</v>
      </c>
      <c r="H57" s="16">
        <v>228487</v>
      </c>
      <c r="I57" s="16">
        <v>218143</v>
      </c>
      <c r="J57" s="16">
        <v>154146</v>
      </c>
      <c r="K57" s="16">
        <v>10344</v>
      </c>
      <c r="L57" s="16">
        <v>4824</v>
      </c>
      <c r="M57" s="16">
        <v>209229</v>
      </c>
      <c r="N57" s="22" t="s">
        <v>268</v>
      </c>
      <c r="O57" s="16">
        <v>4475</v>
      </c>
      <c r="P57" s="16">
        <v>151827</v>
      </c>
      <c r="Q57" s="16">
        <v>209229</v>
      </c>
    </row>
    <row r="58" spans="1:17">
      <c r="A58" s="21" t="s">
        <v>232</v>
      </c>
      <c r="B58" s="21" t="s">
        <v>233</v>
      </c>
      <c r="C58" s="21" t="s">
        <v>262</v>
      </c>
      <c r="D58" s="21" t="s">
        <v>215</v>
      </c>
      <c r="E58" s="21" t="s">
        <v>685</v>
      </c>
      <c r="F58" s="21" t="s">
        <v>429</v>
      </c>
      <c r="G58" s="16">
        <v>81969</v>
      </c>
      <c r="H58" s="16">
        <v>43601</v>
      </c>
      <c r="I58" s="16">
        <v>41823</v>
      </c>
      <c r="J58" s="16">
        <v>30723</v>
      </c>
      <c r="K58" s="16">
        <v>1778</v>
      </c>
      <c r="L58" s="16">
        <v>635</v>
      </c>
      <c r="M58" s="16">
        <v>37733</v>
      </c>
      <c r="N58" s="22" t="s">
        <v>268</v>
      </c>
      <c r="O58" s="16">
        <v>811</v>
      </c>
      <c r="P58" s="16">
        <v>30634</v>
      </c>
      <c r="Q58" s="16">
        <v>37733</v>
      </c>
    </row>
    <row r="59" spans="1:17">
      <c r="A59" s="21" t="s">
        <v>232</v>
      </c>
      <c r="B59" s="21" t="s">
        <v>233</v>
      </c>
      <c r="C59" s="21" t="s">
        <v>262</v>
      </c>
      <c r="D59" s="21" t="s">
        <v>215</v>
      </c>
      <c r="E59" s="21" t="s">
        <v>686</v>
      </c>
      <c r="F59" s="21" t="s">
        <v>214</v>
      </c>
      <c r="G59" s="16">
        <v>1220547</v>
      </c>
      <c r="H59" s="16">
        <v>508429</v>
      </c>
      <c r="I59" s="16">
        <v>499299</v>
      </c>
      <c r="J59" s="16">
        <v>176918</v>
      </c>
      <c r="K59" s="16">
        <v>9130</v>
      </c>
      <c r="L59" s="16">
        <v>6844</v>
      </c>
      <c r="M59" s="16">
        <v>703541</v>
      </c>
      <c r="N59" s="16">
        <v>1733</v>
      </c>
      <c r="O59" s="16">
        <v>4907</v>
      </c>
      <c r="P59" s="16">
        <v>15039</v>
      </c>
      <c r="Q59" s="16">
        <v>15247</v>
      </c>
    </row>
    <row r="60" spans="1:17">
      <c r="A60" s="21" t="s">
        <v>232</v>
      </c>
      <c r="B60" s="21" t="s">
        <v>233</v>
      </c>
      <c r="C60" s="21" t="s">
        <v>262</v>
      </c>
      <c r="D60" s="21" t="s">
        <v>215</v>
      </c>
      <c r="E60" s="21" t="s">
        <v>686</v>
      </c>
      <c r="F60" s="21" t="s">
        <v>424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22" t="s">
        <v>268</v>
      </c>
      <c r="L60" s="22" t="s">
        <v>268</v>
      </c>
      <c r="M60" s="22" t="s">
        <v>268</v>
      </c>
      <c r="N60" s="22" t="s">
        <v>268</v>
      </c>
      <c r="O60" s="22" t="s">
        <v>268</v>
      </c>
      <c r="P60" s="22" t="s">
        <v>268</v>
      </c>
      <c r="Q60" s="22" t="s">
        <v>268</v>
      </c>
    </row>
    <row r="61" spans="1:17">
      <c r="A61" s="21" t="s">
        <v>232</v>
      </c>
      <c r="B61" s="21" t="s">
        <v>233</v>
      </c>
      <c r="C61" s="21" t="s">
        <v>262</v>
      </c>
      <c r="D61" s="21" t="s">
        <v>215</v>
      </c>
      <c r="E61" s="21" t="s">
        <v>686</v>
      </c>
      <c r="F61" s="21" t="s">
        <v>425</v>
      </c>
      <c r="G61" s="16">
        <v>1124383</v>
      </c>
      <c r="H61" s="16">
        <v>482884</v>
      </c>
      <c r="I61" s="16">
        <v>476082</v>
      </c>
      <c r="J61" s="16">
        <v>160534</v>
      </c>
      <c r="K61" s="16">
        <v>6802</v>
      </c>
      <c r="L61" s="16">
        <v>6387</v>
      </c>
      <c r="M61" s="16">
        <v>635112</v>
      </c>
      <c r="N61" s="22" t="s">
        <v>268</v>
      </c>
      <c r="O61" s="16">
        <v>3523</v>
      </c>
      <c r="P61" s="22" t="s">
        <v>268</v>
      </c>
      <c r="Q61" s="22" t="s">
        <v>268</v>
      </c>
    </row>
    <row r="62" spans="1:17">
      <c r="A62" s="21" t="s">
        <v>232</v>
      </c>
      <c r="B62" s="21" t="s">
        <v>233</v>
      </c>
      <c r="C62" s="21" t="s">
        <v>262</v>
      </c>
      <c r="D62" s="21" t="s">
        <v>215</v>
      </c>
      <c r="E62" s="21" t="s">
        <v>686</v>
      </c>
      <c r="F62" s="21" t="s">
        <v>426</v>
      </c>
      <c r="G62" s="16">
        <v>41249</v>
      </c>
      <c r="H62" s="16">
        <v>25545</v>
      </c>
      <c r="I62" s="16">
        <v>23217</v>
      </c>
      <c r="J62" s="16">
        <v>16384</v>
      </c>
      <c r="K62" s="16">
        <v>2328</v>
      </c>
      <c r="L62" s="16">
        <v>457</v>
      </c>
      <c r="M62" s="16">
        <v>15247</v>
      </c>
      <c r="N62" s="22" t="s">
        <v>268</v>
      </c>
      <c r="O62" s="16">
        <v>1384</v>
      </c>
      <c r="P62" s="16">
        <v>15039</v>
      </c>
      <c r="Q62" s="16">
        <v>15247</v>
      </c>
    </row>
    <row r="63" spans="1:17">
      <c r="A63" s="21" t="s">
        <v>232</v>
      </c>
      <c r="B63" s="21" t="s">
        <v>233</v>
      </c>
      <c r="C63" s="21" t="s">
        <v>262</v>
      </c>
      <c r="D63" s="21" t="s">
        <v>215</v>
      </c>
      <c r="E63" s="21" t="s">
        <v>686</v>
      </c>
      <c r="F63" s="21" t="s">
        <v>720</v>
      </c>
      <c r="G63" s="16">
        <v>54915</v>
      </c>
      <c r="H63" s="22" t="s">
        <v>268</v>
      </c>
      <c r="I63" s="22" t="s">
        <v>268</v>
      </c>
      <c r="J63" s="22" t="s">
        <v>268</v>
      </c>
      <c r="K63" s="22" t="s">
        <v>268</v>
      </c>
      <c r="L63" s="22" t="s">
        <v>268</v>
      </c>
      <c r="M63" s="16">
        <v>53182</v>
      </c>
      <c r="N63" s="16">
        <v>1733</v>
      </c>
      <c r="O63" s="22" t="s">
        <v>268</v>
      </c>
      <c r="P63" s="22" t="s">
        <v>268</v>
      </c>
      <c r="Q63" s="22" t="s">
        <v>268</v>
      </c>
    </row>
    <row r="64" spans="1:17">
      <c r="A64" s="21" t="s">
        <v>232</v>
      </c>
      <c r="B64" s="21" t="s">
        <v>233</v>
      </c>
      <c r="C64" s="21" t="s">
        <v>262</v>
      </c>
      <c r="D64" s="21" t="s">
        <v>215</v>
      </c>
      <c r="E64" s="21" t="s">
        <v>686</v>
      </c>
      <c r="F64" s="21" t="s">
        <v>427</v>
      </c>
      <c r="G64" s="16">
        <v>83898</v>
      </c>
      <c r="H64" s="16">
        <v>44827</v>
      </c>
      <c r="I64" s="16">
        <v>41480</v>
      </c>
      <c r="J64" s="16">
        <v>27498</v>
      </c>
      <c r="K64" s="16">
        <v>3347</v>
      </c>
      <c r="L64" s="16">
        <v>673</v>
      </c>
      <c r="M64" s="16">
        <v>38398</v>
      </c>
      <c r="N64" s="22" t="s">
        <v>268</v>
      </c>
      <c r="O64" s="16">
        <v>1901</v>
      </c>
      <c r="P64" s="16">
        <v>15039</v>
      </c>
      <c r="Q64" s="16">
        <v>15247</v>
      </c>
    </row>
    <row r="65" spans="1:17">
      <c r="A65" s="21" t="s">
        <v>232</v>
      </c>
      <c r="B65" s="21" t="s">
        <v>233</v>
      </c>
      <c r="C65" s="21" t="s">
        <v>262</v>
      </c>
      <c r="D65" s="21" t="s">
        <v>215</v>
      </c>
      <c r="E65" s="21" t="s">
        <v>686</v>
      </c>
      <c r="F65" s="21" t="s">
        <v>428</v>
      </c>
      <c r="G65" s="16">
        <v>10364</v>
      </c>
      <c r="H65" s="16">
        <v>7796</v>
      </c>
      <c r="I65" s="16">
        <v>6933</v>
      </c>
      <c r="J65" s="16">
        <v>4995</v>
      </c>
      <c r="K65" s="16">
        <v>863</v>
      </c>
      <c r="L65" s="16">
        <v>141</v>
      </c>
      <c r="M65" s="16">
        <v>2427</v>
      </c>
      <c r="N65" s="22" t="s">
        <v>268</v>
      </c>
      <c r="O65" s="16">
        <v>562</v>
      </c>
      <c r="P65" s="16">
        <v>4920</v>
      </c>
      <c r="Q65" s="16">
        <v>2427</v>
      </c>
    </row>
    <row r="66" spans="1:17">
      <c r="A66" s="21" t="s">
        <v>232</v>
      </c>
      <c r="B66" s="21" t="s">
        <v>233</v>
      </c>
      <c r="C66" s="21" t="s">
        <v>262</v>
      </c>
      <c r="D66" s="21" t="s">
        <v>215</v>
      </c>
      <c r="E66" s="21" t="s">
        <v>686</v>
      </c>
      <c r="F66" s="21" t="s">
        <v>429</v>
      </c>
      <c r="G66" s="16">
        <v>1568</v>
      </c>
      <c r="H66" s="16">
        <v>1316</v>
      </c>
      <c r="I66" s="16">
        <v>1099</v>
      </c>
      <c r="J66" s="16">
        <v>785</v>
      </c>
      <c r="K66" s="16">
        <v>217</v>
      </c>
      <c r="L66" s="16">
        <v>22</v>
      </c>
      <c r="M66" s="16">
        <v>230</v>
      </c>
      <c r="N66" s="22" t="s">
        <v>268</v>
      </c>
      <c r="O66" s="16">
        <v>141</v>
      </c>
      <c r="P66" s="16">
        <v>782</v>
      </c>
      <c r="Q66" s="16">
        <v>230</v>
      </c>
    </row>
    <row r="67" spans="1:17">
      <c r="A67" s="21" t="s">
        <v>232</v>
      </c>
      <c r="B67" s="21" t="s">
        <v>233</v>
      </c>
      <c r="C67" s="21" t="s">
        <v>262</v>
      </c>
      <c r="D67" s="21" t="s">
        <v>215</v>
      </c>
      <c r="E67" s="21" t="s">
        <v>687</v>
      </c>
      <c r="F67" s="21" t="s">
        <v>214</v>
      </c>
      <c r="G67" s="16">
        <v>406116</v>
      </c>
      <c r="H67" s="16">
        <v>176296</v>
      </c>
      <c r="I67" s="16">
        <v>168169</v>
      </c>
      <c r="J67" s="16">
        <v>61552</v>
      </c>
      <c r="K67" s="16">
        <v>8127</v>
      </c>
      <c r="L67" s="16">
        <v>2663</v>
      </c>
      <c r="M67" s="16">
        <v>226703</v>
      </c>
      <c r="N67" s="16">
        <v>454</v>
      </c>
      <c r="O67" s="16">
        <v>3987</v>
      </c>
      <c r="P67" s="16">
        <v>28609</v>
      </c>
      <c r="Q67" s="16">
        <v>32211</v>
      </c>
    </row>
    <row r="68" spans="1:17">
      <c r="A68" s="21" t="s">
        <v>232</v>
      </c>
      <c r="B68" s="21" t="s">
        <v>233</v>
      </c>
      <c r="C68" s="21" t="s">
        <v>262</v>
      </c>
      <c r="D68" s="21" t="s">
        <v>215</v>
      </c>
      <c r="E68" s="21" t="s">
        <v>687</v>
      </c>
      <c r="F68" s="21" t="s">
        <v>424</v>
      </c>
      <c r="G68" s="16">
        <v>50</v>
      </c>
      <c r="H68" s="16">
        <v>7</v>
      </c>
      <c r="I68" s="22" t="s">
        <v>268</v>
      </c>
      <c r="J68" s="22" t="s">
        <v>268</v>
      </c>
      <c r="K68" s="16">
        <v>7</v>
      </c>
      <c r="L68" s="22" t="s">
        <v>268</v>
      </c>
      <c r="M68" s="16">
        <v>43</v>
      </c>
      <c r="N68" s="22" t="s">
        <v>268</v>
      </c>
      <c r="O68" s="22" t="s">
        <v>268</v>
      </c>
      <c r="P68" s="22" t="s">
        <v>268</v>
      </c>
      <c r="Q68" s="22" t="s">
        <v>268</v>
      </c>
    </row>
    <row r="69" spans="1:17">
      <c r="A69" s="21" t="s">
        <v>232</v>
      </c>
      <c r="B69" s="21" t="s">
        <v>233</v>
      </c>
      <c r="C69" s="21" t="s">
        <v>262</v>
      </c>
      <c r="D69" s="21" t="s">
        <v>215</v>
      </c>
      <c r="E69" s="21" t="s">
        <v>687</v>
      </c>
      <c r="F69" s="21" t="s">
        <v>425</v>
      </c>
      <c r="G69" s="16">
        <v>324360</v>
      </c>
      <c r="H69" s="16">
        <v>135798</v>
      </c>
      <c r="I69" s="16">
        <v>130011</v>
      </c>
      <c r="J69" s="16">
        <v>31778</v>
      </c>
      <c r="K69" s="16">
        <v>5787</v>
      </c>
      <c r="L69" s="16">
        <v>2165</v>
      </c>
      <c r="M69" s="16">
        <v>186397</v>
      </c>
      <c r="N69" s="22" t="s">
        <v>268</v>
      </c>
      <c r="O69" s="16">
        <v>2991</v>
      </c>
      <c r="P69" s="22" t="s">
        <v>268</v>
      </c>
      <c r="Q69" s="22" t="s">
        <v>268</v>
      </c>
    </row>
    <row r="70" spans="1:17">
      <c r="A70" s="21" t="s">
        <v>232</v>
      </c>
      <c r="B70" s="21" t="s">
        <v>233</v>
      </c>
      <c r="C70" s="21" t="s">
        <v>262</v>
      </c>
      <c r="D70" s="21" t="s">
        <v>215</v>
      </c>
      <c r="E70" s="21" t="s">
        <v>687</v>
      </c>
      <c r="F70" s="21" t="s">
        <v>426</v>
      </c>
      <c r="G70" s="16">
        <v>73200</v>
      </c>
      <c r="H70" s="16">
        <v>40491</v>
      </c>
      <c r="I70" s="16">
        <v>38158</v>
      </c>
      <c r="J70" s="16">
        <v>29774</v>
      </c>
      <c r="K70" s="16">
        <v>2333</v>
      </c>
      <c r="L70" s="16">
        <v>498</v>
      </c>
      <c r="M70" s="16">
        <v>32211</v>
      </c>
      <c r="N70" s="22" t="s">
        <v>268</v>
      </c>
      <c r="O70" s="16">
        <v>996</v>
      </c>
      <c r="P70" s="16">
        <v>28609</v>
      </c>
      <c r="Q70" s="16">
        <v>32211</v>
      </c>
    </row>
    <row r="71" spans="1:17">
      <c r="A71" s="21" t="s">
        <v>232</v>
      </c>
      <c r="B71" s="21" t="s">
        <v>233</v>
      </c>
      <c r="C71" s="21" t="s">
        <v>262</v>
      </c>
      <c r="D71" s="21" t="s">
        <v>215</v>
      </c>
      <c r="E71" s="21" t="s">
        <v>687</v>
      </c>
      <c r="F71" s="21" t="s">
        <v>720</v>
      </c>
      <c r="G71" s="16">
        <v>8506</v>
      </c>
      <c r="H71" s="22" t="s">
        <v>268</v>
      </c>
      <c r="I71" s="22" t="s">
        <v>268</v>
      </c>
      <c r="J71" s="22" t="s">
        <v>268</v>
      </c>
      <c r="K71" s="22" t="s">
        <v>268</v>
      </c>
      <c r="L71" s="22" t="s">
        <v>268</v>
      </c>
      <c r="M71" s="16">
        <v>8052</v>
      </c>
      <c r="N71" s="16">
        <v>454</v>
      </c>
      <c r="O71" s="22" t="s">
        <v>268</v>
      </c>
      <c r="P71" s="22" t="s">
        <v>268</v>
      </c>
      <c r="Q71" s="22" t="s">
        <v>268</v>
      </c>
    </row>
    <row r="72" spans="1:17">
      <c r="A72" s="21" t="s">
        <v>232</v>
      </c>
      <c r="B72" s="21" t="s">
        <v>233</v>
      </c>
      <c r="C72" s="21" t="s">
        <v>262</v>
      </c>
      <c r="D72" s="21" t="s">
        <v>215</v>
      </c>
      <c r="E72" s="21" t="s">
        <v>687</v>
      </c>
      <c r="F72" s="21" t="s">
        <v>427</v>
      </c>
      <c r="G72" s="16">
        <v>94332</v>
      </c>
      <c r="H72" s="16">
        <v>52495</v>
      </c>
      <c r="I72" s="16">
        <v>49327</v>
      </c>
      <c r="J72" s="16">
        <v>35647</v>
      </c>
      <c r="K72" s="16">
        <v>3168</v>
      </c>
      <c r="L72" s="16">
        <v>647</v>
      </c>
      <c r="M72" s="16">
        <v>41190</v>
      </c>
      <c r="N72" s="22" t="s">
        <v>268</v>
      </c>
      <c r="O72" s="16">
        <v>1377</v>
      </c>
      <c r="P72" s="16">
        <v>28609</v>
      </c>
      <c r="Q72" s="16">
        <v>32211</v>
      </c>
    </row>
    <row r="73" spans="1:17">
      <c r="A73" s="21" t="s">
        <v>232</v>
      </c>
      <c r="B73" s="21" t="s">
        <v>233</v>
      </c>
      <c r="C73" s="21" t="s">
        <v>262</v>
      </c>
      <c r="D73" s="21" t="s">
        <v>215</v>
      </c>
      <c r="E73" s="21" t="s">
        <v>687</v>
      </c>
      <c r="F73" s="21" t="s">
        <v>428</v>
      </c>
      <c r="G73" s="16">
        <v>33000</v>
      </c>
      <c r="H73" s="16">
        <v>19294</v>
      </c>
      <c r="I73" s="16">
        <v>18435</v>
      </c>
      <c r="J73" s="16">
        <v>15601</v>
      </c>
      <c r="K73" s="16">
        <v>859</v>
      </c>
      <c r="L73" s="16">
        <v>173</v>
      </c>
      <c r="M73" s="16">
        <v>13533</v>
      </c>
      <c r="N73" s="22" t="s">
        <v>268</v>
      </c>
      <c r="O73" s="16">
        <v>398</v>
      </c>
      <c r="P73" s="16">
        <v>15536</v>
      </c>
      <c r="Q73" s="16">
        <v>13533</v>
      </c>
    </row>
    <row r="74" spans="1:17">
      <c r="A74" s="21" t="s">
        <v>232</v>
      </c>
      <c r="B74" s="21" t="s">
        <v>233</v>
      </c>
      <c r="C74" s="21" t="s">
        <v>262</v>
      </c>
      <c r="D74" s="21" t="s">
        <v>215</v>
      </c>
      <c r="E74" s="21" t="s">
        <v>687</v>
      </c>
      <c r="F74" s="21" t="s">
        <v>429</v>
      </c>
      <c r="G74" s="16">
        <v>9126</v>
      </c>
      <c r="H74" s="16">
        <v>5020</v>
      </c>
      <c r="I74" s="16">
        <v>4835</v>
      </c>
      <c r="J74" s="16">
        <v>4259</v>
      </c>
      <c r="K74" s="16">
        <v>185</v>
      </c>
      <c r="L74" s="16">
        <v>29</v>
      </c>
      <c r="M74" s="16">
        <v>4077</v>
      </c>
      <c r="N74" s="22" t="s">
        <v>268</v>
      </c>
      <c r="O74" s="16">
        <v>63</v>
      </c>
      <c r="P74" s="16">
        <v>4257</v>
      </c>
      <c r="Q74" s="16">
        <v>4077</v>
      </c>
    </row>
    <row r="75" spans="1:17">
      <c r="A75" s="21" t="s">
        <v>232</v>
      </c>
      <c r="B75" s="21" t="s">
        <v>233</v>
      </c>
      <c r="C75" s="21" t="s">
        <v>262</v>
      </c>
      <c r="D75" s="21" t="s">
        <v>215</v>
      </c>
      <c r="E75" s="21" t="s">
        <v>688</v>
      </c>
      <c r="F75" s="21" t="s">
        <v>214</v>
      </c>
      <c r="G75" s="16">
        <v>539789</v>
      </c>
      <c r="H75" s="16">
        <v>88578</v>
      </c>
      <c r="I75" s="16">
        <v>82721</v>
      </c>
      <c r="J75" s="16">
        <v>35779</v>
      </c>
      <c r="K75" s="16">
        <v>5857</v>
      </c>
      <c r="L75" s="16">
        <v>2137</v>
      </c>
      <c r="M75" s="16">
        <v>447948</v>
      </c>
      <c r="N75" s="16">
        <v>1126</v>
      </c>
      <c r="O75" s="16">
        <v>3749</v>
      </c>
      <c r="P75" s="16">
        <v>21594</v>
      </c>
      <c r="Q75" s="16">
        <v>15416</v>
      </c>
    </row>
    <row r="76" spans="1:17">
      <c r="A76" s="21" t="s">
        <v>232</v>
      </c>
      <c r="B76" s="21" t="s">
        <v>233</v>
      </c>
      <c r="C76" s="21" t="s">
        <v>262</v>
      </c>
      <c r="D76" s="21" t="s">
        <v>215</v>
      </c>
      <c r="E76" s="21" t="s">
        <v>688</v>
      </c>
      <c r="F76" s="21" t="s">
        <v>424</v>
      </c>
      <c r="G76" s="16">
        <v>19</v>
      </c>
      <c r="H76" s="16">
        <v>1</v>
      </c>
      <c r="I76" s="16">
        <v>1</v>
      </c>
      <c r="J76" s="22" t="s">
        <v>268</v>
      </c>
      <c r="K76" s="22" t="s">
        <v>268</v>
      </c>
      <c r="L76" s="22" t="s">
        <v>268</v>
      </c>
      <c r="M76" s="16">
        <v>18</v>
      </c>
      <c r="N76" s="22" t="s">
        <v>268</v>
      </c>
      <c r="O76" s="22" t="s">
        <v>268</v>
      </c>
      <c r="P76" s="22" t="s">
        <v>268</v>
      </c>
      <c r="Q76" s="22" t="s">
        <v>268</v>
      </c>
    </row>
    <row r="77" spans="1:17">
      <c r="A77" s="21" t="s">
        <v>232</v>
      </c>
      <c r="B77" s="21" t="s">
        <v>233</v>
      </c>
      <c r="C77" s="21" t="s">
        <v>262</v>
      </c>
      <c r="D77" s="21" t="s">
        <v>215</v>
      </c>
      <c r="E77" s="21" t="s">
        <v>688</v>
      </c>
      <c r="F77" s="21" t="s">
        <v>425</v>
      </c>
      <c r="G77" s="16">
        <v>457259</v>
      </c>
      <c r="H77" s="16">
        <v>61191</v>
      </c>
      <c r="I77" s="16">
        <v>57121</v>
      </c>
      <c r="J77" s="16">
        <v>13701</v>
      </c>
      <c r="K77" s="16">
        <v>4070</v>
      </c>
      <c r="L77" s="16">
        <v>1401</v>
      </c>
      <c r="M77" s="16">
        <v>394667</v>
      </c>
      <c r="N77" s="22" t="s">
        <v>268</v>
      </c>
      <c r="O77" s="16">
        <v>2618</v>
      </c>
      <c r="P77" s="22" t="s">
        <v>268</v>
      </c>
      <c r="Q77" s="22" t="s">
        <v>268</v>
      </c>
    </row>
    <row r="78" spans="1:17">
      <c r="A78" s="21" t="s">
        <v>232</v>
      </c>
      <c r="B78" s="21" t="s">
        <v>233</v>
      </c>
      <c r="C78" s="21" t="s">
        <v>262</v>
      </c>
      <c r="D78" s="21" t="s">
        <v>215</v>
      </c>
      <c r="E78" s="21" t="s">
        <v>688</v>
      </c>
      <c r="F78" s="21" t="s">
        <v>426</v>
      </c>
      <c r="G78" s="16">
        <v>43538</v>
      </c>
      <c r="H78" s="16">
        <v>27386</v>
      </c>
      <c r="I78" s="16">
        <v>25599</v>
      </c>
      <c r="J78" s="16">
        <v>22078</v>
      </c>
      <c r="K78" s="16">
        <v>1787</v>
      </c>
      <c r="L78" s="16">
        <v>736</v>
      </c>
      <c r="M78" s="16">
        <v>15416</v>
      </c>
      <c r="N78" s="22" t="s">
        <v>268</v>
      </c>
      <c r="O78" s="16">
        <v>1131</v>
      </c>
      <c r="P78" s="16">
        <v>21594</v>
      </c>
      <c r="Q78" s="16">
        <v>15416</v>
      </c>
    </row>
    <row r="79" spans="1:17">
      <c r="A79" s="21" t="s">
        <v>232</v>
      </c>
      <c r="B79" s="21" t="s">
        <v>233</v>
      </c>
      <c r="C79" s="21" t="s">
        <v>262</v>
      </c>
      <c r="D79" s="21" t="s">
        <v>215</v>
      </c>
      <c r="E79" s="21" t="s">
        <v>688</v>
      </c>
      <c r="F79" s="21" t="s">
        <v>720</v>
      </c>
      <c r="G79" s="16">
        <v>38973</v>
      </c>
      <c r="H79" s="22" t="s">
        <v>268</v>
      </c>
      <c r="I79" s="22" t="s">
        <v>268</v>
      </c>
      <c r="J79" s="22" t="s">
        <v>268</v>
      </c>
      <c r="K79" s="22" t="s">
        <v>268</v>
      </c>
      <c r="L79" s="22" t="s">
        <v>268</v>
      </c>
      <c r="M79" s="16">
        <v>37847</v>
      </c>
      <c r="N79" s="16">
        <v>1126</v>
      </c>
      <c r="O79" s="22" t="s">
        <v>268</v>
      </c>
      <c r="P79" s="22" t="s">
        <v>268</v>
      </c>
      <c r="Q79" s="22" t="s">
        <v>268</v>
      </c>
    </row>
    <row r="80" spans="1:17">
      <c r="A80" s="21" t="s">
        <v>232</v>
      </c>
      <c r="B80" s="21" t="s">
        <v>233</v>
      </c>
      <c r="C80" s="21" t="s">
        <v>262</v>
      </c>
      <c r="D80" s="21" t="s">
        <v>215</v>
      </c>
      <c r="E80" s="21" t="s">
        <v>688</v>
      </c>
      <c r="F80" s="21" t="s">
        <v>427</v>
      </c>
      <c r="G80" s="16">
        <v>60804</v>
      </c>
      <c r="H80" s="16">
        <v>32845</v>
      </c>
      <c r="I80" s="16">
        <v>30318</v>
      </c>
      <c r="J80" s="16">
        <v>24547</v>
      </c>
      <c r="K80" s="16">
        <v>2527</v>
      </c>
      <c r="L80" s="16">
        <v>851</v>
      </c>
      <c r="M80" s="16">
        <v>27108</v>
      </c>
      <c r="N80" s="22" t="s">
        <v>268</v>
      </c>
      <c r="O80" s="16">
        <v>1564</v>
      </c>
      <c r="P80" s="16">
        <v>21594</v>
      </c>
      <c r="Q80" s="16">
        <v>15416</v>
      </c>
    </row>
    <row r="81" spans="1:17">
      <c r="A81" s="21" t="s">
        <v>232</v>
      </c>
      <c r="B81" s="21" t="s">
        <v>233</v>
      </c>
      <c r="C81" s="21" t="s">
        <v>262</v>
      </c>
      <c r="D81" s="21" t="s">
        <v>215</v>
      </c>
      <c r="E81" s="21" t="s">
        <v>688</v>
      </c>
      <c r="F81" s="21" t="s">
        <v>428</v>
      </c>
      <c r="G81" s="16">
        <v>23153</v>
      </c>
      <c r="H81" s="16">
        <v>18850</v>
      </c>
      <c r="I81" s="16">
        <v>18127</v>
      </c>
      <c r="J81" s="16">
        <v>16850</v>
      </c>
      <c r="K81" s="16">
        <v>723</v>
      </c>
      <c r="L81" s="16">
        <v>529</v>
      </c>
      <c r="M81" s="16">
        <v>3774</v>
      </c>
      <c r="N81" s="22" t="s">
        <v>268</v>
      </c>
      <c r="O81" s="16">
        <v>469</v>
      </c>
      <c r="P81" s="16">
        <v>16817</v>
      </c>
      <c r="Q81" s="16">
        <v>3774</v>
      </c>
    </row>
    <row r="82" spans="1:17">
      <c r="A82" s="21" t="s">
        <v>232</v>
      </c>
      <c r="B82" s="21" t="s">
        <v>233</v>
      </c>
      <c r="C82" s="21" t="s">
        <v>262</v>
      </c>
      <c r="D82" s="21" t="s">
        <v>215</v>
      </c>
      <c r="E82" s="21" t="s">
        <v>688</v>
      </c>
      <c r="F82" s="21" t="s">
        <v>429</v>
      </c>
      <c r="G82" s="16">
        <v>12441</v>
      </c>
      <c r="H82" s="16">
        <v>10885</v>
      </c>
      <c r="I82" s="16">
        <v>10688</v>
      </c>
      <c r="J82" s="16">
        <v>10353</v>
      </c>
      <c r="K82" s="16">
        <v>197</v>
      </c>
      <c r="L82" s="16">
        <v>338</v>
      </c>
      <c r="M82" s="16">
        <v>1218</v>
      </c>
      <c r="N82" s="22" t="s">
        <v>268</v>
      </c>
      <c r="O82" s="16">
        <v>117</v>
      </c>
      <c r="P82" s="16">
        <v>10348</v>
      </c>
      <c r="Q82" s="16">
        <v>1218</v>
      </c>
    </row>
    <row r="83" spans="1:17">
      <c r="A83" s="21" t="s">
        <v>232</v>
      </c>
      <c r="B83" s="21" t="s">
        <v>233</v>
      </c>
      <c r="C83" s="21" t="s">
        <v>262</v>
      </c>
      <c r="D83" s="21" t="s">
        <v>215</v>
      </c>
      <c r="E83" s="21" t="s">
        <v>689</v>
      </c>
      <c r="F83" s="21" t="s">
        <v>214</v>
      </c>
      <c r="G83" s="16">
        <v>49</v>
      </c>
      <c r="H83" s="16">
        <v>31</v>
      </c>
      <c r="I83" s="16">
        <v>26</v>
      </c>
      <c r="J83" s="16">
        <v>4</v>
      </c>
      <c r="K83" s="16">
        <v>5</v>
      </c>
      <c r="L83" s="22" t="s">
        <v>268</v>
      </c>
      <c r="M83" s="16">
        <v>13</v>
      </c>
      <c r="N83" s="16">
        <v>5</v>
      </c>
      <c r="O83" s="16">
        <v>5</v>
      </c>
      <c r="P83" s="16">
        <v>3</v>
      </c>
      <c r="Q83" s="16">
        <v>2</v>
      </c>
    </row>
    <row r="84" spans="1:17">
      <c r="A84" s="21" t="s">
        <v>232</v>
      </c>
      <c r="B84" s="21" t="s">
        <v>233</v>
      </c>
      <c r="C84" s="21" t="s">
        <v>262</v>
      </c>
      <c r="D84" s="21" t="s">
        <v>215</v>
      </c>
      <c r="E84" s="21" t="s">
        <v>689</v>
      </c>
      <c r="F84" s="21" t="s">
        <v>424</v>
      </c>
      <c r="G84" s="22" t="s">
        <v>268</v>
      </c>
      <c r="H84" s="22" t="s">
        <v>268</v>
      </c>
      <c r="I84" s="22" t="s">
        <v>268</v>
      </c>
      <c r="J84" s="22" t="s">
        <v>268</v>
      </c>
      <c r="K84" s="22" t="s">
        <v>268</v>
      </c>
      <c r="L84" s="22" t="s">
        <v>268</v>
      </c>
      <c r="M84" s="22" t="s">
        <v>268</v>
      </c>
      <c r="N84" s="22" t="s">
        <v>268</v>
      </c>
      <c r="O84" s="22" t="s">
        <v>268</v>
      </c>
      <c r="P84" s="22" t="s">
        <v>268</v>
      </c>
      <c r="Q84" s="22" t="s">
        <v>268</v>
      </c>
    </row>
    <row r="85" spans="1:17">
      <c r="A85" s="21" t="s">
        <v>232</v>
      </c>
      <c r="B85" s="21" t="s">
        <v>233</v>
      </c>
      <c r="C85" s="21" t="s">
        <v>262</v>
      </c>
      <c r="D85" s="21" t="s">
        <v>215</v>
      </c>
      <c r="E85" s="21" t="s">
        <v>689</v>
      </c>
      <c r="F85" s="21" t="s">
        <v>425</v>
      </c>
      <c r="G85" s="16">
        <v>25</v>
      </c>
      <c r="H85" s="16">
        <v>19</v>
      </c>
      <c r="I85" s="16">
        <v>16</v>
      </c>
      <c r="J85" s="16">
        <v>1</v>
      </c>
      <c r="K85" s="16">
        <v>3</v>
      </c>
      <c r="L85" s="22" t="s">
        <v>268</v>
      </c>
      <c r="M85" s="16">
        <v>6</v>
      </c>
      <c r="N85" s="22" t="s">
        <v>268</v>
      </c>
      <c r="O85" s="16">
        <v>3</v>
      </c>
      <c r="P85" s="22" t="s">
        <v>268</v>
      </c>
      <c r="Q85" s="22" t="s">
        <v>268</v>
      </c>
    </row>
    <row r="86" spans="1:17">
      <c r="A86" s="21" t="s">
        <v>232</v>
      </c>
      <c r="B86" s="21" t="s">
        <v>233</v>
      </c>
      <c r="C86" s="21" t="s">
        <v>262</v>
      </c>
      <c r="D86" s="21" t="s">
        <v>215</v>
      </c>
      <c r="E86" s="21" t="s">
        <v>689</v>
      </c>
      <c r="F86" s="21" t="s">
        <v>426</v>
      </c>
      <c r="G86" s="16">
        <v>14</v>
      </c>
      <c r="H86" s="16">
        <v>12</v>
      </c>
      <c r="I86" s="16">
        <v>10</v>
      </c>
      <c r="J86" s="16">
        <v>3</v>
      </c>
      <c r="K86" s="16">
        <v>2</v>
      </c>
      <c r="L86" s="22" t="s">
        <v>268</v>
      </c>
      <c r="M86" s="16">
        <v>2</v>
      </c>
      <c r="N86" s="22" t="s">
        <v>268</v>
      </c>
      <c r="O86" s="16">
        <v>2</v>
      </c>
      <c r="P86" s="16">
        <v>3</v>
      </c>
      <c r="Q86" s="16">
        <v>2</v>
      </c>
    </row>
    <row r="87" spans="1:17">
      <c r="A87" s="21" t="s">
        <v>232</v>
      </c>
      <c r="B87" s="21" t="s">
        <v>233</v>
      </c>
      <c r="C87" s="21" t="s">
        <v>262</v>
      </c>
      <c r="D87" s="21" t="s">
        <v>215</v>
      </c>
      <c r="E87" s="21" t="s">
        <v>689</v>
      </c>
      <c r="F87" s="21" t="s">
        <v>720</v>
      </c>
      <c r="G87" s="16">
        <v>10</v>
      </c>
      <c r="H87" s="22" t="s">
        <v>268</v>
      </c>
      <c r="I87" s="22" t="s">
        <v>268</v>
      </c>
      <c r="J87" s="22" t="s">
        <v>268</v>
      </c>
      <c r="K87" s="22" t="s">
        <v>268</v>
      </c>
      <c r="L87" s="22" t="s">
        <v>268</v>
      </c>
      <c r="M87" s="16">
        <v>5</v>
      </c>
      <c r="N87" s="16">
        <v>5</v>
      </c>
      <c r="O87" s="22" t="s">
        <v>268</v>
      </c>
      <c r="P87" s="22" t="s">
        <v>268</v>
      </c>
      <c r="Q87" s="22" t="s">
        <v>268</v>
      </c>
    </row>
    <row r="88" spans="1:17">
      <c r="A88" s="21" t="s">
        <v>232</v>
      </c>
      <c r="B88" s="21" t="s">
        <v>233</v>
      </c>
      <c r="C88" s="21" t="s">
        <v>262</v>
      </c>
      <c r="D88" s="21" t="s">
        <v>215</v>
      </c>
      <c r="E88" s="21" t="s">
        <v>689</v>
      </c>
      <c r="F88" s="21" t="s">
        <v>427</v>
      </c>
      <c r="G88" s="16">
        <v>17</v>
      </c>
      <c r="H88" s="16">
        <v>14</v>
      </c>
      <c r="I88" s="16">
        <v>12</v>
      </c>
      <c r="J88" s="16">
        <v>4</v>
      </c>
      <c r="K88" s="16">
        <v>2</v>
      </c>
      <c r="L88" s="22" t="s">
        <v>268</v>
      </c>
      <c r="M88" s="16">
        <v>3</v>
      </c>
      <c r="N88" s="22" t="s">
        <v>268</v>
      </c>
      <c r="O88" s="16">
        <v>2</v>
      </c>
      <c r="P88" s="16">
        <v>3</v>
      </c>
      <c r="Q88" s="16">
        <v>2</v>
      </c>
    </row>
    <row r="89" spans="1:17">
      <c r="A89" s="21" t="s">
        <v>232</v>
      </c>
      <c r="B89" s="21" t="s">
        <v>233</v>
      </c>
      <c r="C89" s="21" t="s">
        <v>262</v>
      </c>
      <c r="D89" s="21" t="s">
        <v>215</v>
      </c>
      <c r="E89" s="21" t="s">
        <v>689</v>
      </c>
      <c r="F89" s="21" t="s">
        <v>428</v>
      </c>
      <c r="G89" s="16">
        <v>9</v>
      </c>
      <c r="H89" s="16">
        <v>8</v>
      </c>
      <c r="I89" s="16">
        <v>7</v>
      </c>
      <c r="J89" s="16">
        <v>2</v>
      </c>
      <c r="K89" s="16">
        <v>1</v>
      </c>
      <c r="L89" s="22" t="s">
        <v>268</v>
      </c>
      <c r="M89" s="16">
        <v>1</v>
      </c>
      <c r="N89" s="22" t="s">
        <v>268</v>
      </c>
      <c r="O89" s="16">
        <v>1</v>
      </c>
      <c r="P89" s="16">
        <v>2</v>
      </c>
      <c r="Q89" s="16">
        <v>1</v>
      </c>
    </row>
    <row r="90" spans="1:17">
      <c r="A90" s="21" t="s">
        <v>232</v>
      </c>
      <c r="B90" s="21" t="s">
        <v>233</v>
      </c>
      <c r="C90" s="21" t="s">
        <v>262</v>
      </c>
      <c r="D90" s="21" t="s">
        <v>215</v>
      </c>
      <c r="E90" s="21" t="s">
        <v>689</v>
      </c>
      <c r="F90" s="21" t="s">
        <v>429</v>
      </c>
      <c r="G90" s="16">
        <v>1</v>
      </c>
      <c r="H90" s="22" t="s">
        <v>268</v>
      </c>
      <c r="I90" s="22" t="s">
        <v>268</v>
      </c>
      <c r="J90" s="22" t="s">
        <v>268</v>
      </c>
      <c r="K90" s="22" t="s">
        <v>268</v>
      </c>
      <c r="L90" s="22" t="s">
        <v>268</v>
      </c>
      <c r="M90" s="16">
        <v>1</v>
      </c>
      <c r="N90" s="22" t="s">
        <v>268</v>
      </c>
      <c r="O90" s="22" t="s">
        <v>268</v>
      </c>
      <c r="P90" s="22" t="s">
        <v>268</v>
      </c>
      <c r="Q90" s="16">
        <v>1</v>
      </c>
    </row>
    <row r="91" spans="1:17">
      <c r="A91" s="21" t="s">
        <v>232</v>
      </c>
      <c r="B91" s="21" t="s">
        <v>237</v>
      </c>
      <c r="C91" s="21" t="s">
        <v>264</v>
      </c>
      <c r="D91" s="21" t="s">
        <v>215</v>
      </c>
      <c r="E91" s="21" t="s">
        <v>214</v>
      </c>
      <c r="F91" s="21" t="s">
        <v>214</v>
      </c>
      <c r="G91" s="16">
        <v>511462</v>
      </c>
      <c r="H91" s="16">
        <v>392002</v>
      </c>
      <c r="I91" s="16">
        <v>336103</v>
      </c>
      <c r="J91" s="16">
        <v>147090</v>
      </c>
      <c r="K91" s="16">
        <v>55899</v>
      </c>
      <c r="L91" s="16">
        <v>3770</v>
      </c>
      <c r="M91" s="16">
        <v>114719</v>
      </c>
      <c r="N91" s="16">
        <v>971</v>
      </c>
      <c r="O91" s="16">
        <v>34778</v>
      </c>
      <c r="P91" s="16">
        <v>93391</v>
      </c>
      <c r="Q91" s="16">
        <v>29745</v>
      </c>
    </row>
    <row r="92" spans="1:17">
      <c r="A92" s="21" t="s">
        <v>232</v>
      </c>
      <c r="B92" s="21" t="s">
        <v>237</v>
      </c>
      <c r="C92" s="21" t="s">
        <v>264</v>
      </c>
      <c r="D92" s="21" t="s">
        <v>215</v>
      </c>
      <c r="E92" s="21" t="s">
        <v>214</v>
      </c>
      <c r="F92" s="21" t="s">
        <v>424</v>
      </c>
      <c r="G92" s="16">
        <v>5</v>
      </c>
      <c r="H92" s="16">
        <v>1</v>
      </c>
      <c r="I92" s="22" t="s">
        <v>268</v>
      </c>
      <c r="J92" s="22" t="s">
        <v>268</v>
      </c>
      <c r="K92" s="16">
        <v>1</v>
      </c>
      <c r="L92" s="22" t="s">
        <v>268</v>
      </c>
      <c r="M92" s="16">
        <v>4</v>
      </c>
      <c r="N92" s="22" t="s">
        <v>268</v>
      </c>
      <c r="O92" s="22" t="s">
        <v>268</v>
      </c>
      <c r="P92" s="22" t="s">
        <v>268</v>
      </c>
      <c r="Q92" s="22" t="s">
        <v>268</v>
      </c>
    </row>
    <row r="93" spans="1:17">
      <c r="A93" s="21" t="s">
        <v>232</v>
      </c>
      <c r="B93" s="21" t="s">
        <v>237</v>
      </c>
      <c r="C93" s="21" t="s">
        <v>264</v>
      </c>
      <c r="D93" s="21" t="s">
        <v>215</v>
      </c>
      <c r="E93" s="21" t="s">
        <v>214</v>
      </c>
      <c r="F93" s="21" t="s">
        <v>425</v>
      </c>
      <c r="G93" s="16">
        <v>297516</v>
      </c>
      <c r="H93" s="16">
        <v>221646</v>
      </c>
      <c r="I93" s="16">
        <v>194053</v>
      </c>
      <c r="J93" s="16">
        <v>51044</v>
      </c>
      <c r="K93" s="16">
        <v>27593</v>
      </c>
      <c r="L93" s="16">
        <v>2830</v>
      </c>
      <c r="M93" s="16">
        <v>73040</v>
      </c>
      <c r="N93" s="22" t="s">
        <v>268</v>
      </c>
      <c r="O93" s="16">
        <v>17721</v>
      </c>
      <c r="P93" s="22" t="s">
        <v>268</v>
      </c>
      <c r="Q93" s="22" t="s">
        <v>268</v>
      </c>
    </row>
    <row r="94" spans="1:17">
      <c r="A94" s="21" t="s">
        <v>232</v>
      </c>
      <c r="B94" s="21" t="s">
        <v>237</v>
      </c>
      <c r="C94" s="21" t="s">
        <v>264</v>
      </c>
      <c r="D94" s="21" t="s">
        <v>215</v>
      </c>
      <c r="E94" s="21" t="s">
        <v>214</v>
      </c>
      <c r="F94" s="21" t="s">
        <v>426</v>
      </c>
      <c r="G94" s="16">
        <v>201040</v>
      </c>
      <c r="H94" s="16">
        <v>170355</v>
      </c>
      <c r="I94" s="16">
        <v>142050</v>
      </c>
      <c r="J94" s="16">
        <v>96046</v>
      </c>
      <c r="K94" s="16">
        <v>28305</v>
      </c>
      <c r="L94" s="16">
        <v>940</v>
      </c>
      <c r="M94" s="16">
        <v>29745</v>
      </c>
      <c r="N94" s="22" t="s">
        <v>268</v>
      </c>
      <c r="O94" s="16">
        <v>17057</v>
      </c>
      <c r="P94" s="16">
        <v>93391</v>
      </c>
      <c r="Q94" s="16">
        <v>29745</v>
      </c>
    </row>
    <row r="95" spans="1:17">
      <c r="A95" s="21" t="s">
        <v>232</v>
      </c>
      <c r="B95" s="21" t="s">
        <v>237</v>
      </c>
      <c r="C95" s="21" t="s">
        <v>264</v>
      </c>
      <c r="D95" s="21" t="s">
        <v>215</v>
      </c>
      <c r="E95" s="21" t="s">
        <v>214</v>
      </c>
      <c r="F95" s="21" t="s">
        <v>720</v>
      </c>
      <c r="G95" s="16">
        <v>12901</v>
      </c>
      <c r="H95" s="22" t="s">
        <v>268</v>
      </c>
      <c r="I95" s="22" t="s">
        <v>268</v>
      </c>
      <c r="J95" s="22" t="s">
        <v>268</v>
      </c>
      <c r="K95" s="22" t="s">
        <v>268</v>
      </c>
      <c r="L95" s="22" t="s">
        <v>268</v>
      </c>
      <c r="M95" s="16">
        <v>11930</v>
      </c>
      <c r="N95" s="16">
        <v>971</v>
      </c>
      <c r="O95" s="22" t="s">
        <v>268</v>
      </c>
      <c r="P95" s="22" t="s">
        <v>268</v>
      </c>
      <c r="Q95" s="22" t="s">
        <v>268</v>
      </c>
    </row>
    <row r="96" spans="1:17">
      <c r="A96" s="21" t="s">
        <v>232</v>
      </c>
      <c r="B96" s="21" t="s">
        <v>237</v>
      </c>
      <c r="C96" s="21" t="s">
        <v>264</v>
      </c>
      <c r="D96" s="21" t="s">
        <v>215</v>
      </c>
      <c r="E96" s="21" t="s">
        <v>214</v>
      </c>
      <c r="F96" s="21" t="s">
        <v>427</v>
      </c>
      <c r="G96" s="16">
        <v>250063</v>
      </c>
      <c r="H96" s="16">
        <v>210302</v>
      </c>
      <c r="I96" s="16">
        <v>173015</v>
      </c>
      <c r="J96" s="16">
        <v>112686</v>
      </c>
      <c r="K96" s="16">
        <v>37287</v>
      </c>
      <c r="L96" s="16">
        <v>1235</v>
      </c>
      <c r="M96" s="16">
        <v>38526</v>
      </c>
      <c r="N96" s="22" t="s">
        <v>268</v>
      </c>
      <c r="O96" s="16">
        <v>21875</v>
      </c>
      <c r="P96" s="16">
        <v>93391</v>
      </c>
      <c r="Q96" s="16">
        <v>29745</v>
      </c>
    </row>
    <row r="97" spans="1:17">
      <c r="A97" s="21" t="s">
        <v>232</v>
      </c>
      <c r="B97" s="21" t="s">
        <v>237</v>
      </c>
      <c r="C97" s="21" t="s">
        <v>264</v>
      </c>
      <c r="D97" s="21" t="s">
        <v>215</v>
      </c>
      <c r="E97" s="21" t="s">
        <v>214</v>
      </c>
      <c r="F97" s="21" t="s">
        <v>428</v>
      </c>
      <c r="G97" s="16">
        <v>87460</v>
      </c>
      <c r="H97" s="16">
        <v>75217</v>
      </c>
      <c r="I97" s="16">
        <v>63845</v>
      </c>
      <c r="J97" s="16">
        <v>44238</v>
      </c>
      <c r="K97" s="16">
        <v>11372</v>
      </c>
      <c r="L97" s="16">
        <v>337</v>
      </c>
      <c r="M97" s="16">
        <v>11906</v>
      </c>
      <c r="N97" s="22" t="s">
        <v>268</v>
      </c>
      <c r="O97" s="16">
        <v>7168</v>
      </c>
      <c r="P97" s="16">
        <v>44100</v>
      </c>
      <c r="Q97" s="16">
        <v>11906</v>
      </c>
    </row>
    <row r="98" spans="1:17">
      <c r="A98" s="21" t="s">
        <v>232</v>
      </c>
      <c r="B98" s="21" t="s">
        <v>237</v>
      </c>
      <c r="C98" s="21" t="s">
        <v>264</v>
      </c>
      <c r="D98" s="21" t="s">
        <v>215</v>
      </c>
      <c r="E98" s="21" t="s">
        <v>214</v>
      </c>
      <c r="F98" s="21" t="s">
        <v>429</v>
      </c>
      <c r="G98" s="16">
        <v>23366</v>
      </c>
      <c r="H98" s="16">
        <v>19340</v>
      </c>
      <c r="I98" s="16">
        <v>15826</v>
      </c>
      <c r="J98" s="16">
        <v>10528</v>
      </c>
      <c r="K98" s="16">
        <v>3514</v>
      </c>
      <c r="L98" s="16">
        <v>78</v>
      </c>
      <c r="M98" s="16">
        <v>3948</v>
      </c>
      <c r="N98" s="22" t="s">
        <v>268</v>
      </c>
      <c r="O98" s="16">
        <v>1901</v>
      </c>
      <c r="P98" s="16">
        <v>10525</v>
      </c>
      <c r="Q98" s="16">
        <v>3948</v>
      </c>
    </row>
    <row r="99" spans="1:17">
      <c r="A99" s="21" t="s">
        <v>232</v>
      </c>
      <c r="B99" s="21" t="s">
        <v>237</v>
      </c>
      <c r="C99" s="21" t="s">
        <v>264</v>
      </c>
      <c r="D99" s="21" t="s">
        <v>215</v>
      </c>
      <c r="E99" s="21" t="s">
        <v>681</v>
      </c>
      <c r="F99" s="21" t="s">
        <v>214</v>
      </c>
      <c r="G99" s="16">
        <v>505141</v>
      </c>
      <c r="H99" s="16">
        <v>390267</v>
      </c>
      <c r="I99" s="16">
        <v>334470</v>
      </c>
      <c r="J99" s="16">
        <v>146368</v>
      </c>
      <c r="K99" s="16">
        <v>55797</v>
      </c>
      <c r="L99" s="16">
        <v>3740</v>
      </c>
      <c r="M99" s="16">
        <v>110166</v>
      </c>
      <c r="N99" s="16">
        <v>968</v>
      </c>
      <c r="O99" s="16">
        <v>34712</v>
      </c>
      <c r="P99" s="16">
        <v>92906</v>
      </c>
      <c r="Q99" s="16">
        <v>29601</v>
      </c>
    </row>
    <row r="100" spans="1:17">
      <c r="A100" s="21" t="s">
        <v>232</v>
      </c>
      <c r="B100" s="21" t="s">
        <v>237</v>
      </c>
      <c r="C100" s="21" t="s">
        <v>264</v>
      </c>
      <c r="D100" s="21" t="s">
        <v>215</v>
      </c>
      <c r="E100" s="21" t="s">
        <v>681</v>
      </c>
      <c r="F100" s="21" t="s">
        <v>424</v>
      </c>
      <c r="G100" s="16">
        <v>5</v>
      </c>
      <c r="H100" s="16">
        <v>1</v>
      </c>
      <c r="I100" s="22" t="s">
        <v>268</v>
      </c>
      <c r="J100" s="22" t="s">
        <v>268</v>
      </c>
      <c r="K100" s="16">
        <v>1</v>
      </c>
      <c r="L100" s="22" t="s">
        <v>268</v>
      </c>
      <c r="M100" s="16">
        <v>4</v>
      </c>
      <c r="N100" s="22" t="s">
        <v>268</v>
      </c>
      <c r="O100" s="22" t="s">
        <v>268</v>
      </c>
      <c r="P100" s="22" t="s">
        <v>268</v>
      </c>
      <c r="Q100" s="22" t="s">
        <v>268</v>
      </c>
    </row>
    <row r="101" spans="1:17">
      <c r="A101" s="21" t="s">
        <v>232</v>
      </c>
      <c r="B101" s="21" t="s">
        <v>237</v>
      </c>
      <c r="C101" s="21" t="s">
        <v>264</v>
      </c>
      <c r="D101" s="21" t="s">
        <v>215</v>
      </c>
      <c r="E101" s="21" t="s">
        <v>681</v>
      </c>
      <c r="F101" s="21" t="s">
        <v>425</v>
      </c>
      <c r="G101" s="16">
        <v>292166</v>
      </c>
      <c r="H101" s="16">
        <v>220502</v>
      </c>
      <c r="I101" s="16">
        <v>192976</v>
      </c>
      <c r="J101" s="16">
        <v>50813</v>
      </c>
      <c r="K101" s="16">
        <v>27526</v>
      </c>
      <c r="L101" s="16">
        <v>2808</v>
      </c>
      <c r="M101" s="16">
        <v>68856</v>
      </c>
      <c r="N101" s="22" t="s">
        <v>268</v>
      </c>
      <c r="O101" s="16">
        <v>17680</v>
      </c>
      <c r="P101" s="22" t="s">
        <v>268</v>
      </c>
      <c r="Q101" s="22" t="s">
        <v>268</v>
      </c>
    </row>
    <row r="102" spans="1:17">
      <c r="A102" s="21" t="s">
        <v>232</v>
      </c>
      <c r="B102" s="21" t="s">
        <v>237</v>
      </c>
      <c r="C102" s="21" t="s">
        <v>264</v>
      </c>
      <c r="D102" s="21" t="s">
        <v>215</v>
      </c>
      <c r="E102" s="21" t="s">
        <v>681</v>
      </c>
      <c r="F102" s="21" t="s">
        <v>426</v>
      </c>
      <c r="G102" s="16">
        <v>200297</v>
      </c>
      <c r="H102" s="16">
        <v>169764</v>
      </c>
      <c r="I102" s="16">
        <v>141494</v>
      </c>
      <c r="J102" s="16">
        <v>95555</v>
      </c>
      <c r="K102" s="16">
        <v>28270</v>
      </c>
      <c r="L102" s="16">
        <v>932</v>
      </c>
      <c r="M102" s="16">
        <v>29601</v>
      </c>
      <c r="N102" s="22" t="s">
        <v>268</v>
      </c>
      <c r="O102" s="16">
        <v>17032</v>
      </c>
      <c r="P102" s="16">
        <v>92906</v>
      </c>
      <c r="Q102" s="16">
        <v>29601</v>
      </c>
    </row>
    <row r="103" spans="1:17">
      <c r="A103" s="21" t="s">
        <v>232</v>
      </c>
      <c r="B103" s="21" t="s">
        <v>237</v>
      </c>
      <c r="C103" s="21" t="s">
        <v>264</v>
      </c>
      <c r="D103" s="21" t="s">
        <v>215</v>
      </c>
      <c r="E103" s="21" t="s">
        <v>681</v>
      </c>
      <c r="F103" s="21" t="s">
        <v>720</v>
      </c>
      <c r="G103" s="16">
        <v>12673</v>
      </c>
      <c r="H103" s="22" t="s">
        <v>268</v>
      </c>
      <c r="I103" s="22" t="s">
        <v>268</v>
      </c>
      <c r="J103" s="22" t="s">
        <v>268</v>
      </c>
      <c r="K103" s="22" t="s">
        <v>268</v>
      </c>
      <c r="L103" s="22" t="s">
        <v>268</v>
      </c>
      <c r="M103" s="16">
        <v>11705</v>
      </c>
      <c r="N103" s="16">
        <v>968</v>
      </c>
      <c r="O103" s="22" t="s">
        <v>268</v>
      </c>
      <c r="P103" s="22" t="s">
        <v>268</v>
      </c>
      <c r="Q103" s="22" t="s">
        <v>268</v>
      </c>
    </row>
    <row r="104" spans="1:17">
      <c r="A104" s="21" t="s">
        <v>232</v>
      </c>
      <c r="B104" s="21" t="s">
        <v>237</v>
      </c>
      <c r="C104" s="21" t="s">
        <v>264</v>
      </c>
      <c r="D104" s="21" t="s">
        <v>215</v>
      </c>
      <c r="E104" s="21" t="s">
        <v>681</v>
      </c>
      <c r="F104" s="21" t="s">
        <v>427</v>
      </c>
      <c r="G104" s="16">
        <v>249089</v>
      </c>
      <c r="H104" s="16">
        <v>209622</v>
      </c>
      <c r="I104" s="16">
        <v>172381</v>
      </c>
      <c r="J104" s="16">
        <v>112158</v>
      </c>
      <c r="K104" s="16">
        <v>37241</v>
      </c>
      <c r="L104" s="16">
        <v>1227</v>
      </c>
      <c r="M104" s="16">
        <v>38240</v>
      </c>
      <c r="N104" s="22" t="s">
        <v>268</v>
      </c>
      <c r="O104" s="16">
        <v>21844</v>
      </c>
      <c r="P104" s="16">
        <v>92906</v>
      </c>
      <c r="Q104" s="16">
        <v>29601</v>
      </c>
    </row>
    <row r="105" spans="1:17">
      <c r="A105" s="21" t="s">
        <v>232</v>
      </c>
      <c r="B105" s="21" t="s">
        <v>237</v>
      </c>
      <c r="C105" s="21" t="s">
        <v>264</v>
      </c>
      <c r="D105" s="21" t="s">
        <v>215</v>
      </c>
      <c r="E105" s="21" t="s">
        <v>681</v>
      </c>
      <c r="F105" s="21" t="s">
        <v>428</v>
      </c>
      <c r="G105" s="16">
        <v>87001</v>
      </c>
      <c r="H105" s="16">
        <v>74802</v>
      </c>
      <c r="I105" s="16">
        <v>63442</v>
      </c>
      <c r="J105" s="16">
        <v>43861</v>
      </c>
      <c r="K105" s="16">
        <v>11360</v>
      </c>
      <c r="L105" s="16">
        <v>332</v>
      </c>
      <c r="M105" s="16">
        <v>11867</v>
      </c>
      <c r="N105" s="22" t="s">
        <v>268</v>
      </c>
      <c r="O105" s="16">
        <v>7159</v>
      </c>
      <c r="P105" s="16">
        <v>43723</v>
      </c>
      <c r="Q105" s="16">
        <v>11867</v>
      </c>
    </row>
    <row r="106" spans="1:17">
      <c r="A106" s="21" t="s">
        <v>232</v>
      </c>
      <c r="B106" s="21" t="s">
        <v>237</v>
      </c>
      <c r="C106" s="21" t="s">
        <v>264</v>
      </c>
      <c r="D106" s="21" t="s">
        <v>215</v>
      </c>
      <c r="E106" s="21" t="s">
        <v>681</v>
      </c>
      <c r="F106" s="21" t="s">
        <v>429</v>
      </c>
      <c r="G106" s="16">
        <v>23062</v>
      </c>
      <c r="H106" s="16">
        <v>19049</v>
      </c>
      <c r="I106" s="16">
        <v>15541</v>
      </c>
      <c r="J106" s="16">
        <v>10258</v>
      </c>
      <c r="K106" s="16">
        <v>3508</v>
      </c>
      <c r="L106" s="16">
        <v>76</v>
      </c>
      <c r="M106" s="16">
        <v>3937</v>
      </c>
      <c r="N106" s="22" t="s">
        <v>268</v>
      </c>
      <c r="O106" s="16">
        <v>1897</v>
      </c>
      <c r="P106" s="16">
        <v>10255</v>
      </c>
      <c r="Q106" s="16">
        <v>3937</v>
      </c>
    </row>
    <row r="107" spans="1:17">
      <c r="A107" s="21" t="s">
        <v>232</v>
      </c>
      <c r="B107" s="21" t="s">
        <v>237</v>
      </c>
      <c r="C107" s="21" t="s">
        <v>264</v>
      </c>
      <c r="D107" s="21" t="s">
        <v>215</v>
      </c>
      <c r="E107" s="21" t="s">
        <v>682</v>
      </c>
      <c r="F107" s="21" t="s">
        <v>214</v>
      </c>
      <c r="G107" s="16">
        <v>500710</v>
      </c>
      <c r="H107" s="16">
        <v>388156</v>
      </c>
      <c r="I107" s="16">
        <v>332465</v>
      </c>
      <c r="J107" s="16">
        <v>145693</v>
      </c>
      <c r="K107" s="16">
        <v>55691</v>
      </c>
      <c r="L107" s="16">
        <v>3710</v>
      </c>
      <c r="M107" s="16">
        <v>107877</v>
      </c>
      <c r="N107" s="16">
        <v>967</v>
      </c>
      <c r="O107" s="16">
        <v>34652</v>
      </c>
      <c r="P107" s="16">
        <v>92589</v>
      </c>
      <c r="Q107" s="16">
        <v>29265</v>
      </c>
    </row>
    <row r="108" spans="1:17">
      <c r="A108" s="21" t="s">
        <v>232</v>
      </c>
      <c r="B108" s="21" t="s">
        <v>237</v>
      </c>
      <c r="C108" s="21" t="s">
        <v>264</v>
      </c>
      <c r="D108" s="21" t="s">
        <v>215</v>
      </c>
      <c r="E108" s="21" t="s">
        <v>682</v>
      </c>
      <c r="F108" s="21" t="s">
        <v>424</v>
      </c>
      <c r="G108" s="16">
        <v>1</v>
      </c>
      <c r="H108" s="22" t="s">
        <v>268</v>
      </c>
      <c r="I108" s="22" t="s">
        <v>268</v>
      </c>
      <c r="J108" s="22" t="s">
        <v>268</v>
      </c>
      <c r="K108" s="22" t="s">
        <v>268</v>
      </c>
      <c r="L108" s="22" t="s">
        <v>268</v>
      </c>
      <c r="M108" s="16">
        <v>1</v>
      </c>
      <c r="N108" s="22" t="s">
        <v>268</v>
      </c>
      <c r="O108" s="22" t="s">
        <v>268</v>
      </c>
      <c r="P108" s="22" t="s">
        <v>268</v>
      </c>
      <c r="Q108" s="22" t="s">
        <v>268</v>
      </c>
    </row>
    <row r="109" spans="1:17">
      <c r="A109" s="21" t="s">
        <v>232</v>
      </c>
      <c r="B109" s="21" t="s">
        <v>237</v>
      </c>
      <c r="C109" s="21" t="s">
        <v>264</v>
      </c>
      <c r="D109" s="21" t="s">
        <v>215</v>
      </c>
      <c r="E109" s="21" t="s">
        <v>682</v>
      </c>
      <c r="F109" s="21" t="s">
        <v>425</v>
      </c>
      <c r="G109" s="16">
        <v>288582</v>
      </c>
      <c r="H109" s="16">
        <v>218839</v>
      </c>
      <c r="I109" s="16">
        <v>191396</v>
      </c>
      <c r="J109" s="16">
        <v>50468</v>
      </c>
      <c r="K109" s="16">
        <v>27443</v>
      </c>
      <c r="L109" s="16">
        <v>2784</v>
      </c>
      <c r="M109" s="16">
        <v>66959</v>
      </c>
      <c r="N109" s="22" t="s">
        <v>268</v>
      </c>
      <c r="O109" s="16">
        <v>17631</v>
      </c>
      <c r="P109" s="22" t="s">
        <v>268</v>
      </c>
      <c r="Q109" s="22" t="s">
        <v>268</v>
      </c>
    </row>
    <row r="110" spans="1:17">
      <c r="A110" s="21" t="s">
        <v>232</v>
      </c>
      <c r="B110" s="21" t="s">
        <v>237</v>
      </c>
      <c r="C110" s="21" t="s">
        <v>264</v>
      </c>
      <c r="D110" s="21" t="s">
        <v>215</v>
      </c>
      <c r="E110" s="21" t="s">
        <v>682</v>
      </c>
      <c r="F110" s="21" t="s">
        <v>426</v>
      </c>
      <c r="G110" s="16">
        <v>199508</v>
      </c>
      <c r="H110" s="16">
        <v>169317</v>
      </c>
      <c r="I110" s="16">
        <v>141069</v>
      </c>
      <c r="J110" s="16">
        <v>95225</v>
      </c>
      <c r="K110" s="16">
        <v>28248</v>
      </c>
      <c r="L110" s="16">
        <v>926</v>
      </c>
      <c r="M110" s="16">
        <v>29265</v>
      </c>
      <c r="N110" s="22" t="s">
        <v>268</v>
      </c>
      <c r="O110" s="16">
        <v>17021</v>
      </c>
      <c r="P110" s="16">
        <v>92589</v>
      </c>
      <c r="Q110" s="16">
        <v>29265</v>
      </c>
    </row>
    <row r="111" spans="1:17">
      <c r="A111" s="21" t="s">
        <v>232</v>
      </c>
      <c r="B111" s="21" t="s">
        <v>237</v>
      </c>
      <c r="C111" s="21" t="s">
        <v>264</v>
      </c>
      <c r="D111" s="21" t="s">
        <v>215</v>
      </c>
      <c r="E111" s="21" t="s">
        <v>682</v>
      </c>
      <c r="F111" s="21" t="s">
        <v>720</v>
      </c>
      <c r="G111" s="16">
        <v>12619</v>
      </c>
      <c r="H111" s="22" t="s">
        <v>268</v>
      </c>
      <c r="I111" s="22" t="s">
        <v>268</v>
      </c>
      <c r="J111" s="22" t="s">
        <v>268</v>
      </c>
      <c r="K111" s="22" t="s">
        <v>268</v>
      </c>
      <c r="L111" s="22" t="s">
        <v>268</v>
      </c>
      <c r="M111" s="16">
        <v>11652</v>
      </c>
      <c r="N111" s="16">
        <v>967</v>
      </c>
      <c r="O111" s="22" t="s">
        <v>268</v>
      </c>
      <c r="P111" s="22" t="s">
        <v>268</v>
      </c>
      <c r="Q111" s="22" t="s">
        <v>268</v>
      </c>
    </row>
    <row r="112" spans="1:17">
      <c r="A112" s="21" t="s">
        <v>232</v>
      </c>
      <c r="B112" s="21" t="s">
        <v>237</v>
      </c>
      <c r="C112" s="21" t="s">
        <v>264</v>
      </c>
      <c r="D112" s="21" t="s">
        <v>215</v>
      </c>
      <c r="E112" s="21" t="s">
        <v>682</v>
      </c>
      <c r="F112" s="21" t="s">
        <v>427</v>
      </c>
      <c r="G112" s="16">
        <v>248034</v>
      </c>
      <c r="H112" s="16">
        <v>209039</v>
      </c>
      <c r="I112" s="16">
        <v>171833</v>
      </c>
      <c r="J112" s="16">
        <v>111761</v>
      </c>
      <c r="K112" s="16">
        <v>37206</v>
      </c>
      <c r="L112" s="16">
        <v>1216</v>
      </c>
      <c r="M112" s="16">
        <v>37779</v>
      </c>
      <c r="N112" s="22" t="s">
        <v>268</v>
      </c>
      <c r="O112" s="16">
        <v>21827</v>
      </c>
      <c r="P112" s="16">
        <v>92589</v>
      </c>
      <c r="Q112" s="16">
        <v>29265</v>
      </c>
    </row>
    <row r="113" spans="1:17">
      <c r="A113" s="21" t="s">
        <v>232</v>
      </c>
      <c r="B113" s="21" t="s">
        <v>237</v>
      </c>
      <c r="C113" s="21" t="s">
        <v>264</v>
      </c>
      <c r="D113" s="21" t="s">
        <v>215</v>
      </c>
      <c r="E113" s="21" t="s">
        <v>682</v>
      </c>
      <c r="F113" s="21" t="s">
        <v>428</v>
      </c>
      <c r="G113" s="16">
        <v>86679</v>
      </c>
      <c r="H113" s="16">
        <v>74605</v>
      </c>
      <c r="I113" s="16">
        <v>63251</v>
      </c>
      <c r="J113" s="16">
        <v>43707</v>
      </c>
      <c r="K113" s="16">
        <v>11354</v>
      </c>
      <c r="L113" s="16">
        <v>331</v>
      </c>
      <c r="M113" s="16">
        <v>11743</v>
      </c>
      <c r="N113" s="22" t="s">
        <v>268</v>
      </c>
      <c r="O113" s="16">
        <v>7156</v>
      </c>
      <c r="P113" s="16">
        <v>43569</v>
      </c>
      <c r="Q113" s="16">
        <v>11743</v>
      </c>
    </row>
    <row r="114" spans="1:17">
      <c r="A114" s="21" t="s">
        <v>232</v>
      </c>
      <c r="B114" s="21" t="s">
        <v>237</v>
      </c>
      <c r="C114" s="21" t="s">
        <v>264</v>
      </c>
      <c r="D114" s="21" t="s">
        <v>215</v>
      </c>
      <c r="E114" s="21" t="s">
        <v>682</v>
      </c>
      <c r="F114" s="21" t="s">
        <v>429</v>
      </c>
      <c r="G114" s="16">
        <v>22959</v>
      </c>
      <c r="H114" s="16">
        <v>18991</v>
      </c>
      <c r="I114" s="16">
        <v>15486</v>
      </c>
      <c r="J114" s="16">
        <v>10210</v>
      </c>
      <c r="K114" s="16">
        <v>3505</v>
      </c>
      <c r="L114" s="16">
        <v>76</v>
      </c>
      <c r="M114" s="16">
        <v>3892</v>
      </c>
      <c r="N114" s="22" t="s">
        <v>268</v>
      </c>
      <c r="O114" s="16">
        <v>1896</v>
      </c>
      <c r="P114" s="16">
        <v>10207</v>
      </c>
      <c r="Q114" s="16">
        <v>3892</v>
      </c>
    </row>
    <row r="115" spans="1:17">
      <c r="A115" s="21" t="s">
        <v>232</v>
      </c>
      <c r="B115" s="21" t="s">
        <v>237</v>
      </c>
      <c r="C115" s="21" t="s">
        <v>264</v>
      </c>
      <c r="D115" s="21" t="s">
        <v>215</v>
      </c>
      <c r="E115" s="21" t="s">
        <v>683</v>
      </c>
      <c r="F115" s="21" t="s">
        <v>214</v>
      </c>
      <c r="G115" s="16">
        <v>342119</v>
      </c>
      <c r="H115" s="16">
        <v>305890</v>
      </c>
      <c r="I115" s="16">
        <v>253148</v>
      </c>
      <c r="J115" s="16">
        <v>115688</v>
      </c>
      <c r="K115" s="16">
        <v>52742</v>
      </c>
      <c r="L115" s="16">
        <v>1461</v>
      </c>
      <c r="M115" s="16">
        <v>34295</v>
      </c>
      <c r="N115" s="16">
        <v>473</v>
      </c>
      <c r="O115" s="16">
        <v>33273</v>
      </c>
      <c r="P115" s="16">
        <v>83035</v>
      </c>
      <c r="Q115" s="16">
        <v>19118</v>
      </c>
    </row>
    <row r="116" spans="1:17">
      <c r="A116" s="21" t="s">
        <v>232</v>
      </c>
      <c r="B116" s="21" t="s">
        <v>237</v>
      </c>
      <c r="C116" s="21" t="s">
        <v>264</v>
      </c>
      <c r="D116" s="21" t="s">
        <v>215</v>
      </c>
      <c r="E116" s="21" t="s">
        <v>683</v>
      </c>
      <c r="F116" s="21" t="s">
        <v>424</v>
      </c>
      <c r="G116" s="22" t="s">
        <v>268</v>
      </c>
      <c r="H116" s="22" t="s">
        <v>268</v>
      </c>
      <c r="I116" s="22" t="s">
        <v>268</v>
      </c>
      <c r="J116" s="22" t="s">
        <v>268</v>
      </c>
      <c r="K116" s="22" t="s">
        <v>268</v>
      </c>
      <c r="L116" s="22" t="s">
        <v>268</v>
      </c>
      <c r="M116" s="22" t="s">
        <v>268</v>
      </c>
      <c r="N116" s="22" t="s">
        <v>268</v>
      </c>
      <c r="O116" s="22" t="s">
        <v>268</v>
      </c>
      <c r="P116" s="22" t="s">
        <v>268</v>
      </c>
      <c r="Q116" s="22" t="s">
        <v>268</v>
      </c>
    </row>
    <row r="117" spans="1:17">
      <c r="A117" s="21" t="s">
        <v>232</v>
      </c>
      <c r="B117" s="21" t="s">
        <v>237</v>
      </c>
      <c r="C117" s="21" t="s">
        <v>264</v>
      </c>
      <c r="D117" s="21" t="s">
        <v>215</v>
      </c>
      <c r="E117" s="21" t="s">
        <v>683</v>
      </c>
      <c r="F117" s="21" t="s">
        <v>425</v>
      </c>
      <c r="G117" s="16">
        <v>166432</v>
      </c>
      <c r="H117" s="16">
        <v>151946</v>
      </c>
      <c r="I117" s="16">
        <v>126519</v>
      </c>
      <c r="J117" s="16">
        <v>30597</v>
      </c>
      <c r="K117" s="16">
        <v>25427</v>
      </c>
      <c r="L117" s="16">
        <v>792</v>
      </c>
      <c r="M117" s="16">
        <v>13694</v>
      </c>
      <c r="N117" s="22" t="s">
        <v>268</v>
      </c>
      <c r="O117" s="16">
        <v>16670</v>
      </c>
      <c r="P117" s="22" t="s">
        <v>268</v>
      </c>
      <c r="Q117" s="22" t="s">
        <v>268</v>
      </c>
    </row>
    <row r="118" spans="1:17">
      <c r="A118" s="21" t="s">
        <v>232</v>
      </c>
      <c r="B118" s="21" t="s">
        <v>237</v>
      </c>
      <c r="C118" s="21" t="s">
        <v>264</v>
      </c>
      <c r="D118" s="21" t="s">
        <v>215</v>
      </c>
      <c r="E118" s="21" t="s">
        <v>683</v>
      </c>
      <c r="F118" s="21" t="s">
        <v>426</v>
      </c>
      <c r="G118" s="16">
        <v>173731</v>
      </c>
      <c r="H118" s="16">
        <v>153944</v>
      </c>
      <c r="I118" s="16">
        <v>126629</v>
      </c>
      <c r="J118" s="16">
        <v>85091</v>
      </c>
      <c r="K118" s="16">
        <v>27315</v>
      </c>
      <c r="L118" s="16">
        <v>669</v>
      </c>
      <c r="M118" s="16">
        <v>19118</v>
      </c>
      <c r="N118" s="22" t="s">
        <v>268</v>
      </c>
      <c r="O118" s="16">
        <v>16603</v>
      </c>
      <c r="P118" s="16">
        <v>83035</v>
      </c>
      <c r="Q118" s="16">
        <v>19118</v>
      </c>
    </row>
    <row r="119" spans="1:17">
      <c r="A119" s="21" t="s">
        <v>232</v>
      </c>
      <c r="B119" s="21" t="s">
        <v>237</v>
      </c>
      <c r="C119" s="21" t="s">
        <v>264</v>
      </c>
      <c r="D119" s="21" t="s">
        <v>215</v>
      </c>
      <c r="E119" s="21" t="s">
        <v>683</v>
      </c>
      <c r="F119" s="21" t="s">
        <v>720</v>
      </c>
      <c r="G119" s="16">
        <v>1956</v>
      </c>
      <c r="H119" s="22" t="s">
        <v>268</v>
      </c>
      <c r="I119" s="22" t="s">
        <v>268</v>
      </c>
      <c r="J119" s="22" t="s">
        <v>268</v>
      </c>
      <c r="K119" s="22" t="s">
        <v>268</v>
      </c>
      <c r="L119" s="22" t="s">
        <v>268</v>
      </c>
      <c r="M119" s="16">
        <v>1483</v>
      </c>
      <c r="N119" s="16">
        <v>473</v>
      </c>
      <c r="O119" s="22" t="s">
        <v>268</v>
      </c>
      <c r="P119" s="22" t="s">
        <v>268</v>
      </c>
      <c r="Q119" s="22" t="s">
        <v>268</v>
      </c>
    </row>
    <row r="120" spans="1:17">
      <c r="A120" s="21" t="s">
        <v>232</v>
      </c>
      <c r="B120" s="21" t="s">
        <v>237</v>
      </c>
      <c r="C120" s="21" t="s">
        <v>264</v>
      </c>
      <c r="D120" s="21" t="s">
        <v>215</v>
      </c>
      <c r="E120" s="21" t="s">
        <v>683</v>
      </c>
      <c r="F120" s="21" t="s">
        <v>427</v>
      </c>
      <c r="G120" s="16">
        <v>212603</v>
      </c>
      <c r="H120" s="16">
        <v>188280</v>
      </c>
      <c r="I120" s="16">
        <v>152367</v>
      </c>
      <c r="J120" s="16">
        <v>98783</v>
      </c>
      <c r="K120" s="16">
        <v>35913</v>
      </c>
      <c r="L120" s="16">
        <v>858</v>
      </c>
      <c r="M120" s="16">
        <v>23465</v>
      </c>
      <c r="N120" s="22" t="s">
        <v>268</v>
      </c>
      <c r="O120" s="16">
        <v>21238</v>
      </c>
      <c r="P120" s="16">
        <v>83035</v>
      </c>
      <c r="Q120" s="16">
        <v>19118</v>
      </c>
    </row>
    <row r="121" spans="1:17">
      <c r="A121" s="21" t="s">
        <v>232</v>
      </c>
      <c r="B121" s="21" t="s">
        <v>237</v>
      </c>
      <c r="C121" s="21" t="s">
        <v>264</v>
      </c>
      <c r="D121" s="21" t="s">
        <v>215</v>
      </c>
      <c r="E121" s="21" t="s">
        <v>683</v>
      </c>
      <c r="F121" s="21" t="s">
        <v>428</v>
      </c>
      <c r="G121" s="16">
        <v>77743</v>
      </c>
      <c r="H121" s="16">
        <v>68844</v>
      </c>
      <c r="I121" s="16">
        <v>57785</v>
      </c>
      <c r="J121" s="16">
        <v>39668</v>
      </c>
      <c r="K121" s="16">
        <v>11059</v>
      </c>
      <c r="L121" s="16">
        <v>256</v>
      </c>
      <c r="M121" s="16">
        <v>8643</v>
      </c>
      <c r="N121" s="22" t="s">
        <v>268</v>
      </c>
      <c r="O121" s="16">
        <v>7018</v>
      </c>
      <c r="P121" s="16">
        <v>39583</v>
      </c>
      <c r="Q121" s="16">
        <v>8643</v>
      </c>
    </row>
    <row r="122" spans="1:17">
      <c r="A122" s="21" t="s">
        <v>232</v>
      </c>
      <c r="B122" s="21" t="s">
        <v>237</v>
      </c>
      <c r="C122" s="21" t="s">
        <v>264</v>
      </c>
      <c r="D122" s="21" t="s">
        <v>215</v>
      </c>
      <c r="E122" s="21" t="s">
        <v>683</v>
      </c>
      <c r="F122" s="21" t="s">
        <v>429</v>
      </c>
      <c r="G122" s="16">
        <v>21155</v>
      </c>
      <c r="H122" s="16">
        <v>17819</v>
      </c>
      <c r="I122" s="16">
        <v>14374</v>
      </c>
      <c r="J122" s="16">
        <v>9413</v>
      </c>
      <c r="K122" s="16">
        <v>3445</v>
      </c>
      <c r="L122" s="16">
        <v>61</v>
      </c>
      <c r="M122" s="16">
        <v>3275</v>
      </c>
      <c r="N122" s="22" t="s">
        <v>268</v>
      </c>
      <c r="O122" s="16">
        <v>1867</v>
      </c>
      <c r="P122" s="16">
        <v>9411</v>
      </c>
      <c r="Q122" s="16">
        <v>3275</v>
      </c>
    </row>
    <row r="123" spans="1:17">
      <c r="A123" s="21" t="s">
        <v>232</v>
      </c>
      <c r="B123" s="21" t="s">
        <v>237</v>
      </c>
      <c r="C123" s="21" t="s">
        <v>264</v>
      </c>
      <c r="D123" s="21" t="s">
        <v>215</v>
      </c>
      <c r="E123" s="21" t="s">
        <v>684</v>
      </c>
      <c r="F123" s="21" t="s">
        <v>214</v>
      </c>
      <c r="G123" s="16">
        <v>19274</v>
      </c>
      <c r="H123" s="16">
        <v>13749</v>
      </c>
      <c r="I123" s="16">
        <v>13137</v>
      </c>
      <c r="J123" s="16">
        <v>6167</v>
      </c>
      <c r="K123" s="16">
        <v>612</v>
      </c>
      <c r="L123" s="16">
        <v>78</v>
      </c>
      <c r="M123" s="16">
        <v>5405</v>
      </c>
      <c r="N123" s="16">
        <v>42</v>
      </c>
      <c r="O123" s="16">
        <v>273</v>
      </c>
      <c r="P123" s="16">
        <v>4266</v>
      </c>
      <c r="Q123" s="16">
        <v>3160</v>
      </c>
    </row>
    <row r="124" spans="1:17">
      <c r="A124" s="21" t="s">
        <v>232</v>
      </c>
      <c r="B124" s="21" t="s">
        <v>237</v>
      </c>
      <c r="C124" s="21" t="s">
        <v>264</v>
      </c>
      <c r="D124" s="21" t="s">
        <v>215</v>
      </c>
      <c r="E124" s="21" t="s">
        <v>684</v>
      </c>
      <c r="F124" s="21" t="s">
        <v>424</v>
      </c>
      <c r="G124" s="22" t="s">
        <v>268</v>
      </c>
      <c r="H124" s="22" t="s">
        <v>268</v>
      </c>
      <c r="I124" s="22" t="s">
        <v>268</v>
      </c>
      <c r="J124" s="22" t="s">
        <v>268</v>
      </c>
      <c r="K124" s="22" t="s">
        <v>268</v>
      </c>
      <c r="L124" s="22" t="s">
        <v>268</v>
      </c>
      <c r="M124" s="22" t="s">
        <v>268</v>
      </c>
      <c r="N124" s="22" t="s">
        <v>268</v>
      </c>
      <c r="O124" s="22" t="s">
        <v>268</v>
      </c>
      <c r="P124" s="22" t="s">
        <v>268</v>
      </c>
      <c r="Q124" s="22" t="s">
        <v>268</v>
      </c>
    </row>
    <row r="125" spans="1:17">
      <c r="A125" s="21" t="s">
        <v>232</v>
      </c>
      <c r="B125" s="21" t="s">
        <v>237</v>
      </c>
      <c r="C125" s="21" t="s">
        <v>264</v>
      </c>
      <c r="D125" s="21" t="s">
        <v>215</v>
      </c>
      <c r="E125" s="21" t="s">
        <v>684</v>
      </c>
      <c r="F125" s="21" t="s">
        <v>425</v>
      </c>
      <c r="G125" s="16">
        <v>9532</v>
      </c>
      <c r="H125" s="16">
        <v>7363</v>
      </c>
      <c r="I125" s="16">
        <v>7062</v>
      </c>
      <c r="J125" s="16">
        <v>1743</v>
      </c>
      <c r="K125" s="16">
        <v>301</v>
      </c>
      <c r="L125" s="16">
        <v>31</v>
      </c>
      <c r="M125" s="16">
        <v>2138</v>
      </c>
      <c r="N125" s="22" t="s">
        <v>268</v>
      </c>
      <c r="O125" s="16">
        <v>152</v>
      </c>
      <c r="P125" s="22" t="s">
        <v>268</v>
      </c>
      <c r="Q125" s="22" t="s">
        <v>268</v>
      </c>
    </row>
    <row r="126" spans="1:17">
      <c r="A126" s="21" t="s">
        <v>232</v>
      </c>
      <c r="B126" s="21" t="s">
        <v>237</v>
      </c>
      <c r="C126" s="21" t="s">
        <v>264</v>
      </c>
      <c r="D126" s="21" t="s">
        <v>215</v>
      </c>
      <c r="E126" s="21" t="s">
        <v>684</v>
      </c>
      <c r="F126" s="21" t="s">
        <v>426</v>
      </c>
      <c r="G126" s="16">
        <v>9593</v>
      </c>
      <c r="H126" s="16">
        <v>6386</v>
      </c>
      <c r="I126" s="16">
        <v>6075</v>
      </c>
      <c r="J126" s="16">
        <v>4424</v>
      </c>
      <c r="K126" s="16">
        <v>311</v>
      </c>
      <c r="L126" s="16">
        <v>47</v>
      </c>
      <c r="M126" s="16">
        <v>3160</v>
      </c>
      <c r="N126" s="22" t="s">
        <v>268</v>
      </c>
      <c r="O126" s="16">
        <v>121</v>
      </c>
      <c r="P126" s="16">
        <v>4266</v>
      </c>
      <c r="Q126" s="16">
        <v>3160</v>
      </c>
    </row>
    <row r="127" spans="1:17">
      <c r="A127" s="21" t="s">
        <v>232</v>
      </c>
      <c r="B127" s="21" t="s">
        <v>237</v>
      </c>
      <c r="C127" s="21" t="s">
        <v>264</v>
      </c>
      <c r="D127" s="21" t="s">
        <v>215</v>
      </c>
      <c r="E127" s="21" t="s">
        <v>684</v>
      </c>
      <c r="F127" s="21" t="s">
        <v>720</v>
      </c>
      <c r="G127" s="16">
        <v>149</v>
      </c>
      <c r="H127" s="22" t="s">
        <v>268</v>
      </c>
      <c r="I127" s="22" t="s">
        <v>268</v>
      </c>
      <c r="J127" s="22" t="s">
        <v>268</v>
      </c>
      <c r="K127" s="22" t="s">
        <v>268</v>
      </c>
      <c r="L127" s="22" t="s">
        <v>268</v>
      </c>
      <c r="M127" s="16">
        <v>107</v>
      </c>
      <c r="N127" s="16">
        <v>42</v>
      </c>
      <c r="O127" s="22" t="s">
        <v>268</v>
      </c>
      <c r="P127" s="22" t="s">
        <v>268</v>
      </c>
      <c r="Q127" s="22" t="s">
        <v>268</v>
      </c>
    </row>
    <row r="128" spans="1:17">
      <c r="A128" s="21" t="s">
        <v>232</v>
      </c>
      <c r="B128" s="21" t="s">
        <v>237</v>
      </c>
      <c r="C128" s="21" t="s">
        <v>264</v>
      </c>
      <c r="D128" s="21" t="s">
        <v>215</v>
      </c>
      <c r="E128" s="21" t="s">
        <v>684</v>
      </c>
      <c r="F128" s="21" t="s">
        <v>427</v>
      </c>
      <c r="G128" s="16">
        <v>11598</v>
      </c>
      <c r="H128" s="16">
        <v>7756</v>
      </c>
      <c r="I128" s="16">
        <v>7353</v>
      </c>
      <c r="J128" s="16">
        <v>5144</v>
      </c>
      <c r="K128" s="16">
        <v>403</v>
      </c>
      <c r="L128" s="16">
        <v>53</v>
      </c>
      <c r="M128" s="16">
        <v>3789</v>
      </c>
      <c r="N128" s="22" t="s">
        <v>268</v>
      </c>
      <c r="O128" s="16">
        <v>170</v>
      </c>
      <c r="P128" s="16">
        <v>4266</v>
      </c>
      <c r="Q128" s="16">
        <v>3160</v>
      </c>
    </row>
    <row r="129" spans="1:17">
      <c r="A129" s="21" t="s">
        <v>232</v>
      </c>
      <c r="B129" s="21" t="s">
        <v>237</v>
      </c>
      <c r="C129" s="21" t="s">
        <v>264</v>
      </c>
      <c r="D129" s="21" t="s">
        <v>215</v>
      </c>
      <c r="E129" s="21" t="s">
        <v>684</v>
      </c>
      <c r="F129" s="21" t="s">
        <v>428</v>
      </c>
      <c r="G129" s="16">
        <v>3942</v>
      </c>
      <c r="H129" s="16">
        <v>2706</v>
      </c>
      <c r="I129" s="16">
        <v>2596</v>
      </c>
      <c r="J129" s="16">
        <v>1990</v>
      </c>
      <c r="K129" s="16">
        <v>110</v>
      </c>
      <c r="L129" s="16">
        <v>14</v>
      </c>
      <c r="M129" s="16">
        <v>1222</v>
      </c>
      <c r="N129" s="22" t="s">
        <v>268</v>
      </c>
      <c r="O129" s="16">
        <v>47</v>
      </c>
      <c r="P129" s="16">
        <v>1973</v>
      </c>
      <c r="Q129" s="16">
        <v>1222</v>
      </c>
    </row>
    <row r="130" spans="1:17">
      <c r="A130" s="21" t="s">
        <v>232</v>
      </c>
      <c r="B130" s="21" t="s">
        <v>237</v>
      </c>
      <c r="C130" s="21" t="s">
        <v>264</v>
      </c>
      <c r="D130" s="21" t="s">
        <v>215</v>
      </c>
      <c r="E130" s="21" t="s">
        <v>684</v>
      </c>
      <c r="F130" s="21" t="s">
        <v>429</v>
      </c>
      <c r="G130" s="16">
        <v>785</v>
      </c>
      <c r="H130" s="16">
        <v>535</v>
      </c>
      <c r="I130" s="16">
        <v>512</v>
      </c>
      <c r="J130" s="16">
        <v>387</v>
      </c>
      <c r="K130" s="16">
        <v>23</v>
      </c>
      <c r="L130" s="16">
        <v>5</v>
      </c>
      <c r="M130" s="16">
        <v>245</v>
      </c>
      <c r="N130" s="22" t="s">
        <v>268</v>
      </c>
      <c r="O130" s="16">
        <v>10</v>
      </c>
      <c r="P130" s="16">
        <v>387</v>
      </c>
      <c r="Q130" s="16">
        <v>245</v>
      </c>
    </row>
    <row r="131" spans="1:17">
      <c r="A131" s="21" t="s">
        <v>232</v>
      </c>
      <c r="B131" s="21" t="s">
        <v>237</v>
      </c>
      <c r="C131" s="21" t="s">
        <v>264</v>
      </c>
      <c r="D131" s="21" t="s">
        <v>215</v>
      </c>
      <c r="E131" s="21" t="s">
        <v>685</v>
      </c>
      <c r="F131" s="21" t="s">
        <v>214</v>
      </c>
      <c r="G131" s="16">
        <v>125076</v>
      </c>
      <c r="H131" s="16">
        <v>62231</v>
      </c>
      <c r="I131" s="16">
        <v>60038</v>
      </c>
      <c r="J131" s="16">
        <v>21928</v>
      </c>
      <c r="K131" s="16">
        <v>2193</v>
      </c>
      <c r="L131" s="16">
        <v>2111</v>
      </c>
      <c r="M131" s="16">
        <v>60291</v>
      </c>
      <c r="N131" s="16">
        <v>443</v>
      </c>
      <c r="O131" s="16">
        <v>1019</v>
      </c>
      <c r="P131" s="16">
        <v>5076</v>
      </c>
      <c r="Q131" s="16">
        <v>6822</v>
      </c>
    </row>
    <row r="132" spans="1:17">
      <c r="A132" s="21" t="s">
        <v>232</v>
      </c>
      <c r="B132" s="21" t="s">
        <v>237</v>
      </c>
      <c r="C132" s="21" t="s">
        <v>264</v>
      </c>
      <c r="D132" s="21" t="s">
        <v>215</v>
      </c>
      <c r="E132" s="21" t="s">
        <v>685</v>
      </c>
      <c r="F132" s="21" t="s">
        <v>424</v>
      </c>
      <c r="G132" s="16">
        <v>1</v>
      </c>
      <c r="H132" s="22" t="s">
        <v>268</v>
      </c>
      <c r="I132" s="22" t="s">
        <v>268</v>
      </c>
      <c r="J132" s="22" t="s">
        <v>268</v>
      </c>
      <c r="K132" s="22" t="s">
        <v>268</v>
      </c>
      <c r="L132" s="22" t="s">
        <v>268</v>
      </c>
      <c r="M132" s="16">
        <v>1</v>
      </c>
      <c r="N132" s="22" t="s">
        <v>268</v>
      </c>
      <c r="O132" s="22" t="s">
        <v>268</v>
      </c>
      <c r="P132" s="22" t="s">
        <v>268</v>
      </c>
      <c r="Q132" s="22" t="s">
        <v>268</v>
      </c>
    </row>
    <row r="133" spans="1:17">
      <c r="A133" s="21" t="s">
        <v>232</v>
      </c>
      <c r="B133" s="21" t="s">
        <v>237</v>
      </c>
      <c r="C133" s="21" t="s">
        <v>264</v>
      </c>
      <c r="D133" s="21" t="s">
        <v>215</v>
      </c>
      <c r="E133" s="21" t="s">
        <v>685</v>
      </c>
      <c r="F133" s="21" t="s">
        <v>425</v>
      </c>
      <c r="G133" s="16">
        <v>99179</v>
      </c>
      <c r="H133" s="16">
        <v>53601</v>
      </c>
      <c r="I133" s="16">
        <v>51991</v>
      </c>
      <c r="J133" s="16">
        <v>16452</v>
      </c>
      <c r="K133" s="16">
        <v>1610</v>
      </c>
      <c r="L133" s="16">
        <v>1908</v>
      </c>
      <c r="M133" s="16">
        <v>43670</v>
      </c>
      <c r="N133" s="22" t="s">
        <v>268</v>
      </c>
      <c r="O133" s="16">
        <v>748</v>
      </c>
      <c r="P133" s="22" t="s">
        <v>268</v>
      </c>
      <c r="Q133" s="22" t="s">
        <v>268</v>
      </c>
    </row>
    <row r="134" spans="1:17">
      <c r="A134" s="21" t="s">
        <v>232</v>
      </c>
      <c r="B134" s="21" t="s">
        <v>237</v>
      </c>
      <c r="C134" s="21" t="s">
        <v>264</v>
      </c>
      <c r="D134" s="21" t="s">
        <v>215</v>
      </c>
      <c r="E134" s="21" t="s">
        <v>685</v>
      </c>
      <c r="F134" s="21" t="s">
        <v>426</v>
      </c>
      <c r="G134" s="16">
        <v>15655</v>
      </c>
      <c r="H134" s="16">
        <v>8630</v>
      </c>
      <c r="I134" s="16">
        <v>8047</v>
      </c>
      <c r="J134" s="16">
        <v>5476</v>
      </c>
      <c r="K134" s="16">
        <v>583</v>
      </c>
      <c r="L134" s="16">
        <v>203</v>
      </c>
      <c r="M134" s="16">
        <v>6822</v>
      </c>
      <c r="N134" s="22" t="s">
        <v>268</v>
      </c>
      <c r="O134" s="16">
        <v>271</v>
      </c>
      <c r="P134" s="16">
        <v>5076</v>
      </c>
      <c r="Q134" s="16">
        <v>6822</v>
      </c>
    </row>
    <row r="135" spans="1:17">
      <c r="A135" s="21" t="s">
        <v>232</v>
      </c>
      <c r="B135" s="21" t="s">
        <v>237</v>
      </c>
      <c r="C135" s="21" t="s">
        <v>264</v>
      </c>
      <c r="D135" s="21" t="s">
        <v>215</v>
      </c>
      <c r="E135" s="21" t="s">
        <v>685</v>
      </c>
      <c r="F135" s="21" t="s">
        <v>720</v>
      </c>
      <c r="G135" s="16">
        <v>10241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22" t="s">
        <v>268</v>
      </c>
      <c r="M135" s="16">
        <v>9798</v>
      </c>
      <c r="N135" s="16">
        <v>443</v>
      </c>
      <c r="O135" s="22" t="s">
        <v>268</v>
      </c>
      <c r="P135" s="22" t="s">
        <v>268</v>
      </c>
      <c r="Q135" s="22" t="s">
        <v>268</v>
      </c>
    </row>
    <row r="136" spans="1:17">
      <c r="A136" s="21" t="s">
        <v>232</v>
      </c>
      <c r="B136" s="21" t="s">
        <v>237</v>
      </c>
      <c r="C136" s="21" t="s">
        <v>264</v>
      </c>
      <c r="D136" s="21" t="s">
        <v>215</v>
      </c>
      <c r="E136" s="21" t="s">
        <v>685</v>
      </c>
      <c r="F136" s="21" t="s">
        <v>427</v>
      </c>
      <c r="G136" s="16">
        <v>22696</v>
      </c>
      <c r="H136" s="16">
        <v>12354</v>
      </c>
      <c r="I136" s="16">
        <v>11524</v>
      </c>
      <c r="J136" s="16">
        <v>7425</v>
      </c>
      <c r="K136" s="16">
        <v>830</v>
      </c>
      <c r="L136" s="16">
        <v>298</v>
      </c>
      <c r="M136" s="16">
        <v>10044</v>
      </c>
      <c r="N136" s="22" t="s">
        <v>268</v>
      </c>
      <c r="O136" s="16">
        <v>382</v>
      </c>
      <c r="P136" s="16">
        <v>5076</v>
      </c>
      <c r="Q136" s="16">
        <v>6822</v>
      </c>
    </row>
    <row r="137" spans="1:17">
      <c r="A137" s="21" t="s">
        <v>232</v>
      </c>
      <c r="B137" s="21" t="s">
        <v>237</v>
      </c>
      <c r="C137" s="21" t="s">
        <v>264</v>
      </c>
      <c r="D137" s="21" t="s">
        <v>215</v>
      </c>
      <c r="E137" s="21" t="s">
        <v>685</v>
      </c>
      <c r="F137" s="21" t="s">
        <v>428</v>
      </c>
      <c r="G137" s="16">
        <v>4855</v>
      </c>
      <c r="H137" s="16">
        <v>2949</v>
      </c>
      <c r="I137" s="16">
        <v>2779</v>
      </c>
      <c r="J137" s="16">
        <v>1981</v>
      </c>
      <c r="K137" s="16">
        <v>170</v>
      </c>
      <c r="L137" s="16">
        <v>59</v>
      </c>
      <c r="M137" s="16">
        <v>1847</v>
      </c>
      <c r="N137" s="22" t="s">
        <v>268</v>
      </c>
      <c r="O137" s="16">
        <v>80</v>
      </c>
      <c r="P137" s="16">
        <v>1946</v>
      </c>
      <c r="Q137" s="16">
        <v>1847</v>
      </c>
    </row>
    <row r="138" spans="1:17">
      <c r="A138" s="21" t="s">
        <v>232</v>
      </c>
      <c r="B138" s="21" t="s">
        <v>237</v>
      </c>
      <c r="C138" s="21" t="s">
        <v>264</v>
      </c>
      <c r="D138" s="21" t="s">
        <v>215</v>
      </c>
      <c r="E138" s="21" t="s">
        <v>685</v>
      </c>
      <c r="F138" s="21" t="s">
        <v>429</v>
      </c>
      <c r="G138" s="16">
        <v>993</v>
      </c>
      <c r="H138" s="16">
        <v>613</v>
      </c>
      <c r="I138" s="16">
        <v>580</v>
      </c>
      <c r="J138" s="16">
        <v>397</v>
      </c>
      <c r="K138" s="16">
        <v>33</v>
      </c>
      <c r="L138" s="16">
        <v>10</v>
      </c>
      <c r="M138" s="16">
        <v>370</v>
      </c>
      <c r="N138" s="22" t="s">
        <v>268</v>
      </c>
      <c r="O138" s="16">
        <v>16</v>
      </c>
      <c r="P138" s="16">
        <v>396</v>
      </c>
      <c r="Q138" s="16">
        <v>370</v>
      </c>
    </row>
    <row r="139" spans="1:17">
      <c r="A139" s="21" t="s">
        <v>232</v>
      </c>
      <c r="B139" s="21" t="s">
        <v>237</v>
      </c>
      <c r="C139" s="21" t="s">
        <v>264</v>
      </c>
      <c r="D139" s="21" t="s">
        <v>215</v>
      </c>
      <c r="E139" s="21" t="s">
        <v>686</v>
      </c>
      <c r="F139" s="21" t="s">
        <v>214</v>
      </c>
      <c r="G139" s="16">
        <v>14241</v>
      </c>
      <c r="H139" s="16">
        <v>6286</v>
      </c>
      <c r="I139" s="16">
        <v>6142</v>
      </c>
      <c r="J139" s="16">
        <v>1910</v>
      </c>
      <c r="K139" s="16">
        <v>144</v>
      </c>
      <c r="L139" s="16">
        <v>60</v>
      </c>
      <c r="M139" s="16">
        <v>7886</v>
      </c>
      <c r="N139" s="16">
        <v>9</v>
      </c>
      <c r="O139" s="16">
        <v>87</v>
      </c>
      <c r="P139" s="16">
        <v>212</v>
      </c>
      <c r="Q139" s="16">
        <v>165</v>
      </c>
    </row>
    <row r="140" spans="1:17">
      <c r="A140" s="21" t="s">
        <v>232</v>
      </c>
      <c r="B140" s="21" t="s">
        <v>237</v>
      </c>
      <c r="C140" s="21" t="s">
        <v>264</v>
      </c>
      <c r="D140" s="21" t="s">
        <v>215</v>
      </c>
      <c r="E140" s="21" t="s">
        <v>686</v>
      </c>
      <c r="F140" s="21" t="s">
        <v>424</v>
      </c>
      <c r="G140" s="22" t="s">
        <v>268</v>
      </c>
      <c r="H140" s="22" t="s">
        <v>268</v>
      </c>
      <c r="I140" s="22" t="s">
        <v>268</v>
      </c>
      <c r="J140" s="22" t="s">
        <v>268</v>
      </c>
      <c r="K140" s="22" t="s">
        <v>268</v>
      </c>
      <c r="L140" s="22" t="s">
        <v>268</v>
      </c>
      <c r="M140" s="22" t="s">
        <v>268</v>
      </c>
      <c r="N140" s="22" t="s">
        <v>268</v>
      </c>
      <c r="O140" s="22" t="s">
        <v>268</v>
      </c>
      <c r="P140" s="22" t="s">
        <v>268</v>
      </c>
      <c r="Q140" s="22" t="s">
        <v>268</v>
      </c>
    </row>
    <row r="141" spans="1:17">
      <c r="A141" s="21" t="s">
        <v>232</v>
      </c>
      <c r="B141" s="21" t="s">
        <v>237</v>
      </c>
      <c r="C141" s="21" t="s">
        <v>264</v>
      </c>
      <c r="D141" s="21" t="s">
        <v>215</v>
      </c>
      <c r="E141" s="21" t="s">
        <v>686</v>
      </c>
      <c r="F141" s="21" t="s">
        <v>425</v>
      </c>
      <c r="G141" s="16">
        <v>13439</v>
      </c>
      <c r="H141" s="16">
        <v>5929</v>
      </c>
      <c r="I141" s="16">
        <v>5824</v>
      </c>
      <c r="J141" s="16">
        <v>1676</v>
      </c>
      <c r="K141" s="16">
        <v>105</v>
      </c>
      <c r="L141" s="16">
        <v>53</v>
      </c>
      <c r="M141" s="16">
        <v>7457</v>
      </c>
      <c r="N141" s="22" t="s">
        <v>268</v>
      </c>
      <c r="O141" s="16">
        <v>61</v>
      </c>
      <c r="P141" s="22" t="s">
        <v>268</v>
      </c>
      <c r="Q141" s="22" t="s">
        <v>268</v>
      </c>
    </row>
    <row r="142" spans="1:17">
      <c r="A142" s="21" t="s">
        <v>232</v>
      </c>
      <c r="B142" s="21" t="s">
        <v>237</v>
      </c>
      <c r="C142" s="21" t="s">
        <v>264</v>
      </c>
      <c r="D142" s="21" t="s">
        <v>215</v>
      </c>
      <c r="E142" s="21" t="s">
        <v>686</v>
      </c>
      <c r="F142" s="21" t="s">
        <v>426</v>
      </c>
      <c r="G142" s="16">
        <v>529</v>
      </c>
      <c r="H142" s="16">
        <v>357</v>
      </c>
      <c r="I142" s="16">
        <v>318</v>
      </c>
      <c r="J142" s="16">
        <v>234</v>
      </c>
      <c r="K142" s="16">
        <v>39</v>
      </c>
      <c r="L142" s="16">
        <v>7</v>
      </c>
      <c r="M142" s="16">
        <v>165</v>
      </c>
      <c r="N142" s="22" t="s">
        <v>268</v>
      </c>
      <c r="O142" s="16">
        <v>26</v>
      </c>
      <c r="P142" s="16">
        <v>212</v>
      </c>
      <c r="Q142" s="16">
        <v>165</v>
      </c>
    </row>
    <row r="143" spans="1:17">
      <c r="A143" s="21" t="s">
        <v>232</v>
      </c>
      <c r="B143" s="21" t="s">
        <v>237</v>
      </c>
      <c r="C143" s="21" t="s">
        <v>264</v>
      </c>
      <c r="D143" s="21" t="s">
        <v>215</v>
      </c>
      <c r="E143" s="21" t="s">
        <v>686</v>
      </c>
      <c r="F143" s="21" t="s">
        <v>720</v>
      </c>
      <c r="G143" s="16">
        <v>273</v>
      </c>
      <c r="H143" s="22" t="s">
        <v>268</v>
      </c>
      <c r="I143" s="22" t="s">
        <v>268</v>
      </c>
      <c r="J143" s="22" t="s">
        <v>268</v>
      </c>
      <c r="K143" s="22" t="s">
        <v>268</v>
      </c>
      <c r="L143" s="22" t="s">
        <v>268</v>
      </c>
      <c r="M143" s="16">
        <v>264</v>
      </c>
      <c r="N143" s="16">
        <v>9</v>
      </c>
      <c r="O143" s="22" t="s">
        <v>268</v>
      </c>
      <c r="P143" s="22" t="s">
        <v>268</v>
      </c>
      <c r="Q143" s="22" t="s">
        <v>268</v>
      </c>
    </row>
    <row r="144" spans="1:17">
      <c r="A144" s="21" t="s">
        <v>232</v>
      </c>
      <c r="B144" s="21" t="s">
        <v>237</v>
      </c>
      <c r="C144" s="21" t="s">
        <v>264</v>
      </c>
      <c r="D144" s="21" t="s">
        <v>215</v>
      </c>
      <c r="E144" s="21" t="s">
        <v>686</v>
      </c>
      <c r="F144" s="21" t="s">
        <v>427</v>
      </c>
      <c r="G144" s="16">
        <v>1137</v>
      </c>
      <c r="H144" s="16">
        <v>649</v>
      </c>
      <c r="I144" s="16">
        <v>589</v>
      </c>
      <c r="J144" s="16">
        <v>409</v>
      </c>
      <c r="K144" s="16">
        <v>60</v>
      </c>
      <c r="L144" s="16">
        <v>7</v>
      </c>
      <c r="M144" s="16">
        <v>481</v>
      </c>
      <c r="N144" s="22" t="s">
        <v>268</v>
      </c>
      <c r="O144" s="16">
        <v>37</v>
      </c>
      <c r="P144" s="16">
        <v>212</v>
      </c>
      <c r="Q144" s="16">
        <v>165</v>
      </c>
    </row>
    <row r="145" spans="1:17">
      <c r="A145" s="21" t="s">
        <v>232</v>
      </c>
      <c r="B145" s="21" t="s">
        <v>237</v>
      </c>
      <c r="C145" s="21" t="s">
        <v>264</v>
      </c>
      <c r="D145" s="21" t="s">
        <v>215</v>
      </c>
      <c r="E145" s="21" t="s">
        <v>686</v>
      </c>
      <c r="F145" s="21" t="s">
        <v>428</v>
      </c>
      <c r="G145" s="16">
        <v>139</v>
      </c>
      <c r="H145" s="16">
        <v>106</v>
      </c>
      <c r="I145" s="16">
        <v>91</v>
      </c>
      <c r="J145" s="16">
        <v>68</v>
      </c>
      <c r="K145" s="16">
        <v>15</v>
      </c>
      <c r="L145" s="16">
        <v>2</v>
      </c>
      <c r="M145" s="16">
        <v>31</v>
      </c>
      <c r="N145" s="22" t="s">
        <v>268</v>
      </c>
      <c r="O145" s="16">
        <v>11</v>
      </c>
      <c r="P145" s="16">
        <v>67</v>
      </c>
      <c r="Q145" s="16">
        <v>31</v>
      </c>
    </row>
    <row r="146" spans="1:17">
      <c r="A146" s="21" t="s">
        <v>232</v>
      </c>
      <c r="B146" s="21" t="s">
        <v>237</v>
      </c>
      <c r="C146" s="21" t="s">
        <v>264</v>
      </c>
      <c r="D146" s="21" t="s">
        <v>215</v>
      </c>
      <c r="E146" s="21" t="s">
        <v>686</v>
      </c>
      <c r="F146" s="21" t="s">
        <v>429</v>
      </c>
      <c r="G146" s="16">
        <v>26</v>
      </c>
      <c r="H146" s="16">
        <v>24</v>
      </c>
      <c r="I146" s="16">
        <v>20</v>
      </c>
      <c r="J146" s="16">
        <v>13</v>
      </c>
      <c r="K146" s="16">
        <v>4</v>
      </c>
      <c r="L146" s="22" t="s">
        <v>268</v>
      </c>
      <c r="M146" s="16">
        <v>2</v>
      </c>
      <c r="N146" s="22" t="s">
        <v>268</v>
      </c>
      <c r="O146" s="16">
        <v>3</v>
      </c>
      <c r="P146" s="16">
        <v>13</v>
      </c>
      <c r="Q146" s="16">
        <v>2</v>
      </c>
    </row>
    <row r="147" spans="1:17">
      <c r="A147" s="21" t="s">
        <v>232</v>
      </c>
      <c r="B147" s="21" t="s">
        <v>237</v>
      </c>
      <c r="C147" s="21" t="s">
        <v>264</v>
      </c>
      <c r="D147" s="21" t="s">
        <v>215</v>
      </c>
      <c r="E147" s="21" t="s">
        <v>687</v>
      </c>
      <c r="F147" s="21" t="s">
        <v>214</v>
      </c>
      <c r="G147" s="16">
        <v>4431</v>
      </c>
      <c r="H147" s="16">
        <v>2111</v>
      </c>
      <c r="I147" s="16">
        <v>2005</v>
      </c>
      <c r="J147" s="16">
        <v>675</v>
      </c>
      <c r="K147" s="16">
        <v>106</v>
      </c>
      <c r="L147" s="16">
        <v>30</v>
      </c>
      <c r="M147" s="16">
        <v>2289</v>
      </c>
      <c r="N147" s="16">
        <v>1</v>
      </c>
      <c r="O147" s="16">
        <v>60</v>
      </c>
      <c r="P147" s="16">
        <v>317</v>
      </c>
      <c r="Q147" s="16">
        <v>336</v>
      </c>
    </row>
    <row r="148" spans="1:17">
      <c r="A148" s="21" t="s">
        <v>232</v>
      </c>
      <c r="B148" s="21" t="s">
        <v>237</v>
      </c>
      <c r="C148" s="21" t="s">
        <v>264</v>
      </c>
      <c r="D148" s="21" t="s">
        <v>215</v>
      </c>
      <c r="E148" s="21" t="s">
        <v>687</v>
      </c>
      <c r="F148" s="21" t="s">
        <v>424</v>
      </c>
      <c r="G148" s="16">
        <v>4</v>
      </c>
      <c r="H148" s="16">
        <v>1</v>
      </c>
      <c r="I148" s="22" t="s">
        <v>268</v>
      </c>
      <c r="J148" s="22" t="s">
        <v>268</v>
      </c>
      <c r="K148" s="16">
        <v>1</v>
      </c>
      <c r="L148" s="22" t="s">
        <v>268</v>
      </c>
      <c r="M148" s="16">
        <v>3</v>
      </c>
      <c r="N148" s="22" t="s">
        <v>268</v>
      </c>
      <c r="O148" s="22" t="s">
        <v>268</v>
      </c>
      <c r="P148" s="22" t="s">
        <v>268</v>
      </c>
      <c r="Q148" s="22" t="s">
        <v>268</v>
      </c>
    </row>
    <row r="149" spans="1:17">
      <c r="A149" s="21" t="s">
        <v>232</v>
      </c>
      <c r="B149" s="21" t="s">
        <v>237</v>
      </c>
      <c r="C149" s="21" t="s">
        <v>264</v>
      </c>
      <c r="D149" s="21" t="s">
        <v>215</v>
      </c>
      <c r="E149" s="21" t="s">
        <v>687</v>
      </c>
      <c r="F149" s="21" t="s">
        <v>425</v>
      </c>
      <c r="G149" s="16">
        <v>3584</v>
      </c>
      <c r="H149" s="16">
        <v>1663</v>
      </c>
      <c r="I149" s="16">
        <v>1580</v>
      </c>
      <c r="J149" s="16">
        <v>345</v>
      </c>
      <c r="K149" s="16">
        <v>83</v>
      </c>
      <c r="L149" s="16">
        <v>24</v>
      </c>
      <c r="M149" s="16">
        <v>1897</v>
      </c>
      <c r="N149" s="22" t="s">
        <v>268</v>
      </c>
      <c r="O149" s="16">
        <v>49</v>
      </c>
      <c r="P149" s="22" t="s">
        <v>268</v>
      </c>
      <c r="Q149" s="22" t="s">
        <v>268</v>
      </c>
    </row>
    <row r="150" spans="1:17">
      <c r="A150" s="21" t="s">
        <v>232</v>
      </c>
      <c r="B150" s="21" t="s">
        <v>237</v>
      </c>
      <c r="C150" s="21" t="s">
        <v>264</v>
      </c>
      <c r="D150" s="21" t="s">
        <v>215</v>
      </c>
      <c r="E150" s="21" t="s">
        <v>687</v>
      </c>
      <c r="F150" s="21" t="s">
        <v>426</v>
      </c>
      <c r="G150" s="16">
        <v>789</v>
      </c>
      <c r="H150" s="16">
        <v>447</v>
      </c>
      <c r="I150" s="16">
        <v>425</v>
      </c>
      <c r="J150" s="16">
        <v>330</v>
      </c>
      <c r="K150" s="16">
        <v>22</v>
      </c>
      <c r="L150" s="16">
        <v>6</v>
      </c>
      <c r="M150" s="16">
        <v>336</v>
      </c>
      <c r="N150" s="22" t="s">
        <v>268</v>
      </c>
      <c r="O150" s="16">
        <v>11</v>
      </c>
      <c r="P150" s="16">
        <v>317</v>
      </c>
      <c r="Q150" s="16">
        <v>336</v>
      </c>
    </row>
    <row r="151" spans="1:17">
      <c r="A151" s="21" t="s">
        <v>232</v>
      </c>
      <c r="B151" s="21" t="s">
        <v>237</v>
      </c>
      <c r="C151" s="21" t="s">
        <v>264</v>
      </c>
      <c r="D151" s="21" t="s">
        <v>215</v>
      </c>
      <c r="E151" s="21" t="s">
        <v>687</v>
      </c>
      <c r="F151" s="21" t="s">
        <v>720</v>
      </c>
      <c r="G151" s="16">
        <v>54</v>
      </c>
      <c r="H151" s="22" t="s">
        <v>268</v>
      </c>
      <c r="I151" s="22" t="s">
        <v>268</v>
      </c>
      <c r="J151" s="22" t="s">
        <v>268</v>
      </c>
      <c r="K151" s="22" t="s">
        <v>268</v>
      </c>
      <c r="L151" s="22" t="s">
        <v>268</v>
      </c>
      <c r="M151" s="16">
        <v>53</v>
      </c>
      <c r="N151" s="16">
        <v>1</v>
      </c>
      <c r="O151" s="22" t="s">
        <v>268</v>
      </c>
      <c r="P151" s="22" t="s">
        <v>268</v>
      </c>
      <c r="Q151" s="22" t="s">
        <v>268</v>
      </c>
    </row>
    <row r="152" spans="1:17">
      <c r="A152" s="21" t="s">
        <v>232</v>
      </c>
      <c r="B152" s="21" t="s">
        <v>237</v>
      </c>
      <c r="C152" s="21" t="s">
        <v>264</v>
      </c>
      <c r="D152" s="21" t="s">
        <v>215</v>
      </c>
      <c r="E152" s="21" t="s">
        <v>687</v>
      </c>
      <c r="F152" s="21" t="s">
        <v>427</v>
      </c>
      <c r="G152" s="16">
        <v>1055</v>
      </c>
      <c r="H152" s="16">
        <v>583</v>
      </c>
      <c r="I152" s="16">
        <v>548</v>
      </c>
      <c r="J152" s="16">
        <v>397</v>
      </c>
      <c r="K152" s="16">
        <v>35</v>
      </c>
      <c r="L152" s="16">
        <v>11</v>
      </c>
      <c r="M152" s="16">
        <v>461</v>
      </c>
      <c r="N152" s="22" t="s">
        <v>268</v>
      </c>
      <c r="O152" s="16">
        <v>17</v>
      </c>
      <c r="P152" s="16">
        <v>317</v>
      </c>
      <c r="Q152" s="16">
        <v>336</v>
      </c>
    </row>
    <row r="153" spans="1:17">
      <c r="A153" s="21" t="s">
        <v>232</v>
      </c>
      <c r="B153" s="21" t="s">
        <v>237</v>
      </c>
      <c r="C153" s="21" t="s">
        <v>264</v>
      </c>
      <c r="D153" s="21" t="s">
        <v>215</v>
      </c>
      <c r="E153" s="21" t="s">
        <v>687</v>
      </c>
      <c r="F153" s="21" t="s">
        <v>428</v>
      </c>
      <c r="G153" s="16">
        <v>322</v>
      </c>
      <c r="H153" s="16">
        <v>197</v>
      </c>
      <c r="I153" s="16">
        <v>191</v>
      </c>
      <c r="J153" s="16">
        <v>154</v>
      </c>
      <c r="K153" s="16">
        <v>6</v>
      </c>
      <c r="L153" s="16">
        <v>1</v>
      </c>
      <c r="M153" s="16">
        <v>124</v>
      </c>
      <c r="N153" s="22" t="s">
        <v>268</v>
      </c>
      <c r="O153" s="16">
        <v>3</v>
      </c>
      <c r="P153" s="16">
        <v>154</v>
      </c>
      <c r="Q153" s="16">
        <v>124</v>
      </c>
    </row>
    <row r="154" spans="1:17">
      <c r="A154" s="21" t="s">
        <v>232</v>
      </c>
      <c r="B154" s="21" t="s">
        <v>237</v>
      </c>
      <c r="C154" s="21" t="s">
        <v>264</v>
      </c>
      <c r="D154" s="21" t="s">
        <v>215</v>
      </c>
      <c r="E154" s="21" t="s">
        <v>687</v>
      </c>
      <c r="F154" s="21" t="s">
        <v>429</v>
      </c>
      <c r="G154" s="16">
        <v>103</v>
      </c>
      <c r="H154" s="16">
        <v>58</v>
      </c>
      <c r="I154" s="16">
        <v>55</v>
      </c>
      <c r="J154" s="16">
        <v>48</v>
      </c>
      <c r="K154" s="16">
        <v>3</v>
      </c>
      <c r="L154" s="22" t="s">
        <v>268</v>
      </c>
      <c r="M154" s="16">
        <v>45</v>
      </c>
      <c r="N154" s="22" t="s">
        <v>268</v>
      </c>
      <c r="O154" s="16">
        <v>1</v>
      </c>
      <c r="P154" s="16">
        <v>48</v>
      </c>
      <c r="Q154" s="16">
        <v>45</v>
      </c>
    </row>
    <row r="155" spans="1:17">
      <c r="A155" s="21" t="s">
        <v>232</v>
      </c>
      <c r="B155" s="21" t="s">
        <v>237</v>
      </c>
      <c r="C155" s="21" t="s">
        <v>264</v>
      </c>
      <c r="D155" s="21" t="s">
        <v>215</v>
      </c>
      <c r="E155" s="21" t="s">
        <v>688</v>
      </c>
      <c r="F155" s="21" t="s">
        <v>214</v>
      </c>
      <c r="G155" s="16">
        <v>6321</v>
      </c>
      <c r="H155" s="16">
        <v>1735</v>
      </c>
      <c r="I155" s="16">
        <v>1633</v>
      </c>
      <c r="J155" s="16">
        <v>722</v>
      </c>
      <c r="K155" s="16">
        <v>102</v>
      </c>
      <c r="L155" s="16">
        <v>30</v>
      </c>
      <c r="M155" s="16">
        <v>4553</v>
      </c>
      <c r="N155" s="16">
        <v>3</v>
      </c>
      <c r="O155" s="16">
        <v>66</v>
      </c>
      <c r="P155" s="16">
        <v>485</v>
      </c>
      <c r="Q155" s="16">
        <v>144</v>
      </c>
    </row>
    <row r="156" spans="1:17">
      <c r="A156" s="21" t="s">
        <v>232</v>
      </c>
      <c r="B156" s="21" t="s">
        <v>237</v>
      </c>
      <c r="C156" s="21" t="s">
        <v>264</v>
      </c>
      <c r="D156" s="21" t="s">
        <v>215</v>
      </c>
      <c r="E156" s="21" t="s">
        <v>688</v>
      </c>
      <c r="F156" s="21" t="s">
        <v>424</v>
      </c>
      <c r="G156" s="22" t="s">
        <v>268</v>
      </c>
      <c r="H156" s="22" t="s">
        <v>268</v>
      </c>
      <c r="I156" s="22" t="s">
        <v>268</v>
      </c>
      <c r="J156" s="22" t="s">
        <v>268</v>
      </c>
      <c r="K156" s="22" t="s">
        <v>268</v>
      </c>
      <c r="L156" s="22" t="s">
        <v>268</v>
      </c>
      <c r="M156" s="22" t="s">
        <v>268</v>
      </c>
      <c r="N156" s="22" t="s">
        <v>268</v>
      </c>
      <c r="O156" s="22" t="s">
        <v>268</v>
      </c>
      <c r="P156" s="22" t="s">
        <v>268</v>
      </c>
      <c r="Q156" s="22" t="s">
        <v>268</v>
      </c>
    </row>
    <row r="157" spans="1:17">
      <c r="A157" s="21" t="s">
        <v>232</v>
      </c>
      <c r="B157" s="21" t="s">
        <v>237</v>
      </c>
      <c r="C157" s="21" t="s">
        <v>264</v>
      </c>
      <c r="D157" s="21" t="s">
        <v>215</v>
      </c>
      <c r="E157" s="21" t="s">
        <v>688</v>
      </c>
      <c r="F157" s="21" t="s">
        <v>425</v>
      </c>
      <c r="G157" s="16">
        <v>5350</v>
      </c>
      <c r="H157" s="16">
        <v>1144</v>
      </c>
      <c r="I157" s="16">
        <v>1077</v>
      </c>
      <c r="J157" s="16">
        <v>231</v>
      </c>
      <c r="K157" s="16">
        <v>67</v>
      </c>
      <c r="L157" s="16">
        <v>22</v>
      </c>
      <c r="M157" s="16">
        <v>4184</v>
      </c>
      <c r="N157" s="22" t="s">
        <v>268</v>
      </c>
      <c r="O157" s="16">
        <v>41</v>
      </c>
      <c r="P157" s="22" t="s">
        <v>268</v>
      </c>
      <c r="Q157" s="22" t="s">
        <v>268</v>
      </c>
    </row>
    <row r="158" spans="1:17">
      <c r="A158" s="21" t="s">
        <v>232</v>
      </c>
      <c r="B158" s="21" t="s">
        <v>237</v>
      </c>
      <c r="C158" s="21" t="s">
        <v>264</v>
      </c>
      <c r="D158" s="21" t="s">
        <v>215</v>
      </c>
      <c r="E158" s="21" t="s">
        <v>688</v>
      </c>
      <c r="F158" s="21" t="s">
        <v>426</v>
      </c>
      <c r="G158" s="16">
        <v>743</v>
      </c>
      <c r="H158" s="16">
        <v>591</v>
      </c>
      <c r="I158" s="16">
        <v>556</v>
      </c>
      <c r="J158" s="16">
        <v>491</v>
      </c>
      <c r="K158" s="16">
        <v>35</v>
      </c>
      <c r="L158" s="16">
        <v>8</v>
      </c>
      <c r="M158" s="16">
        <v>144</v>
      </c>
      <c r="N158" s="22" t="s">
        <v>268</v>
      </c>
      <c r="O158" s="16">
        <v>25</v>
      </c>
      <c r="P158" s="16">
        <v>485</v>
      </c>
      <c r="Q158" s="16">
        <v>144</v>
      </c>
    </row>
    <row r="159" spans="1:17">
      <c r="A159" s="21" t="s">
        <v>232</v>
      </c>
      <c r="B159" s="21" t="s">
        <v>237</v>
      </c>
      <c r="C159" s="21" t="s">
        <v>264</v>
      </c>
      <c r="D159" s="21" t="s">
        <v>215</v>
      </c>
      <c r="E159" s="21" t="s">
        <v>688</v>
      </c>
      <c r="F159" s="21" t="s">
        <v>720</v>
      </c>
      <c r="G159" s="16">
        <v>228</v>
      </c>
      <c r="H159" s="22" t="s">
        <v>268</v>
      </c>
      <c r="I159" s="22" t="s">
        <v>268</v>
      </c>
      <c r="J159" s="22" t="s">
        <v>268</v>
      </c>
      <c r="K159" s="22" t="s">
        <v>268</v>
      </c>
      <c r="L159" s="22" t="s">
        <v>268</v>
      </c>
      <c r="M159" s="16">
        <v>225</v>
      </c>
      <c r="N159" s="16">
        <v>3</v>
      </c>
      <c r="O159" s="22" t="s">
        <v>268</v>
      </c>
      <c r="P159" s="22" t="s">
        <v>268</v>
      </c>
      <c r="Q159" s="22" t="s">
        <v>268</v>
      </c>
    </row>
    <row r="160" spans="1:17">
      <c r="A160" s="21" t="s">
        <v>232</v>
      </c>
      <c r="B160" s="21" t="s">
        <v>237</v>
      </c>
      <c r="C160" s="21" t="s">
        <v>264</v>
      </c>
      <c r="D160" s="21" t="s">
        <v>215</v>
      </c>
      <c r="E160" s="21" t="s">
        <v>688</v>
      </c>
      <c r="F160" s="21" t="s">
        <v>427</v>
      </c>
      <c r="G160" s="16">
        <v>974</v>
      </c>
      <c r="H160" s="16">
        <v>680</v>
      </c>
      <c r="I160" s="16">
        <v>634</v>
      </c>
      <c r="J160" s="16">
        <v>528</v>
      </c>
      <c r="K160" s="16">
        <v>46</v>
      </c>
      <c r="L160" s="16">
        <v>8</v>
      </c>
      <c r="M160" s="16">
        <v>286</v>
      </c>
      <c r="N160" s="22" t="s">
        <v>268</v>
      </c>
      <c r="O160" s="16">
        <v>31</v>
      </c>
      <c r="P160" s="16">
        <v>485</v>
      </c>
      <c r="Q160" s="16">
        <v>144</v>
      </c>
    </row>
    <row r="161" spans="1:17">
      <c r="A161" s="21" t="s">
        <v>232</v>
      </c>
      <c r="B161" s="21" t="s">
        <v>237</v>
      </c>
      <c r="C161" s="21" t="s">
        <v>264</v>
      </c>
      <c r="D161" s="21" t="s">
        <v>215</v>
      </c>
      <c r="E161" s="21" t="s">
        <v>688</v>
      </c>
      <c r="F161" s="21" t="s">
        <v>428</v>
      </c>
      <c r="G161" s="16">
        <v>459</v>
      </c>
      <c r="H161" s="16">
        <v>415</v>
      </c>
      <c r="I161" s="16">
        <v>403</v>
      </c>
      <c r="J161" s="16">
        <v>377</v>
      </c>
      <c r="K161" s="16">
        <v>12</v>
      </c>
      <c r="L161" s="16">
        <v>5</v>
      </c>
      <c r="M161" s="16">
        <v>39</v>
      </c>
      <c r="N161" s="22" t="s">
        <v>268</v>
      </c>
      <c r="O161" s="16">
        <v>9</v>
      </c>
      <c r="P161" s="16">
        <v>377</v>
      </c>
      <c r="Q161" s="16">
        <v>39</v>
      </c>
    </row>
    <row r="162" spans="1:17">
      <c r="A162" s="21" t="s">
        <v>232</v>
      </c>
      <c r="B162" s="21" t="s">
        <v>237</v>
      </c>
      <c r="C162" s="21" t="s">
        <v>264</v>
      </c>
      <c r="D162" s="21" t="s">
        <v>215</v>
      </c>
      <c r="E162" s="21" t="s">
        <v>688</v>
      </c>
      <c r="F162" s="21" t="s">
        <v>429</v>
      </c>
      <c r="G162" s="16">
        <v>304</v>
      </c>
      <c r="H162" s="16">
        <v>291</v>
      </c>
      <c r="I162" s="16">
        <v>285</v>
      </c>
      <c r="J162" s="16">
        <v>270</v>
      </c>
      <c r="K162" s="16">
        <v>6</v>
      </c>
      <c r="L162" s="16">
        <v>2</v>
      </c>
      <c r="M162" s="16">
        <v>11</v>
      </c>
      <c r="N162" s="22" t="s">
        <v>268</v>
      </c>
      <c r="O162" s="16">
        <v>4</v>
      </c>
      <c r="P162" s="16">
        <v>270</v>
      </c>
      <c r="Q162" s="16">
        <v>11</v>
      </c>
    </row>
    <row r="163" spans="1:17">
      <c r="A163" s="21" t="s">
        <v>232</v>
      </c>
      <c r="B163" s="21" t="s">
        <v>237</v>
      </c>
      <c r="C163" s="21" t="s">
        <v>264</v>
      </c>
      <c r="D163" s="21" t="s">
        <v>215</v>
      </c>
      <c r="E163" s="21" t="s">
        <v>689</v>
      </c>
      <c r="F163" s="21" t="s">
        <v>214</v>
      </c>
      <c r="G163" s="22" t="s">
        <v>268</v>
      </c>
      <c r="H163" s="22" t="s">
        <v>268</v>
      </c>
      <c r="I163" s="22" t="s">
        <v>268</v>
      </c>
      <c r="J163" s="22" t="s">
        <v>268</v>
      </c>
      <c r="K163" s="22" t="s">
        <v>268</v>
      </c>
      <c r="L163" s="22" t="s">
        <v>268</v>
      </c>
      <c r="M163" s="22" t="s">
        <v>268</v>
      </c>
      <c r="N163" s="22" t="s">
        <v>268</v>
      </c>
      <c r="O163" s="22" t="s">
        <v>268</v>
      </c>
      <c r="P163" s="22" t="s">
        <v>268</v>
      </c>
      <c r="Q163" s="22" t="s">
        <v>268</v>
      </c>
    </row>
    <row r="164" spans="1:17">
      <c r="A164" s="21" t="s">
        <v>232</v>
      </c>
      <c r="B164" s="21" t="s">
        <v>237</v>
      </c>
      <c r="C164" s="21" t="s">
        <v>264</v>
      </c>
      <c r="D164" s="21" t="s">
        <v>215</v>
      </c>
      <c r="E164" s="21" t="s">
        <v>689</v>
      </c>
      <c r="F164" s="21" t="s">
        <v>424</v>
      </c>
      <c r="G164" s="22" t="s">
        <v>268</v>
      </c>
      <c r="H164" s="22" t="s">
        <v>268</v>
      </c>
      <c r="I164" s="22" t="s">
        <v>268</v>
      </c>
      <c r="J164" s="22" t="s">
        <v>268</v>
      </c>
      <c r="K164" s="22" t="s">
        <v>268</v>
      </c>
      <c r="L164" s="22" t="s">
        <v>268</v>
      </c>
      <c r="M164" s="22" t="s">
        <v>268</v>
      </c>
      <c r="N164" s="22" t="s">
        <v>268</v>
      </c>
      <c r="O164" s="22" t="s">
        <v>268</v>
      </c>
      <c r="P164" s="22" t="s">
        <v>268</v>
      </c>
      <c r="Q164" s="22" t="s">
        <v>268</v>
      </c>
    </row>
    <row r="165" spans="1:17">
      <c r="A165" s="21" t="s">
        <v>232</v>
      </c>
      <c r="B165" s="21" t="s">
        <v>237</v>
      </c>
      <c r="C165" s="21" t="s">
        <v>264</v>
      </c>
      <c r="D165" s="21" t="s">
        <v>215</v>
      </c>
      <c r="E165" s="21" t="s">
        <v>689</v>
      </c>
      <c r="F165" s="21" t="s">
        <v>425</v>
      </c>
      <c r="G165" s="22" t="s">
        <v>268</v>
      </c>
      <c r="H165" s="22" t="s">
        <v>268</v>
      </c>
      <c r="I165" s="22" t="s">
        <v>268</v>
      </c>
      <c r="J165" s="22" t="s">
        <v>268</v>
      </c>
      <c r="K165" s="22" t="s">
        <v>268</v>
      </c>
      <c r="L165" s="22" t="s">
        <v>268</v>
      </c>
      <c r="M165" s="22" t="s">
        <v>268</v>
      </c>
      <c r="N165" s="22" t="s">
        <v>268</v>
      </c>
      <c r="O165" s="22" t="s">
        <v>268</v>
      </c>
      <c r="P165" s="22" t="s">
        <v>268</v>
      </c>
      <c r="Q165" s="22" t="s">
        <v>268</v>
      </c>
    </row>
    <row r="166" spans="1:17">
      <c r="A166" s="21" t="s">
        <v>232</v>
      </c>
      <c r="B166" s="21" t="s">
        <v>237</v>
      </c>
      <c r="C166" s="21" t="s">
        <v>264</v>
      </c>
      <c r="D166" s="21" t="s">
        <v>215</v>
      </c>
      <c r="E166" s="21" t="s">
        <v>689</v>
      </c>
      <c r="F166" s="21" t="s">
        <v>426</v>
      </c>
      <c r="G166" s="22" t="s">
        <v>268</v>
      </c>
      <c r="H166" s="22" t="s">
        <v>268</v>
      </c>
      <c r="I166" s="22" t="s">
        <v>268</v>
      </c>
      <c r="J166" s="22" t="s">
        <v>268</v>
      </c>
      <c r="K166" s="22" t="s">
        <v>268</v>
      </c>
      <c r="L166" s="22" t="s">
        <v>268</v>
      </c>
      <c r="M166" s="22" t="s">
        <v>268</v>
      </c>
      <c r="N166" s="22" t="s">
        <v>268</v>
      </c>
      <c r="O166" s="22" t="s">
        <v>268</v>
      </c>
      <c r="P166" s="22" t="s">
        <v>268</v>
      </c>
      <c r="Q166" s="22" t="s">
        <v>268</v>
      </c>
    </row>
    <row r="167" spans="1:17">
      <c r="A167" s="21" t="s">
        <v>232</v>
      </c>
      <c r="B167" s="21" t="s">
        <v>237</v>
      </c>
      <c r="C167" s="21" t="s">
        <v>264</v>
      </c>
      <c r="D167" s="21" t="s">
        <v>215</v>
      </c>
      <c r="E167" s="21" t="s">
        <v>689</v>
      </c>
      <c r="F167" s="21" t="s">
        <v>720</v>
      </c>
      <c r="G167" s="22" t="s">
        <v>268</v>
      </c>
      <c r="H167" s="22" t="s">
        <v>268</v>
      </c>
      <c r="I167" s="22" t="s">
        <v>268</v>
      </c>
      <c r="J167" s="22" t="s">
        <v>268</v>
      </c>
      <c r="K167" s="22" t="s">
        <v>268</v>
      </c>
      <c r="L167" s="22" t="s">
        <v>268</v>
      </c>
      <c r="M167" s="22" t="s">
        <v>268</v>
      </c>
      <c r="N167" s="22" t="s">
        <v>268</v>
      </c>
      <c r="O167" s="22" t="s">
        <v>268</v>
      </c>
      <c r="P167" s="22" t="s">
        <v>268</v>
      </c>
      <c r="Q167" s="22" t="s">
        <v>268</v>
      </c>
    </row>
    <row r="168" spans="1:17">
      <c r="A168" s="21" t="s">
        <v>232</v>
      </c>
      <c r="B168" s="21" t="s">
        <v>237</v>
      </c>
      <c r="C168" s="21" t="s">
        <v>264</v>
      </c>
      <c r="D168" s="21" t="s">
        <v>215</v>
      </c>
      <c r="E168" s="21" t="s">
        <v>689</v>
      </c>
      <c r="F168" s="21" t="s">
        <v>427</v>
      </c>
      <c r="G168" s="22" t="s">
        <v>268</v>
      </c>
      <c r="H168" s="22" t="s">
        <v>268</v>
      </c>
      <c r="I168" s="22" t="s">
        <v>268</v>
      </c>
      <c r="J168" s="22" t="s">
        <v>268</v>
      </c>
      <c r="K168" s="22" t="s">
        <v>268</v>
      </c>
      <c r="L168" s="22" t="s">
        <v>268</v>
      </c>
      <c r="M168" s="22" t="s">
        <v>268</v>
      </c>
      <c r="N168" s="22" t="s">
        <v>268</v>
      </c>
      <c r="O168" s="22" t="s">
        <v>268</v>
      </c>
      <c r="P168" s="22" t="s">
        <v>268</v>
      </c>
      <c r="Q168" s="22" t="s">
        <v>268</v>
      </c>
    </row>
    <row r="169" spans="1:17">
      <c r="A169" s="21" t="s">
        <v>232</v>
      </c>
      <c r="B169" s="21" t="s">
        <v>237</v>
      </c>
      <c r="C169" s="21" t="s">
        <v>264</v>
      </c>
      <c r="D169" s="21" t="s">
        <v>215</v>
      </c>
      <c r="E169" s="21" t="s">
        <v>689</v>
      </c>
      <c r="F169" s="21" t="s">
        <v>428</v>
      </c>
      <c r="G169" s="22" t="s">
        <v>268</v>
      </c>
      <c r="H169" s="22" t="s">
        <v>268</v>
      </c>
      <c r="I169" s="22" t="s">
        <v>268</v>
      </c>
      <c r="J169" s="22" t="s">
        <v>268</v>
      </c>
      <c r="K169" s="22" t="s">
        <v>268</v>
      </c>
      <c r="L169" s="22" t="s">
        <v>268</v>
      </c>
      <c r="M169" s="22" t="s">
        <v>268</v>
      </c>
      <c r="N169" s="22" t="s">
        <v>268</v>
      </c>
      <c r="O169" s="22" t="s">
        <v>268</v>
      </c>
      <c r="P169" s="22" t="s">
        <v>268</v>
      </c>
      <c r="Q169" s="22" t="s">
        <v>268</v>
      </c>
    </row>
    <row r="170" spans="1:17">
      <c r="A170" s="21" t="s">
        <v>232</v>
      </c>
      <c r="B170" s="21" t="s">
        <v>237</v>
      </c>
      <c r="C170" s="21" t="s">
        <v>264</v>
      </c>
      <c r="D170" s="21" t="s">
        <v>215</v>
      </c>
      <c r="E170" s="21" t="s">
        <v>689</v>
      </c>
      <c r="F170" s="21" t="s">
        <v>429</v>
      </c>
      <c r="G170" s="22" t="s">
        <v>268</v>
      </c>
      <c r="H170" s="22" t="s">
        <v>268</v>
      </c>
      <c r="I170" s="22" t="s">
        <v>268</v>
      </c>
      <c r="J170" s="22" t="s">
        <v>268</v>
      </c>
      <c r="K170" s="22" t="s">
        <v>268</v>
      </c>
      <c r="L170" s="22" t="s">
        <v>268</v>
      </c>
      <c r="M170" s="22" t="s">
        <v>268</v>
      </c>
      <c r="N170" s="22" t="s">
        <v>268</v>
      </c>
      <c r="O170" s="22" t="s">
        <v>268</v>
      </c>
      <c r="P170" s="22" t="s">
        <v>268</v>
      </c>
      <c r="Q170" s="22" t="s">
        <v>268</v>
      </c>
    </row>
    <row r="171" spans="1:17">
      <c r="A171" s="21" t="s">
        <v>240</v>
      </c>
      <c r="B171" s="21" t="s">
        <v>237</v>
      </c>
      <c r="C171" s="21" t="s">
        <v>265</v>
      </c>
      <c r="D171" s="21" t="s">
        <v>215</v>
      </c>
      <c r="E171" s="21" t="s">
        <v>214</v>
      </c>
      <c r="F171" s="21" t="s">
        <v>214</v>
      </c>
      <c r="G171" s="16">
        <v>34071</v>
      </c>
      <c r="H171" s="16">
        <v>26961</v>
      </c>
      <c r="I171" s="16">
        <v>22014</v>
      </c>
      <c r="J171" s="16">
        <v>10124</v>
      </c>
      <c r="K171" s="16">
        <v>4947</v>
      </c>
      <c r="L171" s="16">
        <v>262</v>
      </c>
      <c r="M171" s="16">
        <v>6794</v>
      </c>
      <c r="N171" s="16">
        <v>54</v>
      </c>
      <c r="O171" s="16">
        <v>3165</v>
      </c>
      <c r="P171" s="16">
        <v>6686</v>
      </c>
      <c r="Q171" s="16">
        <v>2135</v>
      </c>
    </row>
    <row r="172" spans="1:17">
      <c r="A172" s="21" t="s">
        <v>240</v>
      </c>
      <c r="B172" s="21" t="s">
        <v>237</v>
      </c>
      <c r="C172" s="21" t="s">
        <v>265</v>
      </c>
      <c r="D172" s="21" t="s">
        <v>215</v>
      </c>
      <c r="E172" s="21" t="s">
        <v>214</v>
      </c>
      <c r="F172" s="21" t="s">
        <v>424</v>
      </c>
      <c r="G172" s="22" t="s">
        <v>268</v>
      </c>
      <c r="H172" s="22" t="s">
        <v>268</v>
      </c>
      <c r="I172" s="22" t="s">
        <v>268</v>
      </c>
      <c r="J172" s="22" t="s">
        <v>268</v>
      </c>
      <c r="K172" s="22" t="s">
        <v>268</v>
      </c>
      <c r="L172" s="22" t="s">
        <v>268</v>
      </c>
      <c r="M172" s="22" t="s">
        <v>268</v>
      </c>
      <c r="N172" s="22" t="s">
        <v>268</v>
      </c>
      <c r="O172" s="22" t="s">
        <v>268</v>
      </c>
      <c r="P172" s="22" t="s">
        <v>268</v>
      </c>
      <c r="Q172" s="22" t="s">
        <v>268</v>
      </c>
    </row>
    <row r="173" spans="1:17">
      <c r="A173" s="21" t="s">
        <v>240</v>
      </c>
      <c r="B173" s="21" t="s">
        <v>237</v>
      </c>
      <c r="C173" s="21" t="s">
        <v>265</v>
      </c>
      <c r="D173" s="21" t="s">
        <v>215</v>
      </c>
      <c r="E173" s="21" t="s">
        <v>214</v>
      </c>
      <c r="F173" s="21" t="s">
        <v>425</v>
      </c>
      <c r="G173" s="16">
        <v>18239</v>
      </c>
      <c r="H173" s="16">
        <v>13904</v>
      </c>
      <c r="I173" s="16">
        <v>11673</v>
      </c>
      <c r="J173" s="16">
        <v>3236</v>
      </c>
      <c r="K173" s="16">
        <v>2231</v>
      </c>
      <c r="L173" s="16">
        <v>183</v>
      </c>
      <c r="M173" s="16">
        <v>4152</v>
      </c>
      <c r="N173" s="22" t="s">
        <v>268</v>
      </c>
      <c r="O173" s="16">
        <v>1454</v>
      </c>
      <c r="P173" s="22" t="s">
        <v>268</v>
      </c>
      <c r="Q173" s="22" t="s">
        <v>268</v>
      </c>
    </row>
    <row r="174" spans="1:17">
      <c r="A174" s="21" t="s">
        <v>240</v>
      </c>
      <c r="B174" s="21" t="s">
        <v>237</v>
      </c>
      <c r="C174" s="21" t="s">
        <v>265</v>
      </c>
      <c r="D174" s="21" t="s">
        <v>215</v>
      </c>
      <c r="E174" s="21" t="s">
        <v>214</v>
      </c>
      <c r="F174" s="21" t="s">
        <v>426</v>
      </c>
      <c r="G174" s="16">
        <v>15271</v>
      </c>
      <c r="H174" s="16">
        <v>13057</v>
      </c>
      <c r="I174" s="16">
        <v>10341</v>
      </c>
      <c r="J174" s="16">
        <v>6888</v>
      </c>
      <c r="K174" s="16">
        <v>2716</v>
      </c>
      <c r="L174" s="16">
        <v>79</v>
      </c>
      <c r="M174" s="16">
        <v>2135</v>
      </c>
      <c r="N174" s="22" t="s">
        <v>268</v>
      </c>
      <c r="O174" s="16">
        <v>1711</v>
      </c>
      <c r="P174" s="16">
        <v>6686</v>
      </c>
      <c r="Q174" s="16">
        <v>2135</v>
      </c>
    </row>
    <row r="175" spans="1:17">
      <c r="A175" s="21" t="s">
        <v>240</v>
      </c>
      <c r="B175" s="21" t="s">
        <v>237</v>
      </c>
      <c r="C175" s="21" t="s">
        <v>265</v>
      </c>
      <c r="D175" s="21" t="s">
        <v>215</v>
      </c>
      <c r="E175" s="21" t="s">
        <v>214</v>
      </c>
      <c r="F175" s="21" t="s">
        <v>720</v>
      </c>
      <c r="G175" s="16">
        <v>561</v>
      </c>
      <c r="H175" s="22" t="s">
        <v>268</v>
      </c>
      <c r="I175" s="22" t="s">
        <v>268</v>
      </c>
      <c r="J175" s="22" t="s">
        <v>268</v>
      </c>
      <c r="K175" s="22" t="s">
        <v>268</v>
      </c>
      <c r="L175" s="22" t="s">
        <v>268</v>
      </c>
      <c r="M175" s="16">
        <v>507</v>
      </c>
      <c r="N175" s="16">
        <v>54</v>
      </c>
      <c r="O175" s="22" t="s">
        <v>268</v>
      </c>
      <c r="P175" s="22" t="s">
        <v>268</v>
      </c>
      <c r="Q175" s="22" t="s">
        <v>268</v>
      </c>
    </row>
    <row r="176" spans="1:17">
      <c r="A176" s="21" t="s">
        <v>240</v>
      </c>
      <c r="B176" s="21" t="s">
        <v>237</v>
      </c>
      <c r="C176" s="21" t="s">
        <v>265</v>
      </c>
      <c r="D176" s="21" t="s">
        <v>215</v>
      </c>
      <c r="E176" s="21" t="s">
        <v>214</v>
      </c>
      <c r="F176" s="21" t="s">
        <v>427</v>
      </c>
      <c r="G176" s="16">
        <v>18692</v>
      </c>
      <c r="H176" s="16">
        <v>15811</v>
      </c>
      <c r="I176" s="16">
        <v>12341</v>
      </c>
      <c r="J176" s="16">
        <v>7995</v>
      </c>
      <c r="K176" s="16">
        <v>3470</v>
      </c>
      <c r="L176" s="16">
        <v>102</v>
      </c>
      <c r="M176" s="16">
        <v>2779</v>
      </c>
      <c r="N176" s="22" t="s">
        <v>268</v>
      </c>
      <c r="O176" s="16">
        <v>2124</v>
      </c>
      <c r="P176" s="16">
        <v>6686</v>
      </c>
      <c r="Q176" s="16">
        <v>2135</v>
      </c>
    </row>
    <row r="177" spans="1:17">
      <c r="A177" s="21" t="s">
        <v>240</v>
      </c>
      <c r="B177" s="21" t="s">
        <v>237</v>
      </c>
      <c r="C177" s="21" t="s">
        <v>265</v>
      </c>
      <c r="D177" s="21" t="s">
        <v>215</v>
      </c>
      <c r="E177" s="21" t="s">
        <v>214</v>
      </c>
      <c r="F177" s="21" t="s">
        <v>428</v>
      </c>
      <c r="G177" s="16">
        <v>6896</v>
      </c>
      <c r="H177" s="16">
        <v>6033</v>
      </c>
      <c r="I177" s="16">
        <v>4848</v>
      </c>
      <c r="J177" s="16">
        <v>3235</v>
      </c>
      <c r="K177" s="16">
        <v>1185</v>
      </c>
      <c r="L177" s="16">
        <v>31</v>
      </c>
      <c r="M177" s="16">
        <v>832</v>
      </c>
      <c r="N177" s="22" t="s">
        <v>268</v>
      </c>
      <c r="O177" s="16">
        <v>762</v>
      </c>
      <c r="P177" s="16">
        <v>3226</v>
      </c>
      <c r="Q177" s="16">
        <v>832</v>
      </c>
    </row>
    <row r="178" spans="1:17">
      <c r="A178" s="21" t="s">
        <v>240</v>
      </c>
      <c r="B178" s="21" t="s">
        <v>237</v>
      </c>
      <c r="C178" s="21" t="s">
        <v>265</v>
      </c>
      <c r="D178" s="21" t="s">
        <v>215</v>
      </c>
      <c r="E178" s="21" t="s">
        <v>214</v>
      </c>
      <c r="F178" s="21" t="s">
        <v>429</v>
      </c>
      <c r="G178" s="16">
        <v>1843</v>
      </c>
      <c r="H178" s="16">
        <v>1527</v>
      </c>
      <c r="I178" s="16">
        <v>1155</v>
      </c>
      <c r="J178" s="16">
        <v>735</v>
      </c>
      <c r="K178" s="16">
        <v>372</v>
      </c>
      <c r="L178" s="16">
        <v>8</v>
      </c>
      <c r="M178" s="16">
        <v>308</v>
      </c>
      <c r="N178" s="22" t="s">
        <v>268</v>
      </c>
      <c r="O178" s="16">
        <v>203</v>
      </c>
      <c r="P178" s="16">
        <v>735</v>
      </c>
      <c r="Q178" s="16">
        <v>308</v>
      </c>
    </row>
    <row r="179" spans="1:17">
      <c r="A179" s="21" t="s">
        <v>240</v>
      </c>
      <c r="B179" s="21" t="s">
        <v>237</v>
      </c>
      <c r="C179" s="21" t="s">
        <v>265</v>
      </c>
      <c r="D179" s="21" t="s">
        <v>215</v>
      </c>
      <c r="E179" s="21" t="s">
        <v>681</v>
      </c>
      <c r="F179" s="21" t="s">
        <v>214</v>
      </c>
      <c r="G179" s="16">
        <v>33522</v>
      </c>
      <c r="H179" s="16">
        <v>26802</v>
      </c>
      <c r="I179" s="16">
        <v>21868</v>
      </c>
      <c r="J179" s="16">
        <v>10049</v>
      </c>
      <c r="K179" s="16">
        <v>4934</v>
      </c>
      <c r="L179" s="16">
        <v>258</v>
      </c>
      <c r="M179" s="16">
        <v>6408</v>
      </c>
      <c r="N179" s="16">
        <v>54</v>
      </c>
      <c r="O179" s="16">
        <v>3157</v>
      </c>
      <c r="P179" s="16">
        <v>6627</v>
      </c>
      <c r="Q179" s="16">
        <v>2118</v>
      </c>
    </row>
    <row r="180" spans="1:17">
      <c r="A180" s="21" t="s">
        <v>240</v>
      </c>
      <c r="B180" s="21" t="s">
        <v>237</v>
      </c>
      <c r="C180" s="21" t="s">
        <v>265</v>
      </c>
      <c r="D180" s="21" t="s">
        <v>215</v>
      </c>
      <c r="E180" s="21" t="s">
        <v>681</v>
      </c>
      <c r="F180" s="21" t="s">
        <v>424</v>
      </c>
      <c r="G180" s="22" t="s">
        <v>268</v>
      </c>
      <c r="H180" s="22" t="s">
        <v>268</v>
      </c>
      <c r="I180" s="22" t="s">
        <v>268</v>
      </c>
      <c r="J180" s="22" t="s">
        <v>268</v>
      </c>
      <c r="K180" s="22" t="s">
        <v>268</v>
      </c>
      <c r="L180" s="22" t="s">
        <v>268</v>
      </c>
      <c r="M180" s="22" t="s">
        <v>268</v>
      </c>
      <c r="N180" s="22" t="s">
        <v>268</v>
      </c>
      <c r="O180" s="22" t="s">
        <v>268</v>
      </c>
      <c r="P180" s="22" t="s">
        <v>268</v>
      </c>
      <c r="Q180" s="22" t="s">
        <v>268</v>
      </c>
    </row>
    <row r="181" spans="1:17">
      <c r="A181" s="21" t="s">
        <v>240</v>
      </c>
      <c r="B181" s="21" t="s">
        <v>237</v>
      </c>
      <c r="C181" s="21" t="s">
        <v>265</v>
      </c>
      <c r="D181" s="21" t="s">
        <v>215</v>
      </c>
      <c r="E181" s="21" t="s">
        <v>681</v>
      </c>
      <c r="F181" s="21" t="s">
        <v>425</v>
      </c>
      <c r="G181" s="16">
        <v>17796</v>
      </c>
      <c r="H181" s="16">
        <v>13811</v>
      </c>
      <c r="I181" s="16">
        <v>11591</v>
      </c>
      <c r="J181" s="16">
        <v>3221</v>
      </c>
      <c r="K181" s="16">
        <v>2220</v>
      </c>
      <c r="L181" s="16">
        <v>181</v>
      </c>
      <c r="M181" s="16">
        <v>3804</v>
      </c>
      <c r="N181" s="22" t="s">
        <v>268</v>
      </c>
      <c r="O181" s="16">
        <v>1447</v>
      </c>
      <c r="P181" s="22" t="s">
        <v>268</v>
      </c>
      <c r="Q181" s="22" t="s">
        <v>268</v>
      </c>
    </row>
    <row r="182" spans="1:17">
      <c r="A182" s="21" t="s">
        <v>240</v>
      </c>
      <c r="B182" s="21" t="s">
        <v>237</v>
      </c>
      <c r="C182" s="21" t="s">
        <v>265</v>
      </c>
      <c r="D182" s="21" t="s">
        <v>215</v>
      </c>
      <c r="E182" s="21" t="s">
        <v>681</v>
      </c>
      <c r="F182" s="21" t="s">
        <v>426</v>
      </c>
      <c r="G182" s="16">
        <v>15186</v>
      </c>
      <c r="H182" s="16">
        <v>12991</v>
      </c>
      <c r="I182" s="16">
        <v>10277</v>
      </c>
      <c r="J182" s="16">
        <v>6828</v>
      </c>
      <c r="K182" s="16">
        <v>2714</v>
      </c>
      <c r="L182" s="16">
        <v>77</v>
      </c>
      <c r="M182" s="16">
        <v>2118</v>
      </c>
      <c r="N182" s="22" t="s">
        <v>268</v>
      </c>
      <c r="O182" s="16">
        <v>1710</v>
      </c>
      <c r="P182" s="16">
        <v>6627</v>
      </c>
      <c r="Q182" s="16">
        <v>2118</v>
      </c>
    </row>
    <row r="183" spans="1:17">
      <c r="A183" s="21" t="s">
        <v>240</v>
      </c>
      <c r="B183" s="21" t="s">
        <v>237</v>
      </c>
      <c r="C183" s="21" t="s">
        <v>265</v>
      </c>
      <c r="D183" s="21" t="s">
        <v>215</v>
      </c>
      <c r="E183" s="21" t="s">
        <v>681</v>
      </c>
      <c r="F183" s="21" t="s">
        <v>720</v>
      </c>
      <c r="G183" s="16">
        <v>540</v>
      </c>
      <c r="H183" s="22" t="s">
        <v>268</v>
      </c>
      <c r="I183" s="22" t="s">
        <v>268</v>
      </c>
      <c r="J183" s="22" t="s">
        <v>268</v>
      </c>
      <c r="K183" s="22" t="s">
        <v>268</v>
      </c>
      <c r="L183" s="22" t="s">
        <v>268</v>
      </c>
      <c r="M183" s="16">
        <v>486</v>
      </c>
      <c r="N183" s="16">
        <v>54</v>
      </c>
      <c r="O183" s="22" t="s">
        <v>268</v>
      </c>
      <c r="P183" s="22" t="s">
        <v>268</v>
      </c>
      <c r="Q183" s="22" t="s">
        <v>268</v>
      </c>
    </row>
    <row r="184" spans="1:17">
      <c r="A184" s="21" t="s">
        <v>240</v>
      </c>
      <c r="B184" s="21" t="s">
        <v>237</v>
      </c>
      <c r="C184" s="21" t="s">
        <v>265</v>
      </c>
      <c r="D184" s="21" t="s">
        <v>215</v>
      </c>
      <c r="E184" s="21" t="s">
        <v>681</v>
      </c>
      <c r="F184" s="21" t="s">
        <v>427</v>
      </c>
      <c r="G184" s="16">
        <v>18591</v>
      </c>
      <c r="H184" s="16">
        <v>15735</v>
      </c>
      <c r="I184" s="16">
        <v>12269</v>
      </c>
      <c r="J184" s="16">
        <v>7933</v>
      </c>
      <c r="K184" s="16">
        <v>3466</v>
      </c>
      <c r="L184" s="16">
        <v>100</v>
      </c>
      <c r="M184" s="16">
        <v>2756</v>
      </c>
      <c r="N184" s="22" t="s">
        <v>268</v>
      </c>
      <c r="O184" s="16">
        <v>2123</v>
      </c>
      <c r="P184" s="16">
        <v>6627</v>
      </c>
      <c r="Q184" s="16">
        <v>2118</v>
      </c>
    </row>
    <row r="185" spans="1:17">
      <c r="A185" s="21" t="s">
        <v>240</v>
      </c>
      <c r="B185" s="21" t="s">
        <v>237</v>
      </c>
      <c r="C185" s="21" t="s">
        <v>265</v>
      </c>
      <c r="D185" s="21" t="s">
        <v>215</v>
      </c>
      <c r="E185" s="21" t="s">
        <v>681</v>
      </c>
      <c r="F185" s="21" t="s">
        <v>428</v>
      </c>
      <c r="G185" s="16">
        <v>6838</v>
      </c>
      <c r="H185" s="16">
        <v>5982</v>
      </c>
      <c r="I185" s="16">
        <v>4798</v>
      </c>
      <c r="J185" s="16">
        <v>3185</v>
      </c>
      <c r="K185" s="16">
        <v>1184</v>
      </c>
      <c r="L185" s="16">
        <v>29</v>
      </c>
      <c r="M185" s="16">
        <v>827</v>
      </c>
      <c r="N185" s="22" t="s">
        <v>268</v>
      </c>
      <c r="O185" s="16">
        <v>761</v>
      </c>
      <c r="P185" s="16">
        <v>3176</v>
      </c>
      <c r="Q185" s="16">
        <v>827</v>
      </c>
    </row>
    <row r="186" spans="1:17">
      <c r="A186" s="21" t="s">
        <v>240</v>
      </c>
      <c r="B186" s="21" t="s">
        <v>237</v>
      </c>
      <c r="C186" s="21" t="s">
        <v>265</v>
      </c>
      <c r="D186" s="21" t="s">
        <v>215</v>
      </c>
      <c r="E186" s="21" t="s">
        <v>681</v>
      </c>
      <c r="F186" s="21" t="s">
        <v>429</v>
      </c>
      <c r="G186" s="16">
        <v>1800</v>
      </c>
      <c r="H186" s="16">
        <v>1486</v>
      </c>
      <c r="I186" s="16">
        <v>1115</v>
      </c>
      <c r="J186" s="16">
        <v>695</v>
      </c>
      <c r="K186" s="16">
        <v>371</v>
      </c>
      <c r="L186" s="16">
        <v>7</v>
      </c>
      <c r="M186" s="16">
        <v>307</v>
      </c>
      <c r="N186" s="22" t="s">
        <v>268</v>
      </c>
      <c r="O186" s="16">
        <v>202</v>
      </c>
      <c r="P186" s="16">
        <v>695</v>
      </c>
      <c r="Q186" s="16">
        <v>307</v>
      </c>
    </row>
    <row r="187" spans="1:17">
      <c r="A187" s="21" t="s">
        <v>240</v>
      </c>
      <c r="B187" s="21" t="s">
        <v>237</v>
      </c>
      <c r="C187" s="21" t="s">
        <v>265</v>
      </c>
      <c r="D187" s="21" t="s">
        <v>215</v>
      </c>
      <c r="E187" s="21" t="s">
        <v>682</v>
      </c>
      <c r="F187" s="21" t="s">
        <v>214</v>
      </c>
      <c r="G187" s="16">
        <v>33275</v>
      </c>
      <c r="H187" s="16">
        <v>26683</v>
      </c>
      <c r="I187" s="16">
        <v>21759</v>
      </c>
      <c r="J187" s="16">
        <v>10011</v>
      </c>
      <c r="K187" s="16">
        <v>4924</v>
      </c>
      <c r="L187" s="16">
        <v>257</v>
      </c>
      <c r="M187" s="16">
        <v>6281</v>
      </c>
      <c r="N187" s="16">
        <v>54</v>
      </c>
      <c r="O187" s="16">
        <v>3153</v>
      </c>
      <c r="P187" s="16">
        <v>6609</v>
      </c>
      <c r="Q187" s="16">
        <v>2098</v>
      </c>
    </row>
    <row r="188" spans="1:17">
      <c r="A188" s="21" t="s">
        <v>240</v>
      </c>
      <c r="B188" s="21" t="s">
        <v>237</v>
      </c>
      <c r="C188" s="21" t="s">
        <v>265</v>
      </c>
      <c r="D188" s="21" t="s">
        <v>215</v>
      </c>
      <c r="E188" s="21" t="s">
        <v>682</v>
      </c>
      <c r="F188" s="21" t="s">
        <v>424</v>
      </c>
      <c r="G188" s="22" t="s">
        <v>268</v>
      </c>
      <c r="H188" s="22" t="s">
        <v>268</v>
      </c>
      <c r="I188" s="22" t="s">
        <v>268</v>
      </c>
      <c r="J188" s="22" t="s">
        <v>268</v>
      </c>
      <c r="K188" s="22" t="s">
        <v>268</v>
      </c>
      <c r="L188" s="22" t="s">
        <v>268</v>
      </c>
      <c r="M188" s="22" t="s">
        <v>268</v>
      </c>
      <c r="N188" s="22" t="s">
        <v>268</v>
      </c>
      <c r="O188" s="22" t="s">
        <v>268</v>
      </c>
      <c r="P188" s="22" t="s">
        <v>268</v>
      </c>
      <c r="Q188" s="22" t="s">
        <v>268</v>
      </c>
    </row>
    <row r="189" spans="1:17">
      <c r="A189" s="21" t="s">
        <v>240</v>
      </c>
      <c r="B189" s="21" t="s">
        <v>237</v>
      </c>
      <c r="C189" s="21" t="s">
        <v>265</v>
      </c>
      <c r="D189" s="21" t="s">
        <v>215</v>
      </c>
      <c r="E189" s="21" t="s">
        <v>682</v>
      </c>
      <c r="F189" s="21" t="s">
        <v>425</v>
      </c>
      <c r="G189" s="16">
        <v>17598</v>
      </c>
      <c r="H189" s="16">
        <v>13721</v>
      </c>
      <c r="I189" s="16">
        <v>11509</v>
      </c>
      <c r="J189" s="16">
        <v>3202</v>
      </c>
      <c r="K189" s="16">
        <v>2212</v>
      </c>
      <c r="L189" s="16">
        <v>180</v>
      </c>
      <c r="M189" s="16">
        <v>3697</v>
      </c>
      <c r="N189" s="22" t="s">
        <v>268</v>
      </c>
      <c r="O189" s="16">
        <v>1443</v>
      </c>
      <c r="P189" s="22" t="s">
        <v>268</v>
      </c>
      <c r="Q189" s="22" t="s">
        <v>268</v>
      </c>
    </row>
    <row r="190" spans="1:17">
      <c r="A190" s="21" t="s">
        <v>240</v>
      </c>
      <c r="B190" s="21" t="s">
        <v>237</v>
      </c>
      <c r="C190" s="21" t="s">
        <v>265</v>
      </c>
      <c r="D190" s="21" t="s">
        <v>215</v>
      </c>
      <c r="E190" s="21" t="s">
        <v>682</v>
      </c>
      <c r="F190" s="21" t="s">
        <v>426</v>
      </c>
      <c r="G190" s="16">
        <v>15137</v>
      </c>
      <c r="H190" s="16">
        <v>12962</v>
      </c>
      <c r="I190" s="16">
        <v>10250</v>
      </c>
      <c r="J190" s="16">
        <v>6809</v>
      </c>
      <c r="K190" s="16">
        <v>2712</v>
      </c>
      <c r="L190" s="16">
        <v>77</v>
      </c>
      <c r="M190" s="16">
        <v>2098</v>
      </c>
      <c r="N190" s="22" t="s">
        <v>268</v>
      </c>
      <c r="O190" s="16">
        <v>1710</v>
      </c>
      <c r="P190" s="16">
        <v>6609</v>
      </c>
      <c r="Q190" s="16">
        <v>2098</v>
      </c>
    </row>
    <row r="191" spans="1:17">
      <c r="A191" s="21" t="s">
        <v>240</v>
      </c>
      <c r="B191" s="21" t="s">
        <v>237</v>
      </c>
      <c r="C191" s="21" t="s">
        <v>265</v>
      </c>
      <c r="D191" s="21" t="s">
        <v>215</v>
      </c>
      <c r="E191" s="21" t="s">
        <v>682</v>
      </c>
      <c r="F191" s="21" t="s">
        <v>720</v>
      </c>
      <c r="G191" s="16">
        <v>540</v>
      </c>
      <c r="H191" s="22" t="s">
        <v>268</v>
      </c>
      <c r="I191" s="22" t="s">
        <v>268</v>
      </c>
      <c r="J191" s="22" t="s">
        <v>268</v>
      </c>
      <c r="K191" s="22" t="s">
        <v>268</v>
      </c>
      <c r="L191" s="22" t="s">
        <v>268</v>
      </c>
      <c r="M191" s="16">
        <v>486</v>
      </c>
      <c r="N191" s="16">
        <v>54</v>
      </c>
      <c r="O191" s="22" t="s">
        <v>268</v>
      </c>
      <c r="P191" s="22" t="s">
        <v>268</v>
      </c>
      <c r="Q191" s="22" t="s">
        <v>268</v>
      </c>
    </row>
    <row r="192" spans="1:17">
      <c r="A192" s="21" t="s">
        <v>240</v>
      </c>
      <c r="B192" s="21" t="s">
        <v>237</v>
      </c>
      <c r="C192" s="21" t="s">
        <v>265</v>
      </c>
      <c r="D192" s="21" t="s">
        <v>215</v>
      </c>
      <c r="E192" s="21" t="s">
        <v>682</v>
      </c>
      <c r="F192" s="21" t="s">
        <v>427</v>
      </c>
      <c r="G192" s="16">
        <v>18524</v>
      </c>
      <c r="H192" s="16">
        <v>15696</v>
      </c>
      <c r="I192" s="16">
        <v>12233</v>
      </c>
      <c r="J192" s="16">
        <v>7912</v>
      </c>
      <c r="K192" s="16">
        <v>3463</v>
      </c>
      <c r="L192" s="16">
        <v>100</v>
      </c>
      <c r="M192" s="16">
        <v>2728</v>
      </c>
      <c r="N192" s="22" t="s">
        <v>268</v>
      </c>
      <c r="O192" s="16">
        <v>2122</v>
      </c>
      <c r="P192" s="16">
        <v>6609</v>
      </c>
      <c r="Q192" s="16">
        <v>2098</v>
      </c>
    </row>
    <row r="193" spans="1:17">
      <c r="A193" s="21" t="s">
        <v>240</v>
      </c>
      <c r="B193" s="21" t="s">
        <v>237</v>
      </c>
      <c r="C193" s="21" t="s">
        <v>265</v>
      </c>
      <c r="D193" s="21" t="s">
        <v>215</v>
      </c>
      <c r="E193" s="21" t="s">
        <v>682</v>
      </c>
      <c r="F193" s="21" t="s">
        <v>428</v>
      </c>
      <c r="G193" s="16">
        <v>6819</v>
      </c>
      <c r="H193" s="16">
        <v>5971</v>
      </c>
      <c r="I193" s="16">
        <v>4787</v>
      </c>
      <c r="J193" s="16">
        <v>3175</v>
      </c>
      <c r="K193" s="16">
        <v>1184</v>
      </c>
      <c r="L193" s="16">
        <v>29</v>
      </c>
      <c r="M193" s="16">
        <v>819</v>
      </c>
      <c r="N193" s="22" t="s">
        <v>268</v>
      </c>
      <c r="O193" s="16">
        <v>761</v>
      </c>
      <c r="P193" s="16">
        <v>3166</v>
      </c>
      <c r="Q193" s="16">
        <v>819</v>
      </c>
    </row>
    <row r="194" spans="1:17">
      <c r="A194" s="21" t="s">
        <v>240</v>
      </c>
      <c r="B194" s="21" t="s">
        <v>237</v>
      </c>
      <c r="C194" s="21" t="s">
        <v>265</v>
      </c>
      <c r="D194" s="21" t="s">
        <v>215</v>
      </c>
      <c r="E194" s="21" t="s">
        <v>682</v>
      </c>
      <c r="F194" s="21" t="s">
        <v>429</v>
      </c>
      <c r="G194" s="16">
        <v>1793</v>
      </c>
      <c r="H194" s="16">
        <v>1481</v>
      </c>
      <c r="I194" s="16">
        <v>1110</v>
      </c>
      <c r="J194" s="16">
        <v>690</v>
      </c>
      <c r="K194" s="16">
        <v>371</v>
      </c>
      <c r="L194" s="16">
        <v>7</v>
      </c>
      <c r="M194" s="16">
        <v>305</v>
      </c>
      <c r="N194" s="22" t="s">
        <v>268</v>
      </c>
      <c r="O194" s="16">
        <v>202</v>
      </c>
      <c r="P194" s="16">
        <v>690</v>
      </c>
      <c r="Q194" s="16">
        <v>305</v>
      </c>
    </row>
    <row r="195" spans="1:17">
      <c r="A195" s="21" t="s">
        <v>240</v>
      </c>
      <c r="B195" s="21" t="s">
        <v>237</v>
      </c>
      <c r="C195" s="21" t="s">
        <v>265</v>
      </c>
      <c r="D195" s="21" t="s">
        <v>215</v>
      </c>
      <c r="E195" s="21" t="s">
        <v>683</v>
      </c>
      <c r="F195" s="21" t="s">
        <v>214</v>
      </c>
      <c r="G195" s="16">
        <v>24252</v>
      </c>
      <c r="H195" s="16">
        <v>21535</v>
      </c>
      <c r="I195" s="16">
        <v>16831</v>
      </c>
      <c r="J195" s="16">
        <v>8237</v>
      </c>
      <c r="K195" s="16">
        <v>4704</v>
      </c>
      <c r="L195" s="16">
        <v>123</v>
      </c>
      <c r="M195" s="16">
        <v>2570</v>
      </c>
      <c r="N195" s="16">
        <v>24</v>
      </c>
      <c r="O195" s="16">
        <v>3051</v>
      </c>
      <c r="P195" s="16">
        <v>6053</v>
      </c>
      <c r="Q195" s="16">
        <v>1464</v>
      </c>
    </row>
    <row r="196" spans="1:17">
      <c r="A196" s="21" t="s">
        <v>240</v>
      </c>
      <c r="B196" s="21" t="s">
        <v>237</v>
      </c>
      <c r="C196" s="21" t="s">
        <v>265</v>
      </c>
      <c r="D196" s="21" t="s">
        <v>215</v>
      </c>
      <c r="E196" s="21" t="s">
        <v>683</v>
      </c>
      <c r="F196" s="21" t="s">
        <v>424</v>
      </c>
      <c r="G196" s="22" t="s">
        <v>268</v>
      </c>
      <c r="H196" s="22" t="s">
        <v>268</v>
      </c>
      <c r="I196" s="22" t="s">
        <v>268</v>
      </c>
      <c r="J196" s="22" t="s">
        <v>268</v>
      </c>
      <c r="K196" s="22" t="s">
        <v>268</v>
      </c>
      <c r="L196" s="22" t="s">
        <v>268</v>
      </c>
      <c r="M196" s="22" t="s">
        <v>268</v>
      </c>
      <c r="N196" s="22" t="s">
        <v>268</v>
      </c>
      <c r="O196" s="22" t="s">
        <v>268</v>
      </c>
      <c r="P196" s="22" t="s">
        <v>268</v>
      </c>
      <c r="Q196" s="22" t="s">
        <v>268</v>
      </c>
    </row>
    <row r="197" spans="1:17">
      <c r="A197" s="21" t="s">
        <v>240</v>
      </c>
      <c r="B197" s="21" t="s">
        <v>237</v>
      </c>
      <c r="C197" s="21" t="s">
        <v>265</v>
      </c>
      <c r="D197" s="21" t="s">
        <v>215</v>
      </c>
      <c r="E197" s="21" t="s">
        <v>683</v>
      </c>
      <c r="F197" s="21" t="s">
        <v>425</v>
      </c>
      <c r="G197" s="16">
        <v>10630</v>
      </c>
      <c r="H197" s="16">
        <v>9505</v>
      </c>
      <c r="I197" s="16">
        <v>7449</v>
      </c>
      <c r="J197" s="16">
        <v>2028</v>
      </c>
      <c r="K197" s="16">
        <v>2056</v>
      </c>
      <c r="L197" s="16">
        <v>63</v>
      </c>
      <c r="M197" s="16">
        <v>1062</v>
      </c>
      <c r="N197" s="22" t="s">
        <v>268</v>
      </c>
      <c r="O197" s="16">
        <v>1365</v>
      </c>
      <c r="P197" s="22" t="s">
        <v>268</v>
      </c>
      <c r="Q197" s="22" t="s">
        <v>268</v>
      </c>
    </row>
    <row r="198" spans="1:17">
      <c r="A198" s="21" t="s">
        <v>240</v>
      </c>
      <c r="B198" s="21" t="s">
        <v>237</v>
      </c>
      <c r="C198" s="21" t="s">
        <v>265</v>
      </c>
      <c r="D198" s="21" t="s">
        <v>215</v>
      </c>
      <c r="E198" s="21" t="s">
        <v>683</v>
      </c>
      <c r="F198" s="21" t="s">
        <v>426</v>
      </c>
      <c r="G198" s="16">
        <v>13554</v>
      </c>
      <c r="H198" s="16">
        <v>12030</v>
      </c>
      <c r="I198" s="16">
        <v>9382</v>
      </c>
      <c r="J198" s="16">
        <v>6209</v>
      </c>
      <c r="K198" s="16">
        <v>2648</v>
      </c>
      <c r="L198" s="16">
        <v>60</v>
      </c>
      <c r="M198" s="16">
        <v>1464</v>
      </c>
      <c r="N198" s="22" t="s">
        <v>268</v>
      </c>
      <c r="O198" s="16">
        <v>1686</v>
      </c>
      <c r="P198" s="16">
        <v>6053</v>
      </c>
      <c r="Q198" s="16">
        <v>1464</v>
      </c>
    </row>
    <row r="199" spans="1:17">
      <c r="A199" s="21" t="s">
        <v>240</v>
      </c>
      <c r="B199" s="21" t="s">
        <v>237</v>
      </c>
      <c r="C199" s="21" t="s">
        <v>265</v>
      </c>
      <c r="D199" s="21" t="s">
        <v>215</v>
      </c>
      <c r="E199" s="21" t="s">
        <v>683</v>
      </c>
      <c r="F199" s="21" t="s">
        <v>720</v>
      </c>
      <c r="G199" s="16">
        <v>68</v>
      </c>
      <c r="H199" s="22" t="s">
        <v>268</v>
      </c>
      <c r="I199" s="22" t="s">
        <v>268</v>
      </c>
      <c r="J199" s="22" t="s">
        <v>268</v>
      </c>
      <c r="K199" s="22" t="s">
        <v>268</v>
      </c>
      <c r="L199" s="22" t="s">
        <v>268</v>
      </c>
      <c r="M199" s="16">
        <v>44</v>
      </c>
      <c r="N199" s="16">
        <v>24</v>
      </c>
      <c r="O199" s="22" t="s">
        <v>268</v>
      </c>
      <c r="P199" s="22" t="s">
        <v>268</v>
      </c>
      <c r="Q199" s="22" t="s">
        <v>268</v>
      </c>
    </row>
    <row r="200" spans="1:17">
      <c r="A200" s="21" t="s">
        <v>240</v>
      </c>
      <c r="B200" s="21" t="s">
        <v>237</v>
      </c>
      <c r="C200" s="21" t="s">
        <v>265</v>
      </c>
      <c r="D200" s="21" t="s">
        <v>215</v>
      </c>
      <c r="E200" s="21" t="s">
        <v>683</v>
      </c>
      <c r="F200" s="21" t="s">
        <v>427</v>
      </c>
      <c r="G200" s="16">
        <v>16301</v>
      </c>
      <c r="H200" s="16">
        <v>14408</v>
      </c>
      <c r="I200" s="16">
        <v>11036</v>
      </c>
      <c r="J200" s="16">
        <v>7117</v>
      </c>
      <c r="K200" s="16">
        <v>3372</v>
      </c>
      <c r="L200" s="16">
        <v>77</v>
      </c>
      <c r="M200" s="16">
        <v>1816</v>
      </c>
      <c r="N200" s="22" t="s">
        <v>268</v>
      </c>
      <c r="O200" s="16">
        <v>2086</v>
      </c>
      <c r="P200" s="16">
        <v>6053</v>
      </c>
      <c r="Q200" s="16">
        <v>1464</v>
      </c>
    </row>
    <row r="201" spans="1:17">
      <c r="A201" s="21" t="s">
        <v>240</v>
      </c>
      <c r="B201" s="21" t="s">
        <v>237</v>
      </c>
      <c r="C201" s="21" t="s">
        <v>265</v>
      </c>
      <c r="D201" s="21" t="s">
        <v>215</v>
      </c>
      <c r="E201" s="21" t="s">
        <v>683</v>
      </c>
      <c r="F201" s="21" t="s">
        <v>428</v>
      </c>
      <c r="G201" s="16">
        <v>6309</v>
      </c>
      <c r="H201" s="16">
        <v>5641</v>
      </c>
      <c r="I201" s="16">
        <v>4481</v>
      </c>
      <c r="J201" s="16">
        <v>2959</v>
      </c>
      <c r="K201" s="16">
        <v>1160</v>
      </c>
      <c r="L201" s="16">
        <v>25</v>
      </c>
      <c r="M201" s="16">
        <v>643</v>
      </c>
      <c r="N201" s="22" t="s">
        <v>268</v>
      </c>
      <c r="O201" s="16">
        <v>750</v>
      </c>
      <c r="P201" s="16">
        <v>2953</v>
      </c>
      <c r="Q201" s="16">
        <v>643</v>
      </c>
    </row>
    <row r="202" spans="1:17">
      <c r="A202" s="21" t="s">
        <v>240</v>
      </c>
      <c r="B202" s="21" t="s">
        <v>237</v>
      </c>
      <c r="C202" s="21" t="s">
        <v>265</v>
      </c>
      <c r="D202" s="21" t="s">
        <v>215</v>
      </c>
      <c r="E202" s="21" t="s">
        <v>683</v>
      </c>
      <c r="F202" s="21" t="s">
        <v>429</v>
      </c>
      <c r="G202" s="16">
        <v>1696</v>
      </c>
      <c r="H202" s="16">
        <v>1427</v>
      </c>
      <c r="I202" s="16">
        <v>1061</v>
      </c>
      <c r="J202" s="16">
        <v>659</v>
      </c>
      <c r="K202" s="16">
        <v>366</v>
      </c>
      <c r="L202" s="16">
        <v>6</v>
      </c>
      <c r="M202" s="16">
        <v>263</v>
      </c>
      <c r="N202" s="22" t="s">
        <v>268</v>
      </c>
      <c r="O202" s="16">
        <v>201</v>
      </c>
      <c r="P202" s="16">
        <v>659</v>
      </c>
      <c r="Q202" s="16">
        <v>263</v>
      </c>
    </row>
    <row r="203" spans="1:17">
      <c r="A203" s="21" t="s">
        <v>240</v>
      </c>
      <c r="B203" s="21" t="s">
        <v>237</v>
      </c>
      <c r="C203" s="21" t="s">
        <v>265</v>
      </c>
      <c r="D203" s="21" t="s">
        <v>215</v>
      </c>
      <c r="E203" s="21" t="s">
        <v>684</v>
      </c>
      <c r="F203" s="21" t="s">
        <v>214</v>
      </c>
      <c r="G203" s="16">
        <v>503</v>
      </c>
      <c r="H203" s="16">
        <v>353</v>
      </c>
      <c r="I203" s="16">
        <v>336</v>
      </c>
      <c r="J203" s="16">
        <v>153</v>
      </c>
      <c r="K203" s="16">
        <v>17</v>
      </c>
      <c r="L203" s="16">
        <v>1</v>
      </c>
      <c r="M203" s="16">
        <v>149</v>
      </c>
      <c r="N203" s="22" t="s">
        <v>268</v>
      </c>
      <c r="O203" s="16">
        <v>4</v>
      </c>
      <c r="P203" s="16">
        <v>107</v>
      </c>
      <c r="Q203" s="16">
        <v>90</v>
      </c>
    </row>
    <row r="204" spans="1:17">
      <c r="A204" s="21" t="s">
        <v>240</v>
      </c>
      <c r="B204" s="21" t="s">
        <v>237</v>
      </c>
      <c r="C204" s="21" t="s">
        <v>265</v>
      </c>
      <c r="D204" s="21" t="s">
        <v>215</v>
      </c>
      <c r="E204" s="21" t="s">
        <v>684</v>
      </c>
      <c r="F204" s="21" t="s">
        <v>424</v>
      </c>
      <c r="G204" s="22" t="s">
        <v>268</v>
      </c>
      <c r="H204" s="22" t="s">
        <v>268</v>
      </c>
      <c r="I204" s="22" t="s">
        <v>268</v>
      </c>
      <c r="J204" s="22" t="s">
        <v>268</v>
      </c>
      <c r="K204" s="22" t="s">
        <v>268</v>
      </c>
      <c r="L204" s="22" t="s">
        <v>268</v>
      </c>
      <c r="M204" s="22" t="s">
        <v>268</v>
      </c>
      <c r="N204" s="22" t="s">
        <v>268</v>
      </c>
      <c r="O204" s="22" t="s">
        <v>268</v>
      </c>
      <c r="P204" s="22" t="s">
        <v>268</v>
      </c>
      <c r="Q204" s="22" t="s">
        <v>268</v>
      </c>
    </row>
    <row r="205" spans="1:17">
      <c r="A205" s="21" t="s">
        <v>240</v>
      </c>
      <c r="B205" s="21" t="s">
        <v>237</v>
      </c>
      <c r="C205" s="21" t="s">
        <v>265</v>
      </c>
      <c r="D205" s="21" t="s">
        <v>215</v>
      </c>
      <c r="E205" s="21" t="s">
        <v>684</v>
      </c>
      <c r="F205" s="21" t="s">
        <v>425</v>
      </c>
      <c r="G205" s="16">
        <v>229</v>
      </c>
      <c r="H205" s="16">
        <v>177</v>
      </c>
      <c r="I205" s="16">
        <v>169</v>
      </c>
      <c r="J205" s="16">
        <v>42</v>
      </c>
      <c r="K205" s="16">
        <v>8</v>
      </c>
      <c r="L205" s="22" t="s">
        <v>268</v>
      </c>
      <c r="M205" s="16">
        <v>52</v>
      </c>
      <c r="N205" s="22" t="s">
        <v>268</v>
      </c>
      <c r="O205" s="16">
        <v>4</v>
      </c>
      <c r="P205" s="22" t="s">
        <v>268</v>
      </c>
      <c r="Q205" s="22" t="s">
        <v>268</v>
      </c>
    </row>
    <row r="206" spans="1:17">
      <c r="A206" s="21" t="s">
        <v>240</v>
      </c>
      <c r="B206" s="21" t="s">
        <v>237</v>
      </c>
      <c r="C206" s="21" t="s">
        <v>265</v>
      </c>
      <c r="D206" s="21" t="s">
        <v>215</v>
      </c>
      <c r="E206" s="21" t="s">
        <v>684</v>
      </c>
      <c r="F206" s="21" t="s">
        <v>426</v>
      </c>
      <c r="G206" s="16">
        <v>267</v>
      </c>
      <c r="H206" s="16">
        <v>176</v>
      </c>
      <c r="I206" s="16">
        <v>167</v>
      </c>
      <c r="J206" s="16">
        <v>111</v>
      </c>
      <c r="K206" s="16">
        <v>9</v>
      </c>
      <c r="L206" s="16">
        <v>1</v>
      </c>
      <c r="M206" s="16">
        <v>90</v>
      </c>
      <c r="N206" s="22" t="s">
        <v>268</v>
      </c>
      <c r="O206" s="22" t="s">
        <v>268</v>
      </c>
      <c r="P206" s="16">
        <v>107</v>
      </c>
      <c r="Q206" s="16">
        <v>90</v>
      </c>
    </row>
    <row r="207" spans="1:17">
      <c r="A207" s="21" t="s">
        <v>240</v>
      </c>
      <c r="B207" s="21" t="s">
        <v>237</v>
      </c>
      <c r="C207" s="21" t="s">
        <v>265</v>
      </c>
      <c r="D207" s="21" t="s">
        <v>215</v>
      </c>
      <c r="E207" s="21" t="s">
        <v>684</v>
      </c>
      <c r="F207" s="21" t="s">
        <v>720</v>
      </c>
      <c r="G207" s="16">
        <v>7</v>
      </c>
      <c r="H207" s="22" t="s">
        <v>268</v>
      </c>
      <c r="I207" s="22" t="s">
        <v>268</v>
      </c>
      <c r="J207" s="22" t="s">
        <v>268</v>
      </c>
      <c r="K207" s="22" t="s">
        <v>268</v>
      </c>
      <c r="L207" s="22" t="s">
        <v>268</v>
      </c>
      <c r="M207" s="16">
        <v>7</v>
      </c>
      <c r="N207" s="22" t="s">
        <v>268</v>
      </c>
      <c r="O207" s="22" t="s">
        <v>268</v>
      </c>
      <c r="P207" s="22" t="s">
        <v>268</v>
      </c>
      <c r="Q207" s="22" t="s">
        <v>268</v>
      </c>
    </row>
    <row r="208" spans="1:17">
      <c r="A208" s="21" t="s">
        <v>240</v>
      </c>
      <c r="B208" s="21" t="s">
        <v>237</v>
      </c>
      <c r="C208" s="21" t="s">
        <v>265</v>
      </c>
      <c r="D208" s="21" t="s">
        <v>215</v>
      </c>
      <c r="E208" s="21" t="s">
        <v>684</v>
      </c>
      <c r="F208" s="21" t="s">
        <v>427</v>
      </c>
      <c r="G208" s="16">
        <v>322</v>
      </c>
      <c r="H208" s="16">
        <v>217</v>
      </c>
      <c r="I208" s="16">
        <v>207</v>
      </c>
      <c r="J208" s="16">
        <v>134</v>
      </c>
      <c r="K208" s="16">
        <v>10</v>
      </c>
      <c r="L208" s="16">
        <v>1</v>
      </c>
      <c r="M208" s="16">
        <v>104</v>
      </c>
      <c r="N208" s="22" t="s">
        <v>268</v>
      </c>
      <c r="O208" s="16">
        <v>1</v>
      </c>
      <c r="P208" s="16">
        <v>107</v>
      </c>
      <c r="Q208" s="16">
        <v>90</v>
      </c>
    </row>
    <row r="209" spans="1:17">
      <c r="A209" s="21" t="s">
        <v>240</v>
      </c>
      <c r="B209" s="21" t="s">
        <v>237</v>
      </c>
      <c r="C209" s="21" t="s">
        <v>265</v>
      </c>
      <c r="D209" s="21" t="s">
        <v>215</v>
      </c>
      <c r="E209" s="21" t="s">
        <v>684</v>
      </c>
      <c r="F209" s="21" t="s">
        <v>428</v>
      </c>
      <c r="G209" s="16">
        <v>88</v>
      </c>
      <c r="H209" s="16">
        <v>62</v>
      </c>
      <c r="I209" s="16">
        <v>58</v>
      </c>
      <c r="J209" s="16">
        <v>40</v>
      </c>
      <c r="K209" s="16">
        <v>4</v>
      </c>
      <c r="L209" s="22" t="s">
        <v>268</v>
      </c>
      <c r="M209" s="16">
        <v>26</v>
      </c>
      <c r="N209" s="22" t="s">
        <v>268</v>
      </c>
      <c r="O209" s="22" t="s">
        <v>268</v>
      </c>
      <c r="P209" s="16">
        <v>40</v>
      </c>
      <c r="Q209" s="16">
        <v>26</v>
      </c>
    </row>
    <row r="210" spans="1:17">
      <c r="A210" s="21" t="s">
        <v>240</v>
      </c>
      <c r="B210" s="21" t="s">
        <v>237</v>
      </c>
      <c r="C210" s="21" t="s">
        <v>265</v>
      </c>
      <c r="D210" s="21" t="s">
        <v>215</v>
      </c>
      <c r="E210" s="21" t="s">
        <v>684</v>
      </c>
      <c r="F210" s="21" t="s">
        <v>429</v>
      </c>
      <c r="G210" s="16">
        <v>23</v>
      </c>
      <c r="H210" s="16">
        <v>11</v>
      </c>
      <c r="I210" s="16">
        <v>10</v>
      </c>
      <c r="J210" s="16">
        <v>7</v>
      </c>
      <c r="K210" s="16">
        <v>1</v>
      </c>
      <c r="L210" s="22" t="s">
        <v>268</v>
      </c>
      <c r="M210" s="16">
        <v>12</v>
      </c>
      <c r="N210" s="22" t="s">
        <v>268</v>
      </c>
      <c r="O210" s="22" t="s">
        <v>268</v>
      </c>
      <c r="P210" s="16">
        <v>7</v>
      </c>
      <c r="Q210" s="16">
        <v>12</v>
      </c>
    </row>
    <row r="211" spans="1:17">
      <c r="A211" s="21" t="s">
        <v>240</v>
      </c>
      <c r="B211" s="21" t="s">
        <v>237</v>
      </c>
      <c r="C211" s="21" t="s">
        <v>265</v>
      </c>
      <c r="D211" s="21" t="s">
        <v>215</v>
      </c>
      <c r="E211" s="21" t="s">
        <v>685</v>
      </c>
      <c r="F211" s="21" t="s">
        <v>214</v>
      </c>
      <c r="G211" s="16">
        <v>7628</v>
      </c>
      <c r="H211" s="16">
        <v>4413</v>
      </c>
      <c r="I211" s="16">
        <v>4224</v>
      </c>
      <c r="J211" s="16">
        <v>1489</v>
      </c>
      <c r="K211" s="16">
        <v>189</v>
      </c>
      <c r="L211" s="16">
        <v>129</v>
      </c>
      <c r="M211" s="16">
        <v>3056</v>
      </c>
      <c r="N211" s="16">
        <v>30</v>
      </c>
      <c r="O211" s="16">
        <v>89</v>
      </c>
      <c r="P211" s="16">
        <v>434</v>
      </c>
      <c r="Q211" s="16">
        <v>536</v>
      </c>
    </row>
    <row r="212" spans="1:17">
      <c r="A212" s="21" t="s">
        <v>240</v>
      </c>
      <c r="B212" s="21" t="s">
        <v>237</v>
      </c>
      <c r="C212" s="21" t="s">
        <v>265</v>
      </c>
      <c r="D212" s="21" t="s">
        <v>215</v>
      </c>
      <c r="E212" s="21" t="s">
        <v>685</v>
      </c>
      <c r="F212" s="21" t="s">
        <v>424</v>
      </c>
      <c r="G212" s="22" t="s">
        <v>268</v>
      </c>
      <c r="H212" s="22" t="s">
        <v>268</v>
      </c>
      <c r="I212" s="22" t="s">
        <v>268</v>
      </c>
      <c r="J212" s="22" t="s">
        <v>268</v>
      </c>
      <c r="K212" s="22" t="s">
        <v>268</v>
      </c>
      <c r="L212" s="22" t="s">
        <v>268</v>
      </c>
      <c r="M212" s="22" t="s">
        <v>268</v>
      </c>
      <c r="N212" s="22" t="s">
        <v>268</v>
      </c>
      <c r="O212" s="22" t="s">
        <v>268</v>
      </c>
      <c r="P212" s="22" t="s">
        <v>268</v>
      </c>
      <c r="Q212" s="22" t="s">
        <v>268</v>
      </c>
    </row>
    <row r="213" spans="1:17">
      <c r="A213" s="21" t="s">
        <v>240</v>
      </c>
      <c r="B213" s="21" t="s">
        <v>237</v>
      </c>
      <c r="C213" s="21" t="s">
        <v>265</v>
      </c>
      <c r="D213" s="21" t="s">
        <v>215</v>
      </c>
      <c r="E213" s="21" t="s">
        <v>685</v>
      </c>
      <c r="F213" s="21" t="s">
        <v>425</v>
      </c>
      <c r="G213" s="16">
        <v>5913</v>
      </c>
      <c r="H213" s="16">
        <v>3686</v>
      </c>
      <c r="I213" s="16">
        <v>3548</v>
      </c>
      <c r="J213" s="16">
        <v>1018</v>
      </c>
      <c r="K213" s="16">
        <v>138</v>
      </c>
      <c r="L213" s="16">
        <v>113</v>
      </c>
      <c r="M213" s="16">
        <v>2114</v>
      </c>
      <c r="N213" s="22" t="s">
        <v>268</v>
      </c>
      <c r="O213" s="16">
        <v>67</v>
      </c>
      <c r="P213" s="22" t="s">
        <v>268</v>
      </c>
      <c r="Q213" s="22" t="s">
        <v>268</v>
      </c>
    </row>
    <row r="214" spans="1:17">
      <c r="A214" s="21" t="s">
        <v>240</v>
      </c>
      <c r="B214" s="21" t="s">
        <v>237</v>
      </c>
      <c r="C214" s="21" t="s">
        <v>265</v>
      </c>
      <c r="D214" s="21" t="s">
        <v>215</v>
      </c>
      <c r="E214" s="21" t="s">
        <v>685</v>
      </c>
      <c r="F214" s="21" t="s">
        <v>426</v>
      </c>
      <c r="G214" s="16">
        <v>1279</v>
      </c>
      <c r="H214" s="16">
        <v>727</v>
      </c>
      <c r="I214" s="16">
        <v>676</v>
      </c>
      <c r="J214" s="16">
        <v>471</v>
      </c>
      <c r="K214" s="16">
        <v>51</v>
      </c>
      <c r="L214" s="16">
        <v>16</v>
      </c>
      <c r="M214" s="16">
        <v>536</v>
      </c>
      <c r="N214" s="22" t="s">
        <v>268</v>
      </c>
      <c r="O214" s="16">
        <v>22</v>
      </c>
      <c r="P214" s="16">
        <v>434</v>
      </c>
      <c r="Q214" s="16">
        <v>536</v>
      </c>
    </row>
    <row r="215" spans="1:17">
      <c r="A215" s="21" t="s">
        <v>240</v>
      </c>
      <c r="B215" s="21" t="s">
        <v>237</v>
      </c>
      <c r="C215" s="21" t="s">
        <v>265</v>
      </c>
      <c r="D215" s="21" t="s">
        <v>215</v>
      </c>
      <c r="E215" s="21" t="s">
        <v>685</v>
      </c>
      <c r="F215" s="21" t="s">
        <v>720</v>
      </c>
      <c r="G215" s="16">
        <v>436</v>
      </c>
      <c r="H215" s="22" t="s">
        <v>268</v>
      </c>
      <c r="I215" s="22" t="s">
        <v>268</v>
      </c>
      <c r="J215" s="22" t="s">
        <v>268</v>
      </c>
      <c r="K215" s="22" t="s">
        <v>268</v>
      </c>
      <c r="L215" s="22" t="s">
        <v>268</v>
      </c>
      <c r="M215" s="16">
        <v>406</v>
      </c>
      <c r="N215" s="16">
        <v>30</v>
      </c>
      <c r="O215" s="22" t="s">
        <v>268</v>
      </c>
      <c r="P215" s="22" t="s">
        <v>268</v>
      </c>
      <c r="Q215" s="22" t="s">
        <v>268</v>
      </c>
    </row>
    <row r="216" spans="1:17">
      <c r="A216" s="21" t="s">
        <v>240</v>
      </c>
      <c r="B216" s="21" t="s">
        <v>237</v>
      </c>
      <c r="C216" s="21" t="s">
        <v>265</v>
      </c>
      <c r="D216" s="21" t="s">
        <v>215</v>
      </c>
      <c r="E216" s="21" t="s">
        <v>685</v>
      </c>
      <c r="F216" s="21" t="s">
        <v>427</v>
      </c>
      <c r="G216" s="16">
        <v>1817</v>
      </c>
      <c r="H216" s="16">
        <v>1021</v>
      </c>
      <c r="I216" s="16">
        <v>948</v>
      </c>
      <c r="J216" s="16">
        <v>633</v>
      </c>
      <c r="K216" s="16">
        <v>73</v>
      </c>
      <c r="L216" s="16">
        <v>22</v>
      </c>
      <c r="M216" s="16">
        <v>774</v>
      </c>
      <c r="N216" s="22" t="s">
        <v>268</v>
      </c>
      <c r="O216" s="16">
        <v>30</v>
      </c>
      <c r="P216" s="16">
        <v>434</v>
      </c>
      <c r="Q216" s="16">
        <v>536</v>
      </c>
    </row>
    <row r="217" spans="1:17">
      <c r="A217" s="21" t="s">
        <v>240</v>
      </c>
      <c r="B217" s="21" t="s">
        <v>237</v>
      </c>
      <c r="C217" s="21" t="s">
        <v>265</v>
      </c>
      <c r="D217" s="21" t="s">
        <v>215</v>
      </c>
      <c r="E217" s="21" t="s">
        <v>685</v>
      </c>
      <c r="F217" s="21" t="s">
        <v>428</v>
      </c>
      <c r="G217" s="16">
        <v>411</v>
      </c>
      <c r="H217" s="16">
        <v>258</v>
      </c>
      <c r="I217" s="16">
        <v>240</v>
      </c>
      <c r="J217" s="16">
        <v>170</v>
      </c>
      <c r="K217" s="16">
        <v>18</v>
      </c>
      <c r="L217" s="16">
        <v>4</v>
      </c>
      <c r="M217" s="16">
        <v>149</v>
      </c>
      <c r="N217" s="22" t="s">
        <v>268</v>
      </c>
      <c r="O217" s="16">
        <v>10</v>
      </c>
      <c r="P217" s="16">
        <v>168</v>
      </c>
      <c r="Q217" s="16">
        <v>149</v>
      </c>
    </row>
    <row r="218" spans="1:17">
      <c r="A218" s="21" t="s">
        <v>240</v>
      </c>
      <c r="B218" s="21" t="s">
        <v>237</v>
      </c>
      <c r="C218" s="21" t="s">
        <v>265</v>
      </c>
      <c r="D218" s="21" t="s">
        <v>215</v>
      </c>
      <c r="E218" s="21" t="s">
        <v>685</v>
      </c>
      <c r="F218" s="21" t="s">
        <v>429</v>
      </c>
      <c r="G218" s="16">
        <v>74</v>
      </c>
      <c r="H218" s="16">
        <v>43</v>
      </c>
      <c r="I218" s="16">
        <v>39</v>
      </c>
      <c r="J218" s="16">
        <v>24</v>
      </c>
      <c r="K218" s="16">
        <v>4</v>
      </c>
      <c r="L218" s="16">
        <v>1</v>
      </c>
      <c r="M218" s="16">
        <v>30</v>
      </c>
      <c r="N218" s="22" t="s">
        <v>268</v>
      </c>
      <c r="O218" s="16">
        <v>1</v>
      </c>
      <c r="P218" s="16">
        <v>24</v>
      </c>
      <c r="Q218" s="16">
        <v>30</v>
      </c>
    </row>
    <row r="219" spans="1:17">
      <c r="A219" s="21" t="s">
        <v>240</v>
      </c>
      <c r="B219" s="21" t="s">
        <v>237</v>
      </c>
      <c r="C219" s="21" t="s">
        <v>265</v>
      </c>
      <c r="D219" s="21" t="s">
        <v>215</v>
      </c>
      <c r="E219" s="21" t="s">
        <v>686</v>
      </c>
      <c r="F219" s="21" t="s">
        <v>214</v>
      </c>
      <c r="G219" s="16">
        <v>892</v>
      </c>
      <c r="H219" s="16">
        <v>382</v>
      </c>
      <c r="I219" s="16">
        <v>368</v>
      </c>
      <c r="J219" s="16">
        <v>132</v>
      </c>
      <c r="K219" s="16">
        <v>14</v>
      </c>
      <c r="L219" s="16">
        <v>4</v>
      </c>
      <c r="M219" s="16">
        <v>506</v>
      </c>
      <c r="N219" s="22" t="s">
        <v>268</v>
      </c>
      <c r="O219" s="16">
        <v>9</v>
      </c>
      <c r="P219" s="16">
        <v>15</v>
      </c>
      <c r="Q219" s="16">
        <v>8</v>
      </c>
    </row>
    <row r="220" spans="1:17">
      <c r="A220" s="21" t="s">
        <v>240</v>
      </c>
      <c r="B220" s="21" t="s">
        <v>237</v>
      </c>
      <c r="C220" s="21" t="s">
        <v>265</v>
      </c>
      <c r="D220" s="21" t="s">
        <v>215</v>
      </c>
      <c r="E220" s="21" t="s">
        <v>686</v>
      </c>
      <c r="F220" s="21" t="s">
        <v>424</v>
      </c>
      <c r="G220" s="22" t="s">
        <v>268</v>
      </c>
      <c r="H220" s="22" t="s">
        <v>268</v>
      </c>
      <c r="I220" s="22" t="s">
        <v>268</v>
      </c>
      <c r="J220" s="22" t="s">
        <v>268</v>
      </c>
      <c r="K220" s="22" t="s">
        <v>268</v>
      </c>
      <c r="L220" s="22" t="s">
        <v>268</v>
      </c>
      <c r="M220" s="22" t="s">
        <v>268</v>
      </c>
      <c r="N220" s="22" t="s">
        <v>268</v>
      </c>
      <c r="O220" s="22" t="s">
        <v>268</v>
      </c>
      <c r="P220" s="22" t="s">
        <v>268</v>
      </c>
      <c r="Q220" s="22" t="s">
        <v>268</v>
      </c>
    </row>
    <row r="221" spans="1:17">
      <c r="A221" s="21" t="s">
        <v>240</v>
      </c>
      <c r="B221" s="21" t="s">
        <v>237</v>
      </c>
      <c r="C221" s="21" t="s">
        <v>265</v>
      </c>
      <c r="D221" s="21" t="s">
        <v>215</v>
      </c>
      <c r="E221" s="21" t="s">
        <v>686</v>
      </c>
      <c r="F221" s="21" t="s">
        <v>425</v>
      </c>
      <c r="G221" s="16">
        <v>826</v>
      </c>
      <c r="H221" s="16">
        <v>353</v>
      </c>
      <c r="I221" s="16">
        <v>343</v>
      </c>
      <c r="J221" s="16">
        <v>114</v>
      </c>
      <c r="K221" s="16">
        <v>10</v>
      </c>
      <c r="L221" s="16">
        <v>4</v>
      </c>
      <c r="M221" s="16">
        <v>469</v>
      </c>
      <c r="N221" s="22" t="s">
        <v>268</v>
      </c>
      <c r="O221" s="16">
        <v>7</v>
      </c>
      <c r="P221" s="22" t="s">
        <v>268</v>
      </c>
      <c r="Q221" s="22" t="s">
        <v>268</v>
      </c>
    </row>
    <row r="222" spans="1:17">
      <c r="A222" s="21" t="s">
        <v>240</v>
      </c>
      <c r="B222" s="21" t="s">
        <v>237</v>
      </c>
      <c r="C222" s="21" t="s">
        <v>265</v>
      </c>
      <c r="D222" s="21" t="s">
        <v>215</v>
      </c>
      <c r="E222" s="21" t="s">
        <v>686</v>
      </c>
      <c r="F222" s="21" t="s">
        <v>426</v>
      </c>
      <c r="G222" s="16">
        <v>37</v>
      </c>
      <c r="H222" s="16">
        <v>29</v>
      </c>
      <c r="I222" s="16">
        <v>25</v>
      </c>
      <c r="J222" s="16">
        <v>18</v>
      </c>
      <c r="K222" s="16">
        <v>4</v>
      </c>
      <c r="L222" s="22" t="s">
        <v>268</v>
      </c>
      <c r="M222" s="16">
        <v>8</v>
      </c>
      <c r="N222" s="22" t="s">
        <v>268</v>
      </c>
      <c r="O222" s="16">
        <v>2</v>
      </c>
      <c r="P222" s="16">
        <v>15</v>
      </c>
      <c r="Q222" s="16">
        <v>8</v>
      </c>
    </row>
    <row r="223" spans="1:17">
      <c r="A223" s="21" t="s">
        <v>240</v>
      </c>
      <c r="B223" s="21" t="s">
        <v>237</v>
      </c>
      <c r="C223" s="21" t="s">
        <v>265</v>
      </c>
      <c r="D223" s="21" t="s">
        <v>215</v>
      </c>
      <c r="E223" s="21" t="s">
        <v>686</v>
      </c>
      <c r="F223" s="21" t="s">
        <v>720</v>
      </c>
      <c r="G223" s="16">
        <v>29</v>
      </c>
      <c r="H223" s="22" t="s">
        <v>268</v>
      </c>
      <c r="I223" s="22" t="s">
        <v>268</v>
      </c>
      <c r="J223" s="22" t="s">
        <v>268</v>
      </c>
      <c r="K223" s="22" t="s">
        <v>268</v>
      </c>
      <c r="L223" s="22" t="s">
        <v>268</v>
      </c>
      <c r="M223" s="16">
        <v>29</v>
      </c>
      <c r="N223" s="22" t="s">
        <v>268</v>
      </c>
      <c r="O223" s="22" t="s">
        <v>268</v>
      </c>
      <c r="P223" s="22" t="s">
        <v>268</v>
      </c>
      <c r="Q223" s="22" t="s">
        <v>268</v>
      </c>
    </row>
    <row r="224" spans="1:17">
      <c r="A224" s="21" t="s">
        <v>240</v>
      </c>
      <c r="B224" s="21" t="s">
        <v>237</v>
      </c>
      <c r="C224" s="21" t="s">
        <v>265</v>
      </c>
      <c r="D224" s="21" t="s">
        <v>215</v>
      </c>
      <c r="E224" s="21" t="s">
        <v>686</v>
      </c>
      <c r="F224" s="21" t="s">
        <v>427</v>
      </c>
      <c r="G224" s="16">
        <v>84</v>
      </c>
      <c r="H224" s="16">
        <v>50</v>
      </c>
      <c r="I224" s="16">
        <v>42</v>
      </c>
      <c r="J224" s="16">
        <v>28</v>
      </c>
      <c r="K224" s="16">
        <v>8</v>
      </c>
      <c r="L224" s="22" t="s">
        <v>268</v>
      </c>
      <c r="M224" s="16">
        <v>34</v>
      </c>
      <c r="N224" s="22" t="s">
        <v>268</v>
      </c>
      <c r="O224" s="16">
        <v>5</v>
      </c>
      <c r="P224" s="16">
        <v>15</v>
      </c>
      <c r="Q224" s="16">
        <v>8</v>
      </c>
    </row>
    <row r="225" spans="1:17">
      <c r="A225" s="21" t="s">
        <v>240</v>
      </c>
      <c r="B225" s="21" t="s">
        <v>237</v>
      </c>
      <c r="C225" s="21" t="s">
        <v>265</v>
      </c>
      <c r="D225" s="21" t="s">
        <v>215</v>
      </c>
      <c r="E225" s="21" t="s">
        <v>686</v>
      </c>
      <c r="F225" s="21" t="s">
        <v>428</v>
      </c>
      <c r="G225" s="16">
        <v>11</v>
      </c>
      <c r="H225" s="16">
        <v>10</v>
      </c>
      <c r="I225" s="16">
        <v>8</v>
      </c>
      <c r="J225" s="16">
        <v>6</v>
      </c>
      <c r="K225" s="16">
        <v>2</v>
      </c>
      <c r="L225" s="22" t="s">
        <v>268</v>
      </c>
      <c r="M225" s="16">
        <v>1</v>
      </c>
      <c r="N225" s="22" t="s">
        <v>268</v>
      </c>
      <c r="O225" s="16">
        <v>1</v>
      </c>
      <c r="P225" s="16">
        <v>5</v>
      </c>
      <c r="Q225" s="16">
        <v>1</v>
      </c>
    </row>
    <row r="226" spans="1:17">
      <c r="A226" s="21" t="s">
        <v>240</v>
      </c>
      <c r="B226" s="21" t="s">
        <v>237</v>
      </c>
      <c r="C226" s="21" t="s">
        <v>265</v>
      </c>
      <c r="D226" s="21" t="s">
        <v>215</v>
      </c>
      <c r="E226" s="21" t="s">
        <v>686</v>
      </c>
      <c r="F226" s="21" t="s">
        <v>429</v>
      </c>
      <c r="G226" s="22" t="s">
        <v>268</v>
      </c>
      <c r="H226" s="22" t="s">
        <v>268</v>
      </c>
      <c r="I226" s="22" t="s">
        <v>268</v>
      </c>
      <c r="J226" s="22" t="s">
        <v>268</v>
      </c>
      <c r="K226" s="22" t="s">
        <v>268</v>
      </c>
      <c r="L226" s="22" t="s">
        <v>268</v>
      </c>
      <c r="M226" s="22" t="s">
        <v>268</v>
      </c>
      <c r="N226" s="22" t="s">
        <v>268</v>
      </c>
      <c r="O226" s="22" t="s">
        <v>268</v>
      </c>
      <c r="P226" s="22" t="s">
        <v>268</v>
      </c>
      <c r="Q226" s="22" t="s">
        <v>268</v>
      </c>
    </row>
    <row r="227" spans="1:17">
      <c r="A227" s="21" t="s">
        <v>240</v>
      </c>
      <c r="B227" s="21" t="s">
        <v>237</v>
      </c>
      <c r="C227" s="21" t="s">
        <v>265</v>
      </c>
      <c r="D227" s="21" t="s">
        <v>215</v>
      </c>
      <c r="E227" s="21" t="s">
        <v>687</v>
      </c>
      <c r="F227" s="21" t="s">
        <v>214</v>
      </c>
      <c r="G227" s="16">
        <v>247</v>
      </c>
      <c r="H227" s="16">
        <v>119</v>
      </c>
      <c r="I227" s="16">
        <v>109</v>
      </c>
      <c r="J227" s="16">
        <v>38</v>
      </c>
      <c r="K227" s="16">
        <v>10</v>
      </c>
      <c r="L227" s="16">
        <v>1</v>
      </c>
      <c r="M227" s="16">
        <v>127</v>
      </c>
      <c r="N227" s="22" t="s">
        <v>268</v>
      </c>
      <c r="O227" s="16">
        <v>4</v>
      </c>
      <c r="P227" s="16">
        <v>18</v>
      </c>
      <c r="Q227" s="16">
        <v>20</v>
      </c>
    </row>
    <row r="228" spans="1:17">
      <c r="A228" s="21" t="s">
        <v>240</v>
      </c>
      <c r="B228" s="21" t="s">
        <v>237</v>
      </c>
      <c r="C228" s="21" t="s">
        <v>265</v>
      </c>
      <c r="D228" s="21" t="s">
        <v>215</v>
      </c>
      <c r="E228" s="21" t="s">
        <v>687</v>
      </c>
      <c r="F228" s="21" t="s">
        <v>424</v>
      </c>
      <c r="G228" s="22" t="s">
        <v>268</v>
      </c>
      <c r="H228" s="22" t="s">
        <v>268</v>
      </c>
      <c r="I228" s="22" t="s">
        <v>268</v>
      </c>
      <c r="J228" s="22" t="s">
        <v>268</v>
      </c>
      <c r="K228" s="22" t="s">
        <v>268</v>
      </c>
      <c r="L228" s="22" t="s">
        <v>268</v>
      </c>
      <c r="M228" s="22" t="s">
        <v>268</v>
      </c>
      <c r="N228" s="22" t="s">
        <v>268</v>
      </c>
      <c r="O228" s="22" t="s">
        <v>268</v>
      </c>
      <c r="P228" s="22" t="s">
        <v>268</v>
      </c>
      <c r="Q228" s="22" t="s">
        <v>268</v>
      </c>
    </row>
    <row r="229" spans="1:17">
      <c r="A229" s="21" t="s">
        <v>240</v>
      </c>
      <c r="B229" s="21" t="s">
        <v>237</v>
      </c>
      <c r="C229" s="21" t="s">
        <v>265</v>
      </c>
      <c r="D229" s="21" t="s">
        <v>215</v>
      </c>
      <c r="E229" s="21" t="s">
        <v>687</v>
      </c>
      <c r="F229" s="21" t="s">
        <v>425</v>
      </c>
      <c r="G229" s="16">
        <v>198</v>
      </c>
      <c r="H229" s="16">
        <v>90</v>
      </c>
      <c r="I229" s="16">
        <v>82</v>
      </c>
      <c r="J229" s="16">
        <v>19</v>
      </c>
      <c r="K229" s="16">
        <v>8</v>
      </c>
      <c r="L229" s="16">
        <v>1</v>
      </c>
      <c r="M229" s="16">
        <v>107</v>
      </c>
      <c r="N229" s="22" t="s">
        <v>268</v>
      </c>
      <c r="O229" s="16">
        <v>4</v>
      </c>
      <c r="P229" s="22" t="s">
        <v>268</v>
      </c>
      <c r="Q229" s="22" t="s">
        <v>268</v>
      </c>
    </row>
    <row r="230" spans="1:17">
      <c r="A230" s="21" t="s">
        <v>240</v>
      </c>
      <c r="B230" s="21" t="s">
        <v>237</v>
      </c>
      <c r="C230" s="21" t="s">
        <v>265</v>
      </c>
      <c r="D230" s="21" t="s">
        <v>215</v>
      </c>
      <c r="E230" s="21" t="s">
        <v>687</v>
      </c>
      <c r="F230" s="21" t="s">
        <v>426</v>
      </c>
      <c r="G230" s="16">
        <v>49</v>
      </c>
      <c r="H230" s="16">
        <v>29</v>
      </c>
      <c r="I230" s="16">
        <v>27</v>
      </c>
      <c r="J230" s="16">
        <v>19</v>
      </c>
      <c r="K230" s="16">
        <v>2</v>
      </c>
      <c r="L230" s="22" t="s">
        <v>268</v>
      </c>
      <c r="M230" s="16">
        <v>20</v>
      </c>
      <c r="N230" s="22" t="s">
        <v>268</v>
      </c>
      <c r="O230" s="22" t="s">
        <v>268</v>
      </c>
      <c r="P230" s="16">
        <v>18</v>
      </c>
      <c r="Q230" s="16">
        <v>20</v>
      </c>
    </row>
    <row r="231" spans="1:17">
      <c r="A231" s="21" t="s">
        <v>240</v>
      </c>
      <c r="B231" s="21" t="s">
        <v>237</v>
      </c>
      <c r="C231" s="21" t="s">
        <v>265</v>
      </c>
      <c r="D231" s="21" t="s">
        <v>215</v>
      </c>
      <c r="E231" s="21" t="s">
        <v>687</v>
      </c>
      <c r="F231" s="21" t="s">
        <v>720</v>
      </c>
      <c r="G231" s="22" t="s">
        <v>268</v>
      </c>
      <c r="H231" s="22" t="s">
        <v>268</v>
      </c>
      <c r="I231" s="22" t="s">
        <v>268</v>
      </c>
      <c r="J231" s="22" t="s">
        <v>268</v>
      </c>
      <c r="K231" s="22" t="s">
        <v>268</v>
      </c>
      <c r="L231" s="22" t="s">
        <v>268</v>
      </c>
      <c r="M231" s="22" t="s">
        <v>268</v>
      </c>
      <c r="N231" s="22" t="s">
        <v>268</v>
      </c>
      <c r="O231" s="22" t="s">
        <v>268</v>
      </c>
      <c r="P231" s="22" t="s">
        <v>268</v>
      </c>
      <c r="Q231" s="22" t="s">
        <v>268</v>
      </c>
    </row>
    <row r="232" spans="1:17">
      <c r="A232" s="21" t="s">
        <v>240</v>
      </c>
      <c r="B232" s="21" t="s">
        <v>237</v>
      </c>
      <c r="C232" s="21" t="s">
        <v>265</v>
      </c>
      <c r="D232" s="21" t="s">
        <v>215</v>
      </c>
      <c r="E232" s="21" t="s">
        <v>687</v>
      </c>
      <c r="F232" s="21" t="s">
        <v>427</v>
      </c>
      <c r="G232" s="16">
        <v>67</v>
      </c>
      <c r="H232" s="16">
        <v>39</v>
      </c>
      <c r="I232" s="16">
        <v>36</v>
      </c>
      <c r="J232" s="16">
        <v>21</v>
      </c>
      <c r="K232" s="16">
        <v>3</v>
      </c>
      <c r="L232" s="22" t="s">
        <v>268</v>
      </c>
      <c r="M232" s="16">
        <v>28</v>
      </c>
      <c r="N232" s="22" t="s">
        <v>268</v>
      </c>
      <c r="O232" s="16">
        <v>1</v>
      </c>
      <c r="P232" s="16">
        <v>18</v>
      </c>
      <c r="Q232" s="16">
        <v>20</v>
      </c>
    </row>
    <row r="233" spans="1:17">
      <c r="A233" s="21" t="s">
        <v>240</v>
      </c>
      <c r="B233" s="21" t="s">
        <v>237</v>
      </c>
      <c r="C233" s="21" t="s">
        <v>265</v>
      </c>
      <c r="D233" s="21" t="s">
        <v>215</v>
      </c>
      <c r="E233" s="21" t="s">
        <v>687</v>
      </c>
      <c r="F233" s="21" t="s">
        <v>428</v>
      </c>
      <c r="G233" s="16">
        <v>19</v>
      </c>
      <c r="H233" s="16">
        <v>11</v>
      </c>
      <c r="I233" s="16">
        <v>11</v>
      </c>
      <c r="J233" s="16">
        <v>10</v>
      </c>
      <c r="K233" s="22" t="s">
        <v>268</v>
      </c>
      <c r="L233" s="22" t="s">
        <v>268</v>
      </c>
      <c r="M233" s="16">
        <v>8</v>
      </c>
      <c r="N233" s="22" t="s">
        <v>268</v>
      </c>
      <c r="O233" s="22" t="s">
        <v>268</v>
      </c>
      <c r="P233" s="16">
        <v>10</v>
      </c>
      <c r="Q233" s="16">
        <v>8</v>
      </c>
    </row>
    <row r="234" spans="1:17">
      <c r="A234" s="21" t="s">
        <v>240</v>
      </c>
      <c r="B234" s="21" t="s">
        <v>237</v>
      </c>
      <c r="C234" s="21" t="s">
        <v>265</v>
      </c>
      <c r="D234" s="21" t="s">
        <v>215</v>
      </c>
      <c r="E234" s="21" t="s">
        <v>687</v>
      </c>
      <c r="F234" s="21" t="s">
        <v>429</v>
      </c>
      <c r="G234" s="16">
        <v>7</v>
      </c>
      <c r="H234" s="16">
        <v>5</v>
      </c>
      <c r="I234" s="16">
        <v>5</v>
      </c>
      <c r="J234" s="16">
        <v>5</v>
      </c>
      <c r="K234" s="22" t="s">
        <v>268</v>
      </c>
      <c r="L234" s="22" t="s">
        <v>268</v>
      </c>
      <c r="M234" s="16">
        <v>2</v>
      </c>
      <c r="N234" s="22" t="s">
        <v>268</v>
      </c>
      <c r="O234" s="22" t="s">
        <v>268</v>
      </c>
      <c r="P234" s="16">
        <v>5</v>
      </c>
      <c r="Q234" s="16">
        <v>2</v>
      </c>
    </row>
    <row r="235" spans="1:17">
      <c r="A235" s="21" t="s">
        <v>240</v>
      </c>
      <c r="B235" s="21" t="s">
        <v>237</v>
      </c>
      <c r="C235" s="21" t="s">
        <v>265</v>
      </c>
      <c r="D235" s="21" t="s">
        <v>215</v>
      </c>
      <c r="E235" s="21" t="s">
        <v>688</v>
      </c>
      <c r="F235" s="21" t="s">
        <v>214</v>
      </c>
      <c r="G235" s="16">
        <v>549</v>
      </c>
      <c r="H235" s="16">
        <v>159</v>
      </c>
      <c r="I235" s="16">
        <v>146</v>
      </c>
      <c r="J235" s="16">
        <v>75</v>
      </c>
      <c r="K235" s="16">
        <v>13</v>
      </c>
      <c r="L235" s="16">
        <v>4</v>
      </c>
      <c r="M235" s="16">
        <v>386</v>
      </c>
      <c r="N235" s="22" t="s">
        <v>268</v>
      </c>
      <c r="O235" s="16">
        <v>8</v>
      </c>
      <c r="P235" s="16">
        <v>59</v>
      </c>
      <c r="Q235" s="16">
        <v>17</v>
      </c>
    </row>
    <row r="236" spans="1:17">
      <c r="A236" s="21" t="s">
        <v>240</v>
      </c>
      <c r="B236" s="21" t="s">
        <v>237</v>
      </c>
      <c r="C236" s="21" t="s">
        <v>265</v>
      </c>
      <c r="D236" s="21" t="s">
        <v>215</v>
      </c>
      <c r="E236" s="21" t="s">
        <v>688</v>
      </c>
      <c r="F236" s="21" t="s">
        <v>424</v>
      </c>
      <c r="G236" s="22" t="s">
        <v>268</v>
      </c>
      <c r="H236" s="22" t="s">
        <v>268</v>
      </c>
      <c r="I236" s="22" t="s">
        <v>268</v>
      </c>
      <c r="J236" s="22" t="s">
        <v>268</v>
      </c>
      <c r="K236" s="22" t="s">
        <v>268</v>
      </c>
      <c r="L236" s="22" t="s">
        <v>268</v>
      </c>
      <c r="M236" s="22" t="s">
        <v>268</v>
      </c>
      <c r="N236" s="22" t="s">
        <v>268</v>
      </c>
      <c r="O236" s="22" t="s">
        <v>268</v>
      </c>
      <c r="P236" s="22" t="s">
        <v>268</v>
      </c>
      <c r="Q236" s="22" t="s">
        <v>268</v>
      </c>
    </row>
    <row r="237" spans="1:17">
      <c r="A237" s="21" t="s">
        <v>240</v>
      </c>
      <c r="B237" s="21" t="s">
        <v>237</v>
      </c>
      <c r="C237" s="21" t="s">
        <v>265</v>
      </c>
      <c r="D237" s="21" t="s">
        <v>215</v>
      </c>
      <c r="E237" s="21" t="s">
        <v>688</v>
      </c>
      <c r="F237" s="21" t="s">
        <v>425</v>
      </c>
      <c r="G237" s="16">
        <v>443</v>
      </c>
      <c r="H237" s="16">
        <v>93</v>
      </c>
      <c r="I237" s="16">
        <v>82</v>
      </c>
      <c r="J237" s="16">
        <v>15</v>
      </c>
      <c r="K237" s="16">
        <v>11</v>
      </c>
      <c r="L237" s="16">
        <v>2</v>
      </c>
      <c r="M237" s="16">
        <v>348</v>
      </c>
      <c r="N237" s="22" t="s">
        <v>268</v>
      </c>
      <c r="O237" s="16">
        <v>7</v>
      </c>
      <c r="P237" s="22" t="s">
        <v>268</v>
      </c>
      <c r="Q237" s="22" t="s">
        <v>268</v>
      </c>
    </row>
    <row r="238" spans="1:17">
      <c r="A238" s="21" t="s">
        <v>240</v>
      </c>
      <c r="B238" s="21" t="s">
        <v>237</v>
      </c>
      <c r="C238" s="21" t="s">
        <v>265</v>
      </c>
      <c r="D238" s="21" t="s">
        <v>215</v>
      </c>
      <c r="E238" s="21" t="s">
        <v>688</v>
      </c>
      <c r="F238" s="21" t="s">
        <v>426</v>
      </c>
      <c r="G238" s="16">
        <v>85</v>
      </c>
      <c r="H238" s="16">
        <v>66</v>
      </c>
      <c r="I238" s="16">
        <v>64</v>
      </c>
      <c r="J238" s="16">
        <v>60</v>
      </c>
      <c r="K238" s="16">
        <v>2</v>
      </c>
      <c r="L238" s="16">
        <v>2</v>
      </c>
      <c r="M238" s="16">
        <v>17</v>
      </c>
      <c r="N238" s="22" t="s">
        <v>268</v>
      </c>
      <c r="O238" s="16">
        <v>1</v>
      </c>
      <c r="P238" s="16">
        <v>59</v>
      </c>
      <c r="Q238" s="16">
        <v>17</v>
      </c>
    </row>
    <row r="239" spans="1:17">
      <c r="A239" s="21" t="s">
        <v>240</v>
      </c>
      <c r="B239" s="21" t="s">
        <v>237</v>
      </c>
      <c r="C239" s="21" t="s">
        <v>265</v>
      </c>
      <c r="D239" s="21" t="s">
        <v>215</v>
      </c>
      <c r="E239" s="21" t="s">
        <v>688</v>
      </c>
      <c r="F239" s="21" t="s">
        <v>720</v>
      </c>
      <c r="G239" s="16">
        <v>21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22" t="s">
        <v>268</v>
      </c>
      <c r="M239" s="16">
        <v>21</v>
      </c>
      <c r="N239" s="22" t="s">
        <v>268</v>
      </c>
      <c r="O239" s="22" t="s">
        <v>268</v>
      </c>
      <c r="P239" s="22" t="s">
        <v>268</v>
      </c>
      <c r="Q239" s="22" t="s">
        <v>268</v>
      </c>
    </row>
    <row r="240" spans="1:17">
      <c r="A240" s="21" t="s">
        <v>240</v>
      </c>
      <c r="B240" s="21" t="s">
        <v>237</v>
      </c>
      <c r="C240" s="21" t="s">
        <v>265</v>
      </c>
      <c r="D240" s="21" t="s">
        <v>215</v>
      </c>
      <c r="E240" s="21" t="s">
        <v>688</v>
      </c>
      <c r="F240" s="21" t="s">
        <v>427</v>
      </c>
      <c r="G240" s="16">
        <v>101</v>
      </c>
      <c r="H240" s="16">
        <v>76</v>
      </c>
      <c r="I240" s="16">
        <v>72</v>
      </c>
      <c r="J240" s="16">
        <v>62</v>
      </c>
      <c r="K240" s="16">
        <v>4</v>
      </c>
      <c r="L240" s="16">
        <v>2</v>
      </c>
      <c r="M240" s="16">
        <v>23</v>
      </c>
      <c r="N240" s="22" t="s">
        <v>268</v>
      </c>
      <c r="O240" s="16">
        <v>1</v>
      </c>
      <c r="P240" s="16">
        <v>59</v>
      </c>
      <c r="Q240" s="16">
        <v>17</v>
      </c>
    </row>
    <row r="241" spans="1:17">
      <c r="A241" s="21" t="s">
        <v>240</v>
      </c>
      <c r="B241" s="21" t="s">
        <v>237</v>
      </c>
      <c r="C241" s="21" t="s">
        <v>265</v>
      </c>
      <c r="D241" s="21" t="s">
        <v>215</v>
      </c>
      <c r="E241" s="21" t="s">
        <v>688</v>
      </c>
      <c r="F241" s="21" t="s">
        <v>428</v>
      </c>
      <c r="G241" s="16">
        <v>58</v>
      </c>
      <c r="H241" s="16">
        <v>51</v>
      </c>
      <c r="I241" s="16">
        <v>50</v>
      </c>
      <c r="J241" s="16">
        <v>50</v>
      </c>
      <c r="K241" s="16">
        <v>1</v>
      </c>
      <c r="L241" s="16">
        <v>2</v>
      </c>
      <c r="M241" s="16">
        <v>5</v>
      </c>
      <c r="N241" s="22" t="s">
        <v>268</v>
      </c>
      <c r="O241" s="16">
        <v>1</v>
      </c>
      <c r="P241" s="16">
        <v>50</v>
      </c>
      <c r="Q241" s="16">
        <v>5</v>
      </c>
    </row>
    <row r="242" spans="1:17">
      <c r="A242" s="21" t="s">
        <v>240</v>
      </c>
      <c r="B242" s="21" t="s">
        <v>237</v>
      </c>
      <c r="C242" s="21" t="s">
        <v>265</v>
      </c>
      <c r="D242" s="21" t="s">
        <v>215</v>
      </c>
      <c r="E242" s="21" t="s">
        <v>688</v>
      </c>
      <c r="F242" s="21" t="s">
        <v>429</v>
      </c>
      <c r="G242" s="16">
        <v>43</v>
      </c>
      <c r="H242" s="16">
        <v>41</v>
      </c>
      <c r="I242" s="16">
        <v>40</v>
      </c>
      <c r="J242" s="16">
        <v>40</v>
      </c>
      <c r="K242" s="16">
        <v>1</v>
      </c>
      <c r="L242" s="16">
        <v>1</v>
      </c>
      <c r="M242" s="16">
        <v>1</v>
      </c>
      <c r="N242" s="22" t="s">
        <v>268</v>
      </c>
      <c r="O242" s="16">
        <v>1</v>
      </c>
      <c r="P242" s="16">
        <v>40</v>
      </c>
      <c r="Q242" s="16">
        <v>1</v>
      </c>
    </row>
    <row r="243" spans="1:17">
      <c r="A243" s="21" t="s">
        <v>240</v>
      </c>
      <c r="B243" s="21" t="s">
        <v>237</v>
      </c>
      <c r="C243" s="21" t="s">
        <v>265</v>
      </c>
      <c r="D243" s="21" t="s">
        <v>215</v>
      </c>
      <c r="E243" s="21" t="s">
        <v>689</v>
      </c>
      <c r="F243" s="21" t="s">
        <v>214</v>
      </c>
      <c r="G243" s="22" t="s">
        <v>268</v>
      </c>
      <c r="H243" s="22" t="s">
        <v>268</v>
      </c>
      <c r="I243" s="22" t="s">
        <v>268</v>
      </c>
      <c r="J243" s="22" t="s">
        <v>268</v>
      </c>
      <c r="K243" s="22" t="s">
        <v>268</v>
      </c>
      <c r="L243" s="22" t="s">
        <v>268</v>
      </c>
      <c r="M243" s="22" t="s">
        <v>268</v>
      </c>
      <c r="N243" s="22" t="s">
        <v>268</v>
      </c>
      <c r="O243" s="22" t="s">
        <v>268</v>
      </c>
      <c r="P243" s="22" t="s">
        <v>268</v>
      </c>
      <c r="Q243" s="22" t="s">
        <v>268</v>
      </c>
    </row>
    <row r="244" spans="1:17">
      <c r="A244" s="21" t="s">
        <v>240</v>
      </c>
      <c r="B244" s="21" t="s">
        <v>237</v>
      </c>
      <c r="C244" s="21" t="s">
        <v>265</v>
      </c>
      <c r="D244" s="21" t="s">
        <v>215</v>
      </c>
      <c r="E244" s="21" t="s">
        <v>689</v>
      </c>
      <c r="F244" s="21" t="s">
        <v>424</v>
      </c>
      <c r="G244" s="22" t="s">
        <v>268</v>
      </c>
      <c r="H244" s="22" t="s">
        <v>268</v>
      </c>
      <c r="I244" s="22" t="s">
        <v>268</v>
      </c>
      <c r="J244" s="22" t="s">
        <v>268</v>
      </c>
      <c r="K244" s="22" t="s">
        <v>268</v>
      </c>
      <c r="L244" s="22" t="s">
        <v>268</v>
      </c>
      <c r="M244" s="22" t="s">
        <v>268</v>
      </c>
      <c r="N244" s="22" t="s">
        <v>268</v>
      </c>
      <c r="O244" s="22" t="s">
        <v>268</v>
      </c>
      <c r="P244" s="22" t="s">
        <v>268</v>
      </c>
      <c r="Q244" s="22" t="s">
        <v>268</v>
      </c>
    </row>
    <row r="245" spans="1:17">
      <c r="A245" s="21" t="s">
        <v>240</v>
      </c>
      <c r="B245" s="21" t="s">
        <v>237</v>
      </c>
      <c r="C245" s="21" t="s">
        <v>265</v>
      </c>
      <c r="D245" s="21" t="s">
        <v>215</v>
      </c>
      <c r="E245" s="21" t="s">
        <v>689</v>
      </c>
      <c r="F245" s="21" t="s">
        <v>425</v>
      </c>
      <c r="G245" s="22" t="s">
        <v>268</v>
      </c>
      <c r="H245" s="22" t="s">
        <v>268</v>
      </c>
      <c r="I245" s="22" t="s">
        <v>268</v>
      </c>
      <c r="J245" s="22" t="s">
        <v>268</v>
      </c>
      <c r="K245" s="22" t="s">
        <v>268</v>
      </c>
      <c r="L245" s="22" t="s">
        <v>268</v>
      </c>
      <c r="M245" s="22" t="s">
        <v>268</v>
      </c>
      <c r="N245" s="22" t="s">
        <v>268</v>
      </c>
      <c r="O245" s="22" t="s">
        <v>268</v>
      </c>
      <c r="P245" s="22" t="s">
        <v>268</v>
      </c>
      <c r="Q245" s="22" t="s">
        <v>268</v>
      </c>
    </row>
    <row r="246" spans="1:17">
      <c r="A246" s="21" t="s">
        <v>240</v>
      </c>
      <c r="B246" s="21" t="s">
        <v>237</v>
      </c>
      <c r="C246" s="21" t="s">
        <v>265</v>
      </c>
      <c r="D246" s="21" t="s">
        <v>215</v>
      </c>
      <c r="E246" s="21" t="s">
        <v>689</v>
      </c>
      <c r="F246" s="21" t="s">
        <v>426</v>
      </c>
      <c r="G246" s="22" t="s">
        <v>268</v>
      </c>
      <c r="H246" s="22" t="s">
        <v>268</v>
      </c>
      <c r="I246" s="22" t="s">
        <v>268</v>
      </c>
      <c r="J246" s="22" t="s">
        <v>268</v>
      </c>
      <c r="K246" s="22" t="s">
        <v>268</v>
      </c>
      <c r="L246" s="22" t="s">
        <v>268</v>
      </c>
      <c r="M246" s="22" t="s">
        <v>268</v>
      </c>
      <c r="N246" s="22" t="s">
        <v>268</v>
      </c>
      <c r="O246" s="22" t="s">
        <v>268</v>
      </c>
      <c r="P246" s="22" t="s">
        <v>268</v>
      </c>
      <c r="Q246" s="22" t="s">
        <v>268</v>
      </c>
    </row>
    <row r="247" spans="1:17">
      <c r="A247" s="21" t="s">
        <v>240</v>
      </c>
      <c r="B247" s="21" t="s">
        <v>237</v>
      </c>
      <c r="C247" s="21" t="s">
        <v>265</v>
      </c>
      <c r="D247" s="21" t="s">
        <v>215</v>
      </c>
      <c r="E247" s="21" t="s">
        <v>689</v>
      </c>
      <c r="F247" s="21" t="s">
        <v>720</v>
      </c>
      <c r="G247" s="22" t="s">
        <v>268</v>
      </c>
      <c r="H247" s="22" t="s">
        <v>268</v>
      </c>
      <c r="I247" s="22" t="s">
        <v>268</v>
      </c>
      <c r="J247" s="22" t="s">
        <v>268</v>
      </c>
      <c r="K247" s="22" t="s">
        <v>268</v>
      </c>
      <c r="L247" s="22" t="s">
        <v>268</v>
      </c>
      <c r="M247" s="22" t="s">
        <v>268</v>
      </c>
      <c r="N247" s="22" t="s">
        <v>268</v>
      </c>
      <c r="O247" s="22" t="s">
        <v>268</v>
      </c>
      <c r="P247" s="22" t="s">
        <v>268</v>
      </c>
      <c r="Q247" s="22" t="s">
        <v>268</v>
      </c>
    </row>
    <row r="248" spans="1:17">
      <c r="A248" s="21" t="s">
        <v>240</v>
      </c>
      <c r="B248" s="21" t="s">
        <v>237</v>
      </c>
      <c r="C248" s="21" t="s">
        <v>265</v>
      </c>
      <c r="D248" s="21" t="s">
        <v>215</v>
      </c>
      <c r="E248" s="21" t="s">
        <v>689</v>
      </c>
      <c r="F248" s="21" t="s">
        <v>427</v>
      </c>
      <c r="G248" s="22" t="s">
        <v>268</v>
      </c>
      <c r="H248" s="22" t="s">
        <v>268</v>
      </c>
      <c r="I248" s="22" t="s">
        <v>268</v>
      </c>
      <c r="J248" s="22" t="s">
        <v>268</v>
      </c>
      <c r="K248" s="22" t="s">
        <v>268</v>
      </c>
      <c r="L248" s="22" t="s">
        <v>268</v>
      </c>
      <c r="M248" s="22" t="s">
        <v>268</v>
      </c>
      <c r="N248" s="22" t="s">
        <v>268</v>
      </c>
      <c r="O248" s="22" t="s">
        <v>268</v>
      </c>
      <c r="P248" s="22" t="s">
        <v>268</v>
      </c>
      <c r="Q248" s="22" t="s">
        <v>268</v>
      </c>
    </row>
    <row r="249" spans="1:17">
      <c r="A249" s="21" t="s">
        <v>240</v>
      </c>
      <c r="B249" s="21" t="s">
        <v>237</v>
      </c>
      <c r="C249" s="21" t="s">
        <v>265</v>
      </c>
      <c r="D249" s="21" t="s">
        <v>215</v>
      </c>
      <c r="E249" s="21" t="s">
        <v>689</v>
      </c>
      <c r="F249" s="21" t="s">
        <v>428</v>
      </c>
      <c r="G249" s="22" t="s">
        <v>268</v>
      </c>
      <c r="H249" s="22" t="s">
        <v>268</v>
      </c>
      <c r="I249" s="22" t="s">
        <v>268</v>
      </c>
      <c r="J249" s="22" t="s">
        <v>268</v>
      </c>
      <c r="K249" s="22" t="s">
        <v>268</v>
      </c>
      <c r="L249" s="22" t="s">
        <v>268</v>
      </c>
      <c r="M249" s="22" t="s">
        <v>268</v>
      </c>
      <c r="N249" s="22" t="s">
        <v>268</v>
      </c>
      <c r="O249" s="22" t="s">
        <v>268</v>
      </c>
      <c r="P249" s="22" t="s">
        <v>268</v>
      </c>
      <c r="Q249" s="22" t="s">
        <v>268</v>
      </c>
    </row>
    <row r="250" spans="1:17">
      <c r="A250" s="21" t="s">
        <v>240</v>
      </c>
      <c r="B250" s="21" t="s">
        <v>237</v>
      </c>
      <c r="C250" s="21" t="s">
        <v>265</v>
      </c>
      <c r="D250" s="21" t="s">
        <v>215</v>
      </c>
      <c r="E250" s="21" t="s">
        <v>689</v>
      </c>
      <c r="F250" s="21" t="s">
        <v>429</v>
      </c>
      <c r="G250" s="22" t="s">
        <v>268</v>
      </c>
      <c r="H250" s="22" t="s">
        <v>268</v>
      </c>
      <c r="I250" s="22" t="s">
        <v>268</v>
      </c>
      <c r="J250" s="22" t="s">
        <v>268</v>
      </c>
      <c r="K250" s="22" t="s">
        <v>268</v>
      </c>
      <c r="L250" s="22" t="s">
        <v>268</v>
      </c>
      <c r="M250" s="22" t="s">
        <v>268</v>
      </c>
      <c r="N250" s="22" t="s">
        <v>268</v>
      </c>
      <c r="O250" s="22" t="s">
        <v>268</v>
      </c>
      <c r="P250" s="22" t="s">
        <v>268</v>
      </c>
      <c r="Q25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7" orientation="portrait" r:id="rId1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1DA71C-6884-4FC3-801E-6576EF23A4BA}">
  <sheetPr>
    <pageSetUpPr fitToPage="1"/>
  </sheetPr>
  <dimension ref="A1:Q250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4" width="12.625" style="20"/>
    <col min="5" max="5" width="33.625" style="20" bestFit="1" customWidth="1"/>
    <col min="6" max="6" width="19" style="20" bestFit="1" customWidth="1"/>
    <col min="7" max="16384" width="12.625" style="20"/>
  </cols>
  <sheetData>
    <row r="1" spans="1:17" s="11" customFormat="1">
      <c r="A1" s="11" t="s">
        <v>192</v>
      </c>
    </row>
    <row r="2" spans="1:17" s="11" customFormat="1">
      <c r="A2" s="11" t="s">
        <v>722</v>
      </c>
    </row>
    <row r="3" spans="1:17" s="11" customFormat="1"/>
    <row r="4" spans="1:17" s="11" customFormat="1" hidden="1"/>
    <row r="5" spans="1:17" s="11" customFormat="1"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  <c r="P5" s="12" t="s">
        <v>494</v>
      </c>
      <c r="Q5" s="12" t="s">
        <v>494</v>
      </c>
    </row>
    <row r="6" spans="1:17" s="11" customFormat="1" ht="24"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</row>
    <row r="7" spans="1:17" s="11" customFormat="1">
      <c r="G7" s="12">
        <v>1</v>
      </c>
      <c r="H7" s="12">
        <v>1</v>
      </c>
      <c r="I7" s="12">
        <v>2</v>
      </c>
      <c r="J7" s="12">
        <v>3</v>
      </c>
      <c r="K7" s="12">
        <v>2</v>
      </c>
      <c r="L7" s="12">
        <v>1</v>
      </c>
      <c r="M7" s="12">
        <v>1</v>
      </c>
      <c r="N7" s="12">
        <v>1</v>
      </c>
      <c r="O7" s="12">
        <v>1</v>
      </c>
      <c r="P7" s="12">
        <v>1</v>
      </c>
      <c r="Q7" s="12">
        <v>1</v>
      </c>
    </row>
    <row r="8" spans="1:17" s="11" customFormat="1" ht="48">
      <c r="G8" s="12" t="s">
        <v>214</v>
      </c>
      <c r="H8" s="12" t="s">
        <v>564</v>
      </c>
      <c r="I8" s="12" t="s">
        <v>565</v>
      </c>
      <c r="J8" s="12" t="s">
        <v>719</v>
      </c>
      <c r="K8" s="12" t="s">
        <v>570</v>
      </c>
      <c r="L8" s="12" t="s">
        <v>594</v>
      </c>
      <c r="M8" s="12" t="s">
        <v>595</v>
      </c>
      <c r="N8" s="12" t="s">
        <v>596</v>
      </c>
      <c r="O8" s="12" t="s">
        <v>597</v>
      </c>
      <c r="P8" s="12" t="s">
        <v>616</v>
      </c>
      <c r="Q8" s="12" t="s">
        <v>617</v>
      </c>
    </row>
    <row r="9" spans="1:17" s="11" customFormat="1"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  <c r="P9" s="13" t="s">
        <v>223</v>
      </c>
      <c r="Q9" s="13" t="s">
        <v>223</v>
      </c>
    </row>
    <row r="10" spans="1:17" s="11" customFormat="1">
      <c r="A10" s="14" t="s">
        <v>224</v>
      </c>
      <c r="B10" s="14" t="s">
        <v>259</v>
      </c>
      <c r="C10" s="14" t="s">
        <v>230</v>
      </c>
      <c r="D10" s="14" t="s">
        <v>621</v>
      </c>
      <c r="E10" s="14" t="s">
        <v>680</v>
      </c>
      <c r="F10" s="14" t="s">
        <v>622</v>
      </c>
      <c r="G10" s="14" t="s">
        <v>231</v>
      </c>
      <c r="H10" s="14"/>
      <c r="I10" s="14"/>
      <c r="J10" s="14"/>
      <c r="K10" s="14"/>
      <c r="L10" s="14"/>
      <c r="M10" s="14"/>
      <c r="N10" s="14"/>
      <c r="O10" s="14"/>
      <c r="P10" s="14"/>
      <c r="Q10" s="14"/>
    </row>
    <row r="11" spans="1:17">
      <c r="A11" s="15" t="s">
        <v>232</v>
      </c>
      <c r="B11" s="15" t="s">
        <v>233</v>
      </c>
      <c r="C11" s="15" t="s">
        <v>262</v>
      </c>
      <c r="D11" s="15" t="s">
        <v>216</v>
      </c>
      <c r="E11" s="15" t="s">
        <v>214</v>
      </c>
      <c r="F11" s="15" t="s">
        <v>214</v>
      </c>
      <c r="G11" s="16">
        <v>15186725</v>
      </c>
      <c r="H11" s="16">
        <v>4786002</v>
      </c>
      <c r="I11" s="16">
        <v>4069550</v>
      </c>
      <c r="J11" s="16">
        <v>190905</v>
      </c>
      <c r="K11" s="16">
        <v>716452</v>
      </c>
      <c r="L11" s="16">
        <v>152963</v>
      </c>
      <c r="M11" s="16">
        <v>10214796</v>
      </c>
      <c r="N11" s="16">
        <v>32964</v>
      </c>
      <c r="O11" s="16">
        <v>408988</v>
      </c>
      <c r="P11" s="16">
        <v>45499</v>
      </c>
      <c r="Q11" s="16">
        <v>4408635</v>
      </c>
    </row>
    <row r="12" spans="1:17">
      <c r="A12" s="21" t="s">
        <v>232</v>
      </c>
      <c r="B12" s="21" t="s">
        <v>233</v>
      </c>
      <c r="C12" s="21" t="s">
        <v>262</v>
      </c>
      <c r="D12" s="21" t="s">
        <v>216</v>
      </c>
      <c r="E12" s="21" t="s">
        <v>214</v>
      </c>
      <c r="F12" s="21" t="s">
        <v>424</v>
      </c>
      <c r="G12" s="16">
        <v>63</v>
      </c>
      <c r="H12" s="16">
        <v>27</v>
      </c>
      <c r="I12" s="16">
        <v>11</v>
      </c>
      <c r="J12" s="22" t="s">
        <v>268</v>
      </c>
      <c r="K12" s="16">
        <v>16</v>
      </c>
      <c r="L12" s="16">
        <v>2</v>
      </c>
      <c r="M12" s="16">
        <v>34</v>
      </c>
      <c r="N12" s="22" t="s">
        <v>268</v>
      </c>
      <c r="O12" s="16">
        <v>1</v>
      </c>
      <c r="P12" s="22" t="s">
        <v>268</v>
      </c>
      <c r="Q12" s="22" t="s">
        <v>268</v>
      </c>
    </row>
    <row r="13" spans="1:17">
      <c r="A13" s="21" t="s">
        <v>232</v>
      </c>
      <c r="B13" s="21" t="s">
        <v>233</v>
      </c>
      <c r="C13" s="21" t="s">
        <v>262</v>
      </c>
      <c r="D13" s="21" t="s">
        <v>216</v>
      </c>
      <c r="E13" s="21" t="s">
        <v>214</v>
      </c>
      <c r="F13" s="21" t="s">
        <v>425</v>
      </c>
      <c r="G13" s="16">
        <v>7764401</v>
      </c>
      <c r="H13" s="16">
        <v>2906459</v>
      </c>
      <c r="I13" s="16">
        <v>2591166</v>
      </c>
      <c r="J13" s="16">
        <v>148531</v>
      </c>
      <c r="K13" s="16">
        <v>315293</v>
      </c>
      <c r="L13" s="16">
        <v>119840</v>
      </c>
      <c r="M13" s="16">
        <v>4738102</v>
      </c>
      <c r="N13" s="22" t="s">
        <v>268</v>
      </c>
      <c r="O13" s="16">
        <v>185731</v>
      </c>
      <c r="P13" s="16">
        <v>6818</v>
      </c>
      <c r="Q13" s="22" t="s">
        <v>268</v>
      </c>
    </row>
    <row r="14" spans="1:17">
      <c r="A14" s="21" t="s">
        <v>232</v>
      </c>
      <c r="B14" s="21" t="s">
        <v>233</v>
      </c>
      <c r="C14" s="21" t="s">
        <v>262</v>
      </c>
      <c r="D14" s="21" t="s">
        <v>216</v>
      </c>
      <c r="E14" s="21" t="s">
        <v>214</v>
      </c>
      <c r="F14" s="21" t="s">
        <v>426</v>
      </c>
      <c r="G14" s="16">
        <v>6321272</v>
      </c>
      <c r="H14" s="16">
        <v>1879516</v>
      </c>
      <c r="I14" s="16">
        <v>1478373</v>
      </c>
      <c r="J14" s="16">
        <v>42374</v>
      </c>
      <c r="K14" s="16">
        <v>401143</v>
      </c>
      <c r="L14" s="16">
        <v>33121</v>
      </c>
      <c r="M14" s="16">
        <v>4408635</v>
      </c>
      <c r="N14" s="22" t="s">
        <v>268</v>
      </c>
      <c r="O14" s="16">
        <v>223256</v>
      </c>
      <c r="P14" s="16">
        <v>38681</v>
      </c>
      <c r="Q14" s="16">
        <v>4408635</v>
      </c>
    </row>
    <row r="15" spans="1:17">
      <c r="A15" s="21" t="s">
        <v>232</v>
      </c>
      <c r="B15" s="21" t="s">
        <v>233</v>
      </c>
      <c r="C15" s="21" t="s">
        <v>262</v>
      </c>
      <c r="D15" s="21" t="s">
        <v>216</v>
      </c>
      <c r="E15" s="21" t="s">
        <v>214</v>
      </c>
      <c r="F15" s="21" t="s">
        <v>720</v>
      </c>
      <c r="G15" s="16">
        <v>1100989</v>
      </c>
      <c r="H15" s="22" t="s">
        <v>268</v>
      </c>
      <c r="I15" s="22" t="s">
        <v>268</v>
      </c>
      <c r="J15" s="22" t="s">
        <v>268</v>
      </c>
      <c r="K15" s="22" t="s">
        <v>268</v>
      </c>
      <c r="L15" s="22" t="s">
        <v>268</v>
      </c>
      <c r="M15" s="16">
        <v>1068025</v>
      </c>
      <c r="N15" s="16">
        <v>32964</v>
      </c>
      <c r="O15" s="22" t="s">
        <v>268</v>
      </c>
      <c r="P15" s="22" t="s">
        <v>268</v>
      </c>
      <c r="Q15" s="22" t="s">
        <v>268</v>
      </c>
    </row>
    <row r="16" spans="1:17">
      <c r="A16" s="21" t="s">
        <v>232</v>
      </c>
      <c r="B16" s="21" t="s">
        <v>233</v>
      </c>
      <c r="C16" s="21" t="s">
        <v>262</v>
      </c>
      <c r="D16" s="21" t="s">
        <v>216</v>
      </c>
      <c r="E16" s="21" t="s">
        <v>214</v>
      </c>
      <c r="F16" s="21" t="s">
        <v>427</v>
      </c>
      <c r="G16" s="16">
        <v>7155731</v>
      </c>
      <c r="H16" s="16">
        <v>2210131</v>
      </c>
      <c r="I16" s="16">
        <v>1749841</v>
      </c>
      <c r="J16" s="16">
        <v>56535</v>
      </c>
      <c r="K16" s="16">
        <v>460290</v>
      </c>
      <c r="L16" s="16">
        <v>42153</v>
      </c>
      <c r="M16" s="16">
        <v>4903447</v>
      </c>
      <c r="N16" s="22" t="s">
        <v>268</v>
      </c>
      <c r="O16" s="16">
        <v>261987</v>
      </c>
      <c r="P16" s="16">
        <v>45499</v>
      </c>
      <c r="Q16" s="16">
        <v>4408635</v>
      </c>
    </row>
    <row r="17" spans="1:17">
      <c r="A17" s="21" t="s">
        <v>232</v>
      </c>
      <c r="B17" s="21" t="s">
        <v>233</v>
      </c>
      <c r="C17" s="21" t="s">
        <v>262</v>
      </c>
      <c r="D17" s="21" t="s">
        <v>216</v>
      </c>
      <c r="E17" s="21" t="s">
        <v>214</v>
      </c>
      <c r="F17" s="21" t="s">
        <v>428</v>
      </c>
      <c r="G17" s="16">
        <v>3992394</v>
      </c>
      <c r="H17" s="16">
        <v>1117044</v>
      </c>
      <c r="I17" s="16">
        <v>874084</v>
      </c>
      <c r="J17" s="16">
        <v>15400</v>
      </c>
      <c r="K17" s="16">
        <v>242960</v>
      </c>
      <c r="L17" s="16">
        <v>15144</v>
      </c>
      <c r="M17" s="16">
        <v>2860206</v>
      </c>
      <c r="N17" s="22" t="s">
        <v>268</v>
      </c>
      <c r="O17" s="16">
        <v>128893</v>
      </c>
      <c r="P17" s="16">
        <v>14825</v>
      </c>
      <c r="Q17" s="16">
        <v>2860206</v>
      </c>
    </row>
    <row r="18" spans="1:17">
      <c r="A18" s="21" t="s">
        <v>232</v>
      </c>
      <c r="B18" s="21" t="s">
        <v>233</v>
      </c>
      <c r="C18" s="21" t="s">
        <v>262</v>
      </c>
      <c r="D18" s="21" t="s">
        <v>216</v>
      </c>
      <c r="E18" s="21" t="s">
        <v>214</v>
      </c>
      <c r="F18" s="21" t="s">
        <v>429</v>
      </c>
      <c r="G18" s="16">
        <v>1451161</v>
      </c>
      <c r="H18" s="16">
        <v>389881</v>
      </c>
      <c r="I18" s="16">
        <v>297466</v>
      </c>
      <c r="J18" s="16">
        <v>2312</v>
      </c>
      <c r="K18" s="16">
        <v>92415</v>
      </c>
      <c r="L18" s="16">
        <v>4390</v>
      </c>
      <c r="M18" s="16">
        <v>1056890</v>
      </c>
      <c r="N18" s="22" t="s">
        <v>268</v>
      </c>
      <c r="O18" s="16">
        <v>45014</v>
      </c>
      <c r="P18" s="16">
        <v>2225</v>
      </c>
      <c r="Q18" s="16">
        <v>1056890</v>
      </c>
    </row>
    <row r="19" spans="1:17">
      <c r="A19" s="21" t="s">
        <v>232</v>
      </c>
      <c r="B19" s="21" t="s">
        <v>233</v>
      </c>
      <c r="C19" s="21" t="s">
        <v>262</v>
      </c>
      <c r="D19" s="21" t="s">
        <v>216</v>
      </c>
      <c r="E19" s="21" t="s">
        <v>681</v>
      </c>
      <c r="F19" s="21" t="s">
        <v>214</v>
      </c>
      <c r="G19" s="16">
        <v>14975137</v>
      </c>
      <c r="H19" s="16">
        <v>4755993</v>
      </c>
      <c r="I19" s="16">
        <v>4041746</v>
      </c>
      <c r="J19" s="16">
        <v>190161</v>
      </c>
      <c r="K19" s="16">
        <v>714247</v>
      </c>
      <c r="L19" s="16">
        <v>152097</v>
      </c>
      <c r="M19" s="16">
        <v>10035321</v>
      </c>
      <c r="N19" s="16">
        <v>31726</v>
      </c>
      <c r="O19" s="16">
        <v>407642</v>
      </c>
      <c r="P19" s="16">
        <v>45287</v>
      </c>
      <c r="Q19" s="16">
        <v>4393354</v>
      </c>
    </row>
    <row r="20" spans="1:17">
      <c r="A20" s="21" t="s">
        <v>232</v>
      </c>
      <c r="B20" s="21" t="s">
        <v>233</v>
      </c>
      <c r="C20" s="21" t="s">
        <v>262</v>
      </c>
      <c r="D20" s="21" t="s">
        <v>216</v>
      </c>
      <c r="E20" s="21" t="s">
        <v>681</v>
      </c>
      <c r="F20" s="21" t="s">
        <v>424</v>
      </c>
      <c r="G20" s="16">
        <v>62</v>
      </c>
      <c r="H20" s="16">
        <v>27</v>
      </c>
      <c r="I20" s="16">
        <v>11</v>
      </c>
      <c r="J20" s="22" t="s">
        <v>268</v>
      </c>
      <c r="K20" s="16">
        <v>16</v>
      </c>
      <c r="L20" s="16">
        <v>2</v>
      </c>
      <c r="M20" s="16">
        <v>33</v>
      </c>
      <c r="N20" s="22" t="s">
        <v>268</v>
      </c>
      <c r="O20" s="16">
        <v>1</v>
      </c>
      <c r="P20" s="22" t="s">
        <v>268</v>
      </c>
      <c r="Q20" s="22" t="s">
        <v>268</v>
      </c>
    </row>
    <row r="21" spans="1:17">
      <c r="A21" s="21" t="s">
        <v>232</v>
      </c>
      <c r="B21" s="21" t="s">
        <v>233</v>
      </c>
      <c r="C21" s="21" t="s">
        <v>262</v>
      </c>
      <c r="D21" s="21" t="s">
        <v>216</v>
      </c>
      <c r="E21" s="21" t="s">
        <v>681</v>
      </c>
      <c r="F21" s="21" t="s">
        <v>425</v>
      </c>
      <c r="G21" s="16">
        <v>7586787</v>
      </c>
      <c r="H21" s="16">
        <v>2879282</v>
      </c>
      <c r="I21" s="16">
        <v>2565546</v>
      </c>
      <c r="J21" s="16">
        <v>147973</v>
      </c>
      <c r="K21" s="16">
        <v>313736</v>
      </c>
      <c r="L21" s="16">
        <v>119095</v>
      </c>
      <c r="M21" s="16">
        <v>4588410</v>
      </c>
      <c r="N21" s="22" t="s">
        <v>268</v>
      </c>
      <c r="O21" s="16">
        <v>184718</v>
      </c>
      <c r="P21" s="16">
        <v>6782</v>
      </c>
      <c r="Q21" s="22" t="s">
        <v>268</v>
      </c>
    </row>
    <row r="22" spans="1:17">
      <c r="A22" s="21" t="s">
        <v>232</v>
      </c>
      <c r="B22" s="21" t="s">
        <v>233</v>
      </c>
      <c r="C22" s="21" t="s">
        <v>262</v>
      </c>
      <c r="D22" s="21" t="s">
        <v>216</v>
      </c>
      <c r="E22" s="21" t="s">
        <v>681</v>
      </c>
      <c r="F22" s="21" t="s">
        <v>426</v>
      </c>
      <c r="G22" s="16">
        <v>6303038</v>
      </c>
      <c r="H22" s="16">
        <v>1876684</v>
      </c>
      <c r="I22" s="16">
        <v>1476189</v>
      </c>
      <c r="J22" s="16">
        <v>42188</v>
      </c>
      <c r="K22" s="16">
        <v>400495</v>
      </c>
      <c r="L22" s="16">
        <v>33000</v>
      </c>
      <c r="M22" s="16">
        <v>4393354</v>
      </c>
      <c r="N22" s="22" t="s">
        <v>268</v>
      </c>
      <c r="O22" s="16">
        <v>222923</v>
      </c>
      <c r="P22" s="16">
        <v>38505</v>
      </c>
      <c r="Q22" s="16">
        <v>4393354</v>
      </c>
    </row>
    <row r="23" spans="1:17">
      <c r="A23" s="21" t="s">
        <v>232</v>
      </c>
      <c r="B23" s="21" t="s">
        <v>233</v>
      </c>
      <c r="C23" s="21" t="s">
        <v>262</v>
      </c>
      <c r="D23" s="21" t="s">
        <v>216</v>
      </c>
      <c r="E23" s="21" t="s">
        <v>681</v>
      </c>
      <c r="F23" s="21" t="s">
        <v>720</v>
      </c>
      <c r="G23" s="16">
        <v>1085250</v>
      </c>
      <c r="H23" s="22" t="s">
        <v>268</v>
      </c>
      <c r="I23" s="22" t="s">
        <v>268</v>
      </c>
      <c r="J23" s="22" t="s">
        <v>268</v>
      </c>
      <c r="K23" s="22" t="s">
        <v>268</v>
      </c>
      <c r="L23" s="22" t="s">
        <v>268</v>
      </c>
      <c r="M23" s="16">
        <v>1053524</v>
      </c>
      <c r="N23" s="16">
        <v>31726</v>
      </c>
      <c r="O23" s="22" t="s">
        <v>268</v>
      </c>
      <c r="P23" s="22" t="s">
        <v>268</v>
      </c>
      <c r="Q23" s="22" t="s">
        <v>268</v>
      </c>
    </row>
    <row r="24" spans="1:17">
      <c r="A24" s="21" t="s">
        <v>232</v>
      </c>
      <c r="B24" s="21" t="s">
        <v>233</v>
      </c>
      <c r="C24" s="21" t="s">
        <v>262</v>
      </c>
      <c r="D24" s="21" t="s">
        <v>216</v>
      </c>
      <c r="E24" s="21" t="s">
        <v>681</v>
      </c>
      <c r="F24" s="21" t="s">
        <v>427</v>
      </c>
      <c r="G24" s="16">
        <v>7133324</v>
      </c>
      <c r="H24" s="16">
        <v>2206275</v>
      </c>
      <c r="I24" s="16">
        <v>1746775</v>
      </c>
      <c r="J24" s="16">
        <v>56284</v>
      </c>
      <c r="K24" s="16">
        <v>459500</v>
      </c>
      <c r="L24" s="16">
        <v>41989</v>
      </c>
      <c r="M24" s="16">
        <v>4885060</v>
      </c>
      <c r="N24" s="22" t="s">
        <v>268</v>
      </c>
      <c r="O24" s="16">
        <v>261561</v>
      </c>
      <c r="P24" s="16">
        <v>45287</v>
      </c>
      <c r="Q24" s="16">
        <v>4393354</v>
      </c>
    </row>
    <row r="25" spans="1:17">
      <c r="A25" s="21" t="s">
        <v>232</v>
      </c>
      <c r="B25" s="21" t="s">
        <v>233</v>
      </c>
      <c r="C25" s="21" t="s">
        <v>262</v>
      </c>
      <c r="D25" s="21" t="s">
        <v>216</v>
      </c>
      <c r="E25" s="21" t="s">
        <v>681</v>
      </c>
      <c r="F25" s="21" t="s">
        <v>428</v>
      </c>
      <c r="G25" s="16">
        <v>3980430</v>
      </c>
      <c r="H25" s="16">
        <v>1115353</v>
      </c>
      <c r="I25" s="16">
        <v>872812</v>
      </c>
      <c r="J25" s="16">
        <v>15294</v>
      </c>
      <c r="K25" s="16">
        <v>242541</v>
      </c>
      <c r="L25" s="16">
        <v>15079</v>
      </c>
      <c r="M25" s="16">
        <v>2849998</v>
      </c>
      <c r="N25" s="22" t="s">
        <v>268</v>
      </c>
      <c r="O25" s="16">
        <v>128702</v>
      </c>
      <c r="P25" s="16">
        <v>14723</v>
      </c>
      <c r="Q25" s="16">
        <v>2849998</v>
      </c>
    </row>
    <row r="26" spans="1:17">
      <c r="A26" s="21" t="s">
        <v>232</v>
      </c>
      <c r="B26" s="21" t="s">
        <v>233</v>
      </c>
      <c r="C26" s="21" t="s">
        <v>262</v>
      </c>
      <c r="D26" s="21" t="s">
        <v>216</v>
      </c>
      <c r="E26" s="21" t="s">
        <v>681</v>
      </c>
      <c r="F26" s="21" t="s">
        <v>429</v>
      </c>
      <c r="G26" s="16">
        <v>1445051</v>
      </c>
      <c r="H26" s="16">
        <v>389197</v>
      </c>
      <c r="I26" s="16">
        <v>296965</v>
      </c>
      <c r="J26" s="16">
        <v>2263</v>
      </c>
      <c r="K26" s="16">
        <v>92232</v>
      </c>
      <c r="L26" s="16">
        <v>4373</v>
      </c>
      <c r="M26" s="16">
        <v>1051481</v>
      </c>
      <c r="N26" s="22" t="s">
        <v>268</v>
      </c>
      <c r="O26" s="16">
        <v>44956</v>
      </c>
      <c r="P26" s="16">
        <v>2178</v>
      </c>
      <c r="Q26" s="16">
        <v>1051481</v>
      </c>
    </row>
    <row r="27" spans="1:17">
      <c r="A27" s="21" t="s">
        <v>232</v>
      </c>
      <c r="B27" s="21" t="s">
        <v>233</v>
      </c>
      <c r="C27" s="21" t="s">
        <v>262</v>
      </c>
      <c r="D27" s="21" t="s">
        <v>216</v>
      </c>
      <c r="E27" s="21" t="s">
        <v>682</v>
      </c>
      <c r="F27" s="21" t="s">
        <v>214</v>
      </c>
      <c r="G27" s="16">
        <v>14689310</v>
      </c>
      <c r="H27" s="16">
        <v>4688256</v>
      </c>
      <c r="I27" s="16">
        <v>3978497</v>
      </c>
      <c r="J27" s="16">
        <v>188286</v>
      </c>
      <c r="K27" s="16">
        <v>709759</v>
      </c>
      <c r="L27" s="16">
        <v>150605</v>
      </c>
      <c r="M27" s="16">
        <v>9818866</v>
      </c>
      <c r="N27" s="16">
        <v>31583</v>
      </c>
      <c r="O27" s="16">
        <v>405627</v>
      </c>
      <c r="P27" s="16">
        <v>44920</v>
      </c>
      <c r="Q27" s="16">
        <v>4324218</v>
      </c>
    </row>
    <row r="28" spans="1:17">
      <c r="A28" s="21" t="s">
        <v>232</v>
      </c>
      <c r="B28" s="21" t="s">
        <v>233</v>
      </c>
      <c r="C28" s="21" t="s">
        <v>262</v>
      </c>
      <c r="D28" s="21" t="s">
        <v>216</v>
      </c>
      <c r="E28" s="21" t="s">
        <v>682</v>
      </c>
      <c r="F28" s="21" t="s">
        <v>424</v>
      </c>
      <c r="G28" s="16">
        <v>44</v>
      </c>
      <c r="H28" s="16">
        <v>24</v>
      </c>
      <c r="I28" s="16">
        <v>11</v>
      </c>
      <c r="J28" s="22" t="s">
        <v>268</v>
      </c>
      <c r="K28" s="16">
        <v>13</v>
      </c>
      <c r="L28" s="16">
        <v>2</v>
      </c>
      <c r="M28" s="16">
        <v>18</v>
      </c>
      <c r="N28" s="22" t="s">
        <v>268</v>
      </c>
      <c r="O28" s="16">
        <v>1</v>
      </c>
      <c r="P28" s="22" t="s">
        <v>268</v>
      </c>
      <c r="Q28" s="22" t="s">
        <v>268</v>
      </c>
    </row>
    <row r="29" spans="1:17">
      <c r="A29" s="21" t="s">
        <v>232</v>
      </c>
      <c r="B29" s="21" t="s">
        <v>233</v>
      </c>
      <c r="C29" s="21" t="s">
        <v>262</v>
      </c>
      <c r="D29" s="21" t="s">
        <v>216</v>
      </c>
      <c r="E29" s="21" t="s">
        <v>682</v>
      </c>
      <c r="F29" s="21" t="s">
        <v>425</v>
      </c>
      <c r="G29" s="16">
        <v>7384636</v>
      </c>
      <c r="H29" s="16">
        <v>2819578</v>
      </c>
      <c r="I29" s="16">
        <v>2508794</v>
      </c>
      <c r="J29" s="16">
        <v>146416</v>
      </c>
      <c r="K29" s="16">
        <v>310784</v>
      </c>
      <c r="L29" s="16">
        <v>117870</v>
      </c>
      <c r="M29" s="16">
        <v>4447188</v>
      </c>
      <c r="N29" s="22" t="s">
        <v>268</v>
      </c>
      <c r="O29" s="16">
        <v>183270</v>
      </c>
      <c r="P29" s="16">
        <v>6704</v>
      </c>
      <c r="Q29" s="22" t="s">
        <v>268</v>
      </c>
    </row>
    <row r="30" spans="1:17">
      <c r="A30" s="21" t="s">
        <v>232</v>
      </c>
      <c r="B30" s="21" t="s">
        <v>233</v>
      </c>
      <c r="C30" s="21" t="s">
        <v>262</v>
      </c>
      <c r="D30" s="21" t="s">
        <v>216</v>
      </c>
      <c r="E30" s="21" t="s">
        <v>682</v>
      </c>
      <c r="F30" s="21" t="s">
        <v>426</v>
      </c>
      <c r="G30" s="16">
        <v>6225605</v>
      </c>
      <c r="H30" s="16">
        <v>1868654</v>
      </c>
      <c r="I30" s="16">
        <v>1469692</v>
      </c>
      <c r="J30" s="16">
        <v>41870</v>
      </c>
      <c r="K30" s="16">
        <v>398962</v>
      </c>
      <c r="L30" s="16">
        <v>32733</v>
      </c>
      <c r="M30" s="16">
        <v>4324218</v>
      </c>
      <c r="N30" s="22" t="s">
        <v>268</v>
      </c>
      <c r="O30" s="16">
        <v>222356</v>
      </c>
      <c r="P30" s="16">
        <v>38216</v>
      </c>
      <c r="Q30" s="16">
        <v>4324218</v>
      </c>
    </row>
    <row r="31" spans="1:17">
      <c r="A31" s="21" t="s">
        <v>232</v>
      </c>
      <c r="B31" s="21" t="s">
        <v>233</v>
      </c>
      <c r="C31" s="21" t="s">
        <v>262</v>
      </c>
      <c r="D31" s="21" t="s">
        <v>216</v>
      </c>
      <c r="E31" s="21" t="s">
        <v>682</v>
      </c>
      <c r="F31" s="21" t="s">
        <v>720</v>
      </c>
      <c r="G31" s="16">
        <v>1079025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22" t="s">
        <v>268</v>
      </c>
      <c r="M31" s="16">
        <v>1047442</v>
      </c>
      <c r="N31" s="16">
        <v>31583</v>
      </c>
      <c r="O31" s="22" t="s">
        <v>268</v>
      </c>
      <c r="P31" s="22" t="s">
        <v>268</v>
      </c>
      <c r="Q31" s="22" t="s">
        <v>268</v>
      </c>
    </row>
    <row r="32" spans="1:17">
      <c r="A32" s="21" t="s">
        <v>232</v>
      </c>
      <c r="B32" s="21" t="s">
        <v>233</v>
      </c>
      <c r="C32" s="21" t="s">
        <v>262</v>
      </c>
      <c r="D32" s="21" t="s">
        <v>216</v>
      </c>
      <c r="E32" s="21" t="s">
        <v>682</v>
      </c>
      <c r="F32" s="21" t="s">
        <v>427</v>
      </c>
      <c r="G32" s="16">
        <v>7043963</v>
      </c>
      <c r="H32" s="16">
        <v>2195280</v>
      </c>
      <c r="I32" s="16">
        <v>1737618</v>
      </c>
      <c r="J32" s="16">
        <v>55843</v>
      </c>
      <c r="K32" s="16">
        <v>457662</v>
      </c>
      <c r="L32" s="16">
        <v>41642</v>
      </c>
      <c r="M32" s="16">
        <v>4807041</v>
      </c>
      <c r="N32" s="22" t="s">
        <v>268</v>
      </c>
      <c r="O32" s="16">
        <v>260833</v>
      </c>
      <c r="P32" s="16">
        <v>44920</v>
      </c>
      <c r="Q32" s="16">
        <v>4324218</v>
      </c>
    </row>
    <row r="33" spans="1:17">
      <c r="A33" s="21" t="s">
        <v>232</v>
      </c>
      <c r="B33" s="21" t="s">
        <v>233</v>
      </c>
      <c r="C33" s="21" t="s">
        <v>262</v>
      </c>
      <c r="D33" s="21" t="s">
        <v>216</v>
      </c>
      <c r="E33" s="21" t="s">
        <v>682</v>
      </c>
      <c r="F33" s="21" t="s">
        <v>428</v>
      </c>
      <c r="G33" s="16">
        <v>3930046</v>
      </c>
      <c r="H33" s="16">
        <v>1111357</v>
      </c>
      <c r="I33" s="16">
        <v>869698</v>
      </c>
      <c r="J33" s="16">
        <v>15173</v>
      </c>
      <c r="K33" s="16">
        <v>241659</v>
      </c>
      <c r="L33" s="16">
        <v>14966</v>
      </c>
      <c r="M33" s="16">
        <v>2803723</v>
      </c>
      <c r="N33" s="22" t="s">
        <v>268</v>
      </c>
      <c r="O33" s="16">
        <v>128417</v>
      </c>
      <c r="P33" s="16">
        <v>14607</v>
      </c>
      <c r="Q33" s="16">
        <v>2803723</v>
      </c>
    </row>
    <row r="34" spans="1:17">
      <c r="A34" s="21" t="s">
        <v>232</v>
      </c>
      <c r="B34" s="21" t="s">
        <v>233</v>
      </c>
      <c r="C34" s="21" t="s">
        <v>262</v>
      </c>
      <c r="D34" s="21" t="s">
        <v>216</v>
      </c>
      <c r="E34" s="21" t="s">
        <v>682</v>
      </c>
      <c r="F34" s="21" t="s">
        <v>429</v>
      </c>
      <c r="G34" s="16">
        <v>1422000</v>
      </c>
      <c r="H34" s="16">
        <v>387813</v>
      </c>
      <c r="I34" s="16">
        <v>295921</v>
      </c>
      <c r="J34" s="16">
        <v>2237</v>
      </c>
      <c r="K34" s="16">
        <v>91892</v>
      </c>
      <c r="L34" s="16">
        <v>4342</v>
      </c>
      <c r="M34" s="16">
        <v>1029845</v>
      </c>
      <c r="N34" s="22" t="s">
        <v>268</v>
      </c>
      <c r="O34" s="16">
        <v>44855</v>
      </c>
      <c r="P34" s="16">
        <v>2152</v>
      </c>
      <c r="Q34" s="16">
        <v>1029845</v>
      </c>
    </row>
    <row r="35" spans="1:17">
      <c r="A35" s="21" t="s">
        <v>232</v>
      </c>
      <c r="B35" s="21" t="s">
        <v>233</v>
      </c>
      <c r="C35" s="21" t="s">
        <v>262</v>
      </c>
      <c r="D35" s="21" t="s">
        <v>216</v>
      </c>
      <c r="E35" s="21" t="s">
        <v>683</v>
      </c>
      <c r="F35" s="21" t="s">
        <v>214</v>
      </c>
      <c r="G35" s="16">
        <v>7327143</v>
      </c>
      <c r="H35" s="16">
        <v>2964940</v>
      </c>
      <c r="I35" s="16">
        <v>2412576</v>
      </c>
      <c r="J35" s="16">
        <v>80947</v>
      </c>
      <c r="K35" s="16">
        <v>552364</v>
      </c>
      <c r="L35" s="16">
        <v>53256</v>
      </c>
      <c r="M35" s="16">
        <v>4294807</v>
      </c>
      <c r="N35" s="16">
        <v>14140</v>
      </c>
      <c r="O35" s="16">
        <v>340432</v>
      </c>
      <c r="P35" s="16">
        <v>31141</v>
      </c>
      <c r="Q35" s="16">
        <v>3099719</v>
      </c>
    </row>
    <row r="36" spans="1:17">
      <c r="A36" s="21" t="s">
        <v>232</v>
      </c>
      <c r="B36" s="21" t="s">
        <v>233</v>
      </c>
      <c r="C36" s="21" t="s">
        <v>262</v>
      </c>
      <c r="D36" s="21" t="s">
        <v>216</v>
      </c>
      <c r="E36" s="21" t="s">
        <v>683</v>
      </c>
      <c r="F36" s="21" t="s">
        <v>424</v>
      </c>
      <c r="G36" s="16">
        <v>22</v>
      </c>
      <c r="H36" s="16">
        <v>14</v>
      </c>
      <c r="I36" s="16">
        <v>6</v>
      </c>
      <c r="J36" s="22" t="s">
        <v>268</v>
      </c>
      <c r="K36" s="16">
        <v>8</v>
      </c>
      <c r="L36" s="16">
        <v>1</v>
      </c>
      <c r="M36" s="16">
        <v>7</v>
      </c>
      <c r="N36" s="22" t="s">
        <v>268</v>
      </c>
      <c r="O36" s="16">
        <v>1</v>
      </c>
      <c r="P36" s="22" t="s">
        <v>268</v>
      </c>
      <c r="Q36" s="22" t="s">
        <v>268</v>
      </c>
    </row>
    <row r="37" spans="1:17">
      <c r="A37" s="21" t="s">
        <v>232</v>
      </c>
      <c r="B37" s="21" t="s">
        <v>233</v>
      </c>
      <c r="C37" s="21" t="s">
        <v>262</v>
      </c>
      <c r="D37" s="21" t="s">
        <v>216</v>
      </c>
      <c r="E37" s="21" t="s">
        <v>683</v>
      </c>
      <c r="F37" s="21" t="s">
        <v>425</v>
      </c>
      <c r="G37" s="16">
        <v>2445386</v>
      </c>
      <c r="H37" s="16">
        <v>1424520</v>
      </c>
      <c r="I37" s="16">
        <v>1228790</v>
      </c>
      <c r="J37" s="16">
        <v>52261</v>
      </c>
      <c r="K37" s="16">
        <v>195730</v>
      </c>
      <c r="L37" s="16">
        <v>30763</v>
      </c>
      <c r="M37" s="16">
        <v>990103</v>
      </c>
      <c r="N37" s="22" t="s">
        <v>268</v>
      </c>
      <c r="O37" s="16">
        <v>135154</v>
      </c>
      <c r="P37" s="16">
        <v>4647</v>
      </c>
      <c r="Q37" s="22" t="s">
        <v>268</v>
      </c>
    </row>
    <row r="38" spans="1:17">
      <c r="A38" s="21" t="s">
        <v>232</v>
      </c>
      <c r="B38" s="21" t="s">
        <v>233</v>
      </c>
      <c r="C38" s="21" t="s">
        <v>262</v>
      </c>
      <c r="D38" s="21" t="s">
        <v>216</v>
      </c>
      <c r="E38" s="21" t="s">
        <v>683</v>
      </c>
      <c r="F38" s="21" t="s">
        <v>426</v>
      </c>
      <c r="G38" s="16">
        <v>4662617</v>
      </c>
      <c r="H38" s="16">
        <v>1540406</v>
      </c>
      <c r="I38" s="16">
        <v>1183780</v>
      </c>
      <c r="J38" s="16">
        <v>28686</v>
      </c>
      <c r="K38" s="16">
        <v>356626</v>
      </c>
      <c r="L38" s="16">
        <v>22492</v>
      </c>
      <c r="M38" s="16">
        <v>3099719</v>
      </c>
      <c r="N38" s="22" t="s">
        <v>268</v>
      </c>
      <c r="O38" s="16">
        <v>205277</v>
      </c>
      <c r="P38" s="16">
        <v>26494</v>
      </c>
      <c r="Q38" s="16">
        <v>3099719</v>
      </c>
    </row>
    <row r="39" spans="1:17">
      <c r="A39" s="21" t="s">
        <v>232</v>
      </c>
      <c r="B39" s="21" t="s">
        <v>233</v>
      </c>
      <c r="C39" s="21" t="s">
        <v>262</v>
      </c>
      <c r="D39" s="21" t="s">
        <v>216</v>
      </c>
      <c r="E39" s="21" t="s">
        <v>683</v>
      </c>
      <c r="F39" s="21" t="s">
        <v>720</v>
      </c>
      <c r="G39" s="16">
        <v>219118</v>
      </c>
      <c r="H39" s="22" t="s">
        <v>268</v>
      </c>
      <c r="I39" s="22" t="s">
        <v>268</v>
      </c>
      <c r="J39" s="22" t="s">
        <v>268</v>
      </c>
      <c r="K39" s="22" t="s">
        <v>268</v>
      </c>
      <c r="L39" s="22" t="s">
        <v>268</v>
      </c>
      <c r="M39" s="16">
        <v>204978</v>
      </c>
      <c r="N39" s="16">
        <v>14140</v>
      </c>
      <c r="O39" s="22" t="s">
        <v>268</v>
      </c>
      <c r="P39" s="22" t="s">
        <v>268</v>
      </c>
      <c r="Q39" s="22" t="s">
        <v>268</v>
      </c>
    </row>
    <row r="40" spans="1:17">
      <c r="A40" s="21" t="s">
        <v>232</v>
      </c>
      <c r="B40" s="21" t="s">
        <v>233</v>
      </c>
      <c r="C40" s="21" t="s">
        <v>262</v>
      </c>
      <c r="D40" s="21" t="s">
        <v>216</v>
      </c>
      <c r="E40" s="21" t="s">
        <v>683</v>
      </c>
      <c r="F40" s="21" t="s">
        <v>427</v>
      </c>
      <c r="G40" s="16">
        <v>5177725</v>
      </c>
      <c r="H40" s="16">
        <v>1772177</v>
      </c>
      <c r="I40" s="16">
        <v>1368112</v>
      </c>
      <c r="J40" s="16">
        <v>38268</v>
      </c>
      <c r="K40" s="16">
        <v>404065</v>
      </c>
      <c r="L40" s="16">
        <v>27599</v>
      </c>
      <c r="M40" s="16">
        <v>3377949</v>
      </c>
      <c r="N40" s="22" t="s">
        <v>268</v>
      </c>
      <c r="O40" s="16">
        <v>237386</v>
      </c>
      <c r="P40" s="16">
        <v>31141</v>
      </c>
      <c r="Q40" s="16">
        <v>3099719</v>
      </c>
    </row>
    <row r="41" spans="1:17">
      <c r="A41" s="21" t="s">
        <v>232</v>
      </c>
      <c r="B41" s="21" t="s">
        <v>233</v>
      </c>
      <c r="C41" s="21" t="s">
        <v>262</v>
      </c>
      <c r="D41" s="21" t="s">
        <v>216</v>
      </c>
      <c r="E41" s="21" t="s">
        <v>683</v>
      </c>
      <c r="F41" s="21" t="s">
        <v>428</v>
      </c>
      <c r="G41" s="16">
        <v>3065534</v>
      </c>
      <c r="H41" s="16">
        <v>950722</v>
      </c>
      <c r="I41" s="16">
        <v>728943</v>
      </c>
      <c r="J41" s="16">
        <v>10163</v>
      </c>
      <c r="K41" s="16">
        <v>221779</v>
      </c>
      <c r="L41" s="16">
        <v>11066</v>
      </c>
      <c r="M41" s="16">
        <v>2103746</v>
      </c>
      <c r="N41" s="22" t="s">
        <v>268</v>
      </c>
      <c r="O41" s="16">
        <v>121426</v>
      </c>
      <c r="P41" s="16">
        <v>9826</v>
      </c>
      <c r="Q41" s="16">
        <v>2103746</v>
      </c>
    </row>
    <row r="42" spans="1:17">
      <c r="A42" s="21" t="s">
        <v>232</v>
      </c>
      <c r="B42" s="21" t="s">
        <v>233</v>
      </c>
      <c r="C42" s="21" t="s">
        <v>262</v>
      </c>
      <c r="D42" s="21" t="s">
        <v>216</v>
      </c>
      <c r="E42" s="21" t="s">
        <v>683</v>
      </c>
      <c r="F42" s="21" t="s">
        <v>429</v>
      </c>
      <c r="G42" s="16">
        <v>1157570</v>
      </c>
      <c r="H42" s="16">
        <v>342940</v>
      </c>
      <c r="I42" s="16">
        <v>256839</v>
      </c>
      <c r="J42" s="16">
        <v>1586</v>
      </c>
      <c r="K42" s="16">
        <v>86101</v>
      </c>
      <c r="L42" s="16">
        <v>3517</v>
      </c>
      <c r="M42" s="16">
        <v>811113</v>
      </c>
      <c r="N42" s="22" t="s">
        <v>268</v>
      </c>
      <c r="O42" s="16">
        <v>42994</v>
      </c>
      <c r="P42" s="16">
        <v>1525</v>
      </c>
      <c r="Q42" s="16">
        <v>811113</v>
      </c>
    </row>
    <row r="43" spans="1:17">
      <c r="A43" s="21" t="s">
        <v>232</v>
      </c>
      <c r="B43" s="21" t="s">
        <v>233</v>
      </c>
      <c r="C43" s="21" t="s">
        <v>262</v>
      </c>
      <c r="D43" s="21" t="s">
        <v>216</v>
      </c>
      <c r="E43" s="21" t="s">
        <v>684</v>
      </c>
      <c r="F43" s="21" t="s">
        <v>214</v>
      </c>
      <c r="G43" s="16">
        <v>1244292</v>
      </c>
      <c r="H43" s="16">
        <v>483871</v>
      </c>
      <c r="I43" s="16">
        <v>445538</v>
      </c>
      <c r="J43" s="16">
        <v>14338</v>
      </c>
      <c r="K43" s="16">
        <v>38333</v>
      </c>
      <c r="L43" s="16">
        <v>6413</v>
      </c>
      <c r="M43" s="16">
        <v>750556</v>
      </c>
      <c r="N43" s="16">
        <v>3452</v>
      </c>
      <c r="O43" s="16">
        <v>20143</v>
      </c>
      <c r="P43" s="16">
        <v>6834</v>
      </c>
      <c r="Q43" s="16">
        <v>529175</v>
      </c>
    </row>
    <row r="44" spans="1:17">
      <c r="A44" s="21" t="s">
        <v>232</v>
      </c>
      <c r="B44" s="21" t="s">
        <v>233</v>
      </c>
      <c r="C44" s="21" t="s">
        <v>262</v>
      </c>
      <c r="D44" s="21" t="s">
        <v>216</v>
      </c>
      <c r="E44" s="21" t="s">
        <v>684</v>
      </c>
      <c r="F44" s="21" t="s">
        <v>424</v>
      </c>
      <c r="G44" s="16">
        <v>3</v>
      </c>
      <c r="H44" s="16">
        <v>3</v>
      </c>
      <c r="I44" s="16">
        <v>1</v>
      </c>
      <c r="J44" s="22" t="s">
        <v>268</v>
      </c>
      <c r="K44" s="16">
        <v>2</v>
      </c>
      <c r="L44" s="22" t="s">
        <v>268</v>
      </c>
      <c r="M44" s="22" t="s">
        <v>268</v>
      </c>
      <c r="N44" s="22" t="s">
        <v>268</v>
      </c>
      <c r="O44" s="22" t="s">
        <v>268</v>
      </c>
      <c r="P44" s="22" t="s">
        <v>268</v>
      </c>
      <c r="Q44" s="22" t="s">
        <v>268</v>
      </c>
    </row>
    <row r="45" spans="1:17">
      <c r="A45" s="21" t="s">
        <v>232</v>
      </c>
      <c r="B45" s="21" t="s">
        <v>233</v>
      </c>
      <c r="C45" s="21" t="s">
        <v>262</v>
      </c>
      <c r="D45" s="21" t="s">
        <v>216</v>
      </c>
      <c r="E45" s="21" t="s">
        <v>684</v>
      </c>
      <c r="F45" s="21" t="s">
        <v>425</v>
      </c>
      <c r="G45" s="16">
        <v>530079</v>
      </c>
      <c r="H45" s="16">
        <v>327074</v>
      </c>
      <c r="I45" s="16">
        <v>306981</v>
      </c>
      <c r="J45" s="16">
        <v>7649</v>
      </c>
      <c r="K45" s="16">
        <v>20093</v>
      </c>
      <c r="L45" s="16">
        <v>3861</v>
      </c>
      <c r="M45" s="16">
        <v>199144</v>
      </c>
      <c r="N45" s="22" t="s">
        <v>268</v>
      </c>
      <c r="O45" s="16">
        <v>12720</v>
      </c>
      <c r="P45" s="16">
        <v>681</v>
      </c>
      <c r="Q45" s="22" t="s">
        <v>268</v>
      </c>
    </row>
    <row r="46" spans="1:17">
      <c r="A46" s="21" t="s">
        <v>232</v>
      </c>
      <c r="B46" s="21" t="s">
        <v>233</v>
      </c>
      <c r="C46" s="21" t="s">
        <v>262</v>
      </c>
      <c r="D46" s="21" t="s">
        <v>216</v>
      </c>
      <c r="E46" s="21" t="s">
        <v>684</v>
      </c>
      <c r="F46" s="21" t="s">
        <v>426</v>
      </c>
      <c r="G46" s="16">
        <v>688521</v>
      </c>
      <c r="H46" s="16">
        <v>156794</v>
      </c>
      <c r="I46" s="16">
        <v>138556</v>
      </c>
      <c r="J46" s="16">
        <v>6689</v>
      </c>
      <c r="K46" s="16">
        <v>18238</v>
      </c>
      <c r="L46" s="16">
        <v>2552</v>
      </c>
      <c r="M46" s="16">
        <v>529175</v>
      </c>
      <c r="N46" s="22" t="s">
        <v>268</v>
      </c>
      <c r="O46" s="16">
        <v>7423</v>
      </c>
      <c r="P46" s="16">
        <v>6153</v>
      </c>
      <c r="Q46" s="16">
        <v>529175</v>
      </c>
    </row>
    <row r="47" spans="1:17">
      <c r="A47" s="21" t="s">
        <v>232</v>
      </c>
      <c r="B47" s="21" t="s">
        <v>233</v>
      </c>
      <c r="C47" s="21" t="s">
        <v>262</v>
      </c>
      <c r="D47" s="21" t="s">
        <v>216</v>
      </c>
      <c r="E47" s="21" t="s">
        <v>684</v>
      </c>
      <c r="F47" s="21" t="s">
        <v>720</v>
      </c>
      <c r="G47" s="16">
        <v>25689</v>
      </c>
      <c r="H47" s="22" t="s">
        <v>268</v>
      </c>
      <c r="I47" s="22" t="s">
        <v>268</v>
      </c>
      <c r="J47" s="22" t="s">
        <v>268</v>
      </c>
      <c r="K47" s="22" t="s">
        <v>268</v>
      </c>
      <c r="L47" s="22" t="s">
        <v>268</v>
      </c>
      <c r="M47" s="16">
        <v>22237</v>
      </c>
      <c r="N47" s="16">
        <v>3452</v>
      </c>
      <c r="O47" s="22" t="s">
        <v>268</v>
      </c>
      <c r="P47" s="22" t="s">
        <v>268</v>
      </c>
      <c r="Q47" s="22" t="s">
        <v>268</v>
      </c>
    </row>
    <row r="48" spans="1:17">
      <c r="A48" s="21" t="s">
        <v>232</v>
      </c>
      <c r="B48" s="21" t="s">
        <v>233</v>
      </c>
      <c r="C48" s="21" t="s">
        <v>262</v>
      </c>
      <c r="D48" s="21" t="s">
        <v>216</v>
      </c>
      <c r="E48" s="21" t="s">
        <v>684</v>
      </c>
      <c r="F48" s="21" t="s">
        <v>427</v>
      </c>
      <c r="G48" s="16">
        <v>771577</v>
      </c>
      <c r="H48" s="16">
        <v>186589</v>
      </c>
      <c r="I48" s="16">
        <v>164900</v>
      </c>
      <c r="J48" s="16">
        <v>8048</v>
      </c>
      <c r="K48" s="16">
        <v>21689</v>
      </c>
      <c r="L48" s="16">
        <v>3135</v>
      </c>
      <c r="M48" s="16">
        <v>581853</v>
      </c>
      <c r="N48" s="22" t="s">
        <v>268</v>
      </c>
      <c r="O48" s="16">
        <v>9430</v>
      </c>
      <c r="P48" s="16">
        <v>6834</v>
      </c>
      <c r="Q48" s="16">
        <v>529175</v>
      </c>
    </row>
    <row r="49" spans="1:17">
      <c r="A49" s="21" t="s">
        <v>232</v>
      </c>
      <c r="B49" s="21" t="s">
        <v>233</v>
      </c>
      <c r="C49" s="21" t="s">
        <v>262</v>
      </c>
      <c r="D49" s="21" t="s">
        <v>216</v>
      </c>
      <c r="E49" s="21" t="s">
        <v>684</v>
      </c>
      <c r="F49" s="21" t="s">
        <v>428</v>
      </c>
      <c r="G49" s="16">
        <v>412644</v>
      </c>
      <c r="H49" s="16">
        <v>85889</v>
      </c>
      <c r="I49" s="16">
        <v>76576</v>
      </c>
      <c r="J49" s="16">
        <v>2886</v>
      </c>
      <c r="K49" s="16">
        <v>9313</v>
      </c>
      <c r="L49" s="16">
        <v>1182</v>
      </c>
      <c r="M49" s="16">
        <v>325573</v>
      </c>
      <c r="N49" s="22" t="s">
        <v>268</v>
      </c>
      <c r="O49" s="16">
        <v>3309</v>
      </c>
      <c r="P49" s="16">
        <v>2786</v>
      </c>
      <c r="Q49" s="16">
        <v>325573</v>
      </c>
    </row>
    <row r="50" spans="1:17">
      <c r="A50" s="21" t="s">
        <v>232</v>
      </c>
      <c r="B50" s="21" t="s">
        <v>233</v>
      </c>
      <c r="C50" s="21" t="s">
        <v>262</v>
      </c>
      <c r="D50" s="21" t="s">
        <v>216</v>
      </c>
      <c r="E50" s="21" t="s">
        <v>684</v>
      </c>
      <c r="F50" s="21" t="s">
        <v>429</v>
      </c>
      <c r="G50" s="16">
        <v>122392</v>
      </c>
      <c r="H50" s="16">
        <v>25182</v>
      </c>
      <c r="I50" s="16">
        <v>22452</v>
      </c>
      <c r="J50" s="16">
        <v>370</v>
      </c>
      <c r="K50" s="16">
        <v>2730</v>
      </c>
      <c r="L50" s="16">
        <v>265</v>
      </c>
      <c r="M50" s="16">
        <v>96945</v>
      </c>
      <c r="N50" s="22" t="s">
        <v>268</v>
      </c>
      <c r="O50" s="16">
        <v>857</v>
      </c>
      <c r="P50" s="16">
        <v>361</v>
      </c>
      <c r="Q50" s="16">
        <v>96945</v>
      </c>
    </row>
    <row r="51" spans="1:17">
      <c r="A51" s="21" t="s">
        <v>232</v>
      </c>
      <c r="B51" s="21" t="s">
        <v>233</v>
      </c>
      <c r="C51" s="21" t="s">
        <v>262</v>
      </c>
      <c r="D51" s="21" t="s">
        <v>216</v>
      </c>
      <c r="E51" s="21" t="s">
        <v>685</v>
      </c>
      <c r="F51" s="21" t="s">
        <v>214</v>
      </c>
      <c r="G51" s="16">
        <v>5786725</v>
      </c>
      <c r="H51" s="16">
        <v>1199028</v>
      </c>
      <c r="I51" s="16">
        <v>1082883</v>
      </c>
      <c r="J51" s="16">
        <v>88063</v>
      </c>
      <c r="K51" s="16">
        <v>116145</v>
      </c>
      <c r="L51" s="16">
        <v>89046</v>
      </c>
      <c r="M51" s="16">
        <v>4485033</v>
      </c>
      <c r="N51" s="16">
        <v>13618</v>
      </c>
      <c r="O51" s="16">
        <v>43914</v>
      </c>
      <c r="P51" s="16">
        <v>6730</v>
      </c>
      <c r="Q51" s="16">
        <v>687246</v>
      </c>
    </row>
    <row r="52" spans="1:17">
      <c r="A52" s="21" t="s">
        <v>232</v>
      </c>
      <c r="B52" s="21" t="s">
        <v>233</v>
      </c>
      <c r="C52" s="21" t="s">
        <v>262</v>
      </c>
      <c r="D52" s="21" t="s">
        <v>216</v>
      </c>
      <c r="E52" s="21" t="s">
        <v>685</v>
      </c>
      <c r="F52" s="21" t="s">
        <v>424</v>
      </c>
      <c r="G52" s="16">
        <v>19</v>
      </c>
      <c r="H52" s="16">
        <v>7</v>
      </c>
      <c r="I52" s="16">
        <v>4</v>
      </c>
      <c r="J52" s="22" t="s">
        <v>268</v>
      </c>
      <c r="K52" s="16">
        <v>3</v>
      </c>
      <c r="L52" s="16">
        <v>1</v>
      </c>
      <c r="M52" s="16">
        <v>11</v>
      </c>
      <c r="N52" s="22" t="s">
        <v>268</v>
      </c>
      <c r="O52" s="22" t="s">
        <v>268</v>
      </c>
      <c r="P52" s="22" t="s">
        <v>268</v>
      </c>
      <c r="Q52" s="22" t="s">
        <v>268</v>
      </c>
    </row>
    <row r="53" spans="1:17">
      <c r="A53" s="21" t="s">
        <v>232</v>
      </c>
      <c r="B53" s="21" t="s">
        <v>233</v>
      </c>
      <c r="C53" s="21" t="s">
        <v>262</v>
      </c>
      <c r="D53" s="21" t="s">
        <v>216</v>
      </c>
      <c r="E53" s="21" t="s">
        <v>685</v>
      </c>
      <c r="F53" s="21" t="s">
        <v>425</v>
      </c>
      <c r="G53" s="16">
        <v>4126862</v>
      </c>
      <c r="H53" s="16">
        <v>1030758</v>
      </c>
      <c r="I53" s="16">
        <v>938057</v>
      </c>
      <c r="J53" s="16">
        <v>81756</v>
      </c>
      <c r="K53" s="16">
        <v>92701</v>
      </c>
      <c r="L53" s="16">
        <v>81468</v>
      </c>
      <c r="M53" s="16">
        <v>3014636</v>
      </c>
      <c r="N53" s="22" t="s">
        <v>268</v>
      </c>
      <c r="O53" s="16">
        <v>34608</v>
      </c>
      <c r="P53" s="16">
        <v>1322</v>
      </c>
      <c r="Q53" s="22" t="s">
        <v>268</v>
      </c>
    </row>
    <row r="54" spans="1:17">
      <c r="A54" s="21" t="s">
        <v>232</v>
      </c>
      <c r="B54" s="21" t="s">
        <v>233</v>
      </c>
      <c r="C54" s="21" t="s">
        <v>262</v>
      </c>
      <c r="D54" s="21" t="s">
        <v>216</v>
      </c>
      <c r="E54" s="21" t="s">
        <v>685</v>
      </c>
      <c r="F54" s="21" t="s">
        <v>426</v>
      </c>
      <c r="G54" s="16">
        <v>863086</v>
      </c>
      <c r="H54" s="16">
        <v>168263</v>
      </c>
      <c r="I54" s="16">
        <v>144822</v>
      </c>
      <c r="J54" s="16">
        <v>6307</v>
      </c>
      <c r="K54" s="16">
        <v>23441</v>
      </c>
      <c r="L54" s="16">
        <v>7577</v>
      </c>
      <c r="M54" s="16">
        <v>687246</v>
      </c>
      <c r="N54" s="22" t="s">
        <v>268</v>
      </c>
      <c r="O54" s="16">
        <v>9306</v>
      </c>
      <c r="P54" s="16">
        <v>5408</v>
      </c>
      <c r="Q54" s="16">
        <v>687246</v>
      </c>
    </row>
    <row r="55" spans="1:17">
      <c r="A55" s="21" t="s">
        <v>232</v>
      </c>
      <c r="B55" s="21" t="s">
        <v>233</v>
      </c>
      <c r="C55" s="21" t="s">
        <v>262</v>
      </c>
      <c r="D55" s="21" t="s">
        <v>216</v>
      </c>
      <c r="E55" s="21" t="s">
        <v>685</v>
      </c>
      <c r="F55" s="21" t="s">
        <v>720</v>
      </c>
      <c r="G55" s="16">
        <v>796758</v>
      </c>
      <c r="H55" s="22" t="s">
        <v>268</v>
      </c>
      <c r="I55" s="22" t="s">
        <v>268</v>
      </c>
      <c r="J55" s="22" t="s">
        <v>268</v>
      </c>
      <c r="K55" s="22" t="s">
        <v>268</v>
      </c>
      <c r="L55" s="22" t="s">
        <v>268</v>
      </c>
      <c r="M55" s="16">
        <v>783140</v>
      </c>
      <c r="N55" s="16">
        <v>13618</v>
      </c>
      <c r="O55" s="22" t="s">
        <v>268</v>
      </c>
      <c r="P55" s="22" t="s">
        <v>268</v>
      </c>
      <c r="Q55" s="22" t="s">
        <v>268</v>
      </c>
    </row>
    <row r="56" spans="1:17">
      <c r="A56" s="21" t="s">
        <v>232</v>
      </c>
      <c r="B56" s="21" t="s">
        <v>233</v>
      </c>
      <c r="C56" s="21" t="s">
        <v>262</v>
      </c>
      <c r="D56" s="21" t="s">
        <v>216</v>
      </c>
      <c r="E56" s="21" t="s">
        <v>685</v>
      </c>
      <c r="F56" s="21" t="s">
        <v>427</v>
      </c>
      <c r="G56" s="16">
        <v>1078484</v>
      </c>
      <c r="H56" s="16">
        <v>232061</v>
      </c>
      <c r="I56" s="16">
        <v>200974</v>
      </c>
      <c r="J56" s="16">
        <v>9217</v>
      </c>
      <c r="K56" s="16">
        <v>31087</v>
      </c>
      <c r="L56" s="16">
        <v>10735</v>
      </c>
      <c r="M56" s="16">
        <v>835688</v>
      </c>
      <c r="N56" s="22" t="s">
        <v>268</v>
      </c>
      <c r="O56" s="16">
        <v>13579</v>
      </c>
      <c r="P56" s="16">
        <v>6730</v>
      </c>
      <c r="Q56" s="16">
        <v>687246</v>
      </c>
    </row>
    <row r="57" spans="1:17">
      <c r="A57" s="21" t="s">
        <v>232</v>
      </c>
      <c r="B57" s="21" t="s">
        <v>233</v>
      </c>
      <c r="C57" s="21" t="s">
        <v>262</v>
      </c>
      <c r="D57" s="21" t="s">
        <v>216</v>
      </c>
      <c r="E57" s="21" t="s">
        <v>685</v>
      </c>
      <c r="F57" s="21" t="s">
        <v>428</v>
      </c>
      <c r="G57" s="16">
        <v>447448</v>
      </c>
      <c r="H57" s="16">
        <v>73251</v>
      </c>
      <c r="I57" s="16">
        <v>63027</v>
      </c>
      <c r="J57" s="16">
        <v>2082</v>
      </c>
      <c r="K57" s="16">
        <v>10224</v>
      </c>
      <c r="L57" s="16">
        <v>2676</v>
      </c>
      <c r="M57" s="16">
        <v>371521</v>
      </c>
      <c r="N57" s="22" t="s">
        <v>268</v>
      </c>
      <c r="O57" s="16">
        <v>3501</v>
      </c>
      <c r="P57" s="16">
        <v>1957</v>
      </c>
      <c r="Q57" s="16">
        <v>371521</v>
      </c>
    </row>
    <row r="58" spans="1:17">
      <c r="A58" s="21" t="s">
        <v>232</v>
      </c>
      <c r="B58" s="21" t="s">
        <v>233</v>
      </c>
      <c r="C58" s="21" t="s">
        <v>262</v>
      </c>
      <c r="D58" s="21" t="s">
        <v>216</v>
      </c>
      <c r="E58" s="21" t="s">
        <v>685</v>
      </c>
      <c r="F58" s="21" t="s">
        <v>429</v>
      </c>
      <c r="G58" s="16">
        <v>141099</v>
      </c>
      <c r="H58" s="16">
        <v>19209</v>
      </c>
      <c r="I58" s="16">
        <v>16283</v>
      </c>
      <c r="J58" s="16">
        <v>275</v>
      </c>
      <c r="K58" s="16">
        <v>2926</v>
      </c>
      <c r="L58" s="16">
        <v>547</v>
      </c>
      <c r="M58" s="16">
        <v>121343</v>
      </c>
      <c r="N58" s="22" t="s">
        <v>268</v>
      </c>
      <c r="O58" s="16">
        <v>935</v>
      </c>
      <c r="P58" s="16">
        <v>261</v>
      </c>
      <c r="Q58" s="16">
        <v>121343</v>
      </c>
    </row>
    <row r="59" spans="1:17">
      <c r="A59" s="21" t="s">
        <v>232</v>
      </c>
      <c r="B59" s="21" t="s">
        <v>233</v>
      </c>
      <c r="C59" s="21" t="s">
        <v>262</v>
      </c>
      <c r="D59" s="21" t="s">
        <v>216</v>
      </c>
      <c r="E59" s="21" t="s">
        <v>686</v>
      </c>
      <c r="F59" s="21" t="s">
        <v>214</v>
      </c>
      <c r="G59" s="16">
        <v>331150</v>
      </c>
      <c r="H59" s="16">
        <v>40417</v>
      </c>
      <c r="I59" s="16">
        <v>37500</v>
      </c>
      <c r="J59" s="16">
        <v>4938</v>
      </c>
      <c r="K59" s="16">
        <v>2917</v>
      </c>
      <c r="L59" s="16">
        <v>1890</v>
      </c>
      <c r="M59" s="16">
        <v>288470</v>
      </c>
      <c r="N59" s="16">
        <v>373</v>
      </c>
      <c r="O59" s="16">
        <v>1138</v>
      </c>
      <c r="P59" s="16">
        <v>215</v>
      </c>
      <c r="Q59" s="16">
        <v>8078</v>
      </c>
    </row>
    <row r="60" spans="1:17">
      <c r="A60" s="21" t="s">
        <v>232</v>
      </c>
      <c r="B60" s="21" t="s">
        <v>233</v>
      </c>
      <c r="C60" s="21" t="s">
        <v>262</v>
      </c>
      <c r="D60" s="21" t="s">
        <v>216</v>
      </c>
      <c r="E60" s="21" t="s">
        <v>686</v>
      </c>
      <c r="F60" s="21" t="s">
        <v>424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22" t="s">
        <v>268</v>
      </c>
      <c r="L60" s="22" t="s">
        <v>268</v>
      </c>
      <c r="M60" s="22" t="s">
        <v>268</v>
      </c>
      <c r="N60" s="22" t="s">
        <v>268</v>
      </c>
      <c r="O60" s="22" t="s">
        <v>268</v>
      </c>
      <c r="P60" s="22" t="s">
        <v>268</v>
      </c>
      <c r="Q60" s="22" t="s">
        <v>268</v>
      </c>
    </row>
    <row r="61" spans="1:17">
      <c r="A61" s="21" t="s">
        <v>232</v>
      </c>
      <c r="B61" s="21" t="s">
        <v>233</v>
      </c>
      <c r="C61" s="21" t="s">
        <v>262</v>
      </c>
      <c r="D61" s="21" t="s">
        <v>216</v>
      </c>
      <c r="E61" s="21" t="s">
        <v>686</v>
      </c>
      <c r="F61" s="21" t="s">
        <v>425</v>
      </c>
      <c r="G61" s="16">
        <v>282309</v>
      </c>
      <c r="H61" s="16">
        <v>37226</v>
      </c>
      <c r="I61" s="16">
        <v>34966</v>
      </c>
      <c r="J61" s="16">
        <v>4750</v>
      </c>
      <c r="K61" s="16">
        <v>2260</v>
      </c>
      <c r="L61" s="16">
        <v>1778</v>
      </c>
      <c r="M61" s="16">
        <v>243305</v>
      </c>
      <c r="N61" s="22" t="s">
        <v>268</v>
      </c>
      <c r="O61" s="16">
        <v>788</v>
      </c>
      <c r="P61" s="16">
        <v>54</v>
      </c>
      <c r="Q61" s="22" t="s">
        <v>268</v>
      </c>
    </row>
    <row r="62" spans="1:17">
      <c r="A62" s="21" t="s">
        <v>232</v>
      </c>
      <c r="B62" s="21" t="s">
        <v>233</v>
      </c>
      <c r="C62" s="21" t="s">
        <v>262</v>
      </c>
      <c r="D62" s="21" t="s">
        <v>216</v>
      </c>
      <c r="E62" s="21" t="s">
        <v>686</v>
      </c>
      <c r="F62" s="21" t="s">
        <v>426</v>
      </c>
      <c r="G62" s="16">
        <v>11381</v>
      </c>
      <c r="H62" s="16">
        <v>3191</v>
      </c>
      <c r="I62" s="16">
        <v>2534</v>
      </c>
      <c r="J62" s="16">
        <v>188</v>
      </c>
      <c r="K62" s="16">
        <v>657</v>
      </c>
      <c r="L62" s="16">
        <v>112</v>
      </c>
      <c r="M62" s="16">
        <v>8078</v>
      </c>
      <c r="N62" s="22" t="s">
        <v>268</v>
      </c>
      <c r="O62" s="16">
        <v>350</v>
      </c>
      <c r="P62" s="16">
        <v>161</v>
      </c>
      <c r="Q62" s="16">
        <v>8078</v>
      </c>
    </row>
    <row r="63" spans="1:17">
      <c r="A63" s="21" t="s">
        <v>232</v>
      </c>
      <c r="B63" s="21" t="s">
        <v>233</v>
      </c>
      <c r="C63" s="21" t="s">
        <v>262</v>
      </c>
      <c r="D63" s="21" t="s">
        <v>216</v>
      </c>
      <c r="E63" s="21" t="s">
        <v>686</v>
      </c>
      <c r="F63" s="21" t="s">
        <v>720</v>
      </c>
      <c r="G63" s="16">
        <v>37460</v>
      </c>
      <c r="H63" s="22" t="s">
        <v>268</v>
      </c>
      <c r="I63" s="22" t="s">
        <v>268</v>
      </c>
      <c r="J63" s="22" t="s">
        <v>268</v>
      </c>
      <c r="K63" s="22" t="s">
        <v>268</v>
      </c>
      <c r="L63" s="22" t="s">
        <v>268</v>
      </c>
      <c r="M63" s="16">
        <v>37087</v>
      </c>
      <c r="N63" s="16">
        <v>373</v>
      </c>
      <c r="O63" s="22" t="s">
        <v>268</v>
      </c>
      <c r="P63" s="22" t="s">
        <v>268</v>
      </c>
      <c r="Q63" s="22" t="s">
        <v>268</v>
      </c>
    </row>
    <row r="64" spans="1:17">
      <c r="A64" s="21" t="s">
        <v>232</v>
      </c>
      <c r="B64" s="21" t="s">
        <v>233</v>
      </c>
      <c r="C64" s="21" t="s">
        <v>262</v>
      </c>
      <c r="D64" s="21" t="s">
        <v>216</v>
      </c>
      <c r="E64" s="21" t="s">
        <v>686</v>
      </c>
      <c r="F64" s="21" t="s">
        <v>427</v>
      </c>
      <c r="G64" s="16">
        <v>16177</v>
      </c>
      <c r="H64" s="16">
        <v>4453</v>
      </c>
      <c r="I64" s="16">
        <v>3632</v>
      </c>
      <c r="J64" s="16">
        <v>310</v>
      </c>
      <c r="K64" s="16">
        <v>821</v>
      </c>
      <c r="L64" s="16">
        <v>173</v>
      </c>
      <c r="M64" s="16">
        <v>11551</v>
      </c>
      <c r="N64" s="22" t="s">
        <v>268</v>
      </c>
      <c r="O64" s="16">
        <v>438</v>
      </c>
      <c r="P64" s="16">
        <v>215</v>
      </c>
      <c r="Q64" s="16">
        <v>8078</v>
      </c>
    </row>
    <row r="65" spans="1:17">
      <c r="A65" s="21" t="s">
        <v>232</v>
      </c>
      <c r="B65" s="21" t="s">
        <v>233</v>
      </c>
      <c r="C65" s="21" t="s">
        <v>262</v>
      </c>
      <c r="D65" s="21" t="s">
        <v>216</v>
      </c>
      <c r="E65" s="21" t="s">
        <v>686</v>
      </c>
      <c r="F65" s="21" t="s">
        <v>428</v>
      </c>
      <c r="G65" s="16">
        <v>4420</v>
      </c>
      <c r="H65" s="16">
        <v>1495</v>
      </c>
      <c r="I65" s="16">
        <v>1152</v>
      </c>
      <c r="J65" s="16">
        <v>42</v>
      </c>
      <c r="K65" s="16">
        <v>343</v>
      </c>
      <c r="L65" s="16">
        <v>42</v>
      </c>
      <c r="M65" s="16">
        <v>2883</v>
      </c>
      <c r="N65" s="22" t="s">
        <v>268</v>
      </c>
      <c r="O65" s="16">
        <v>181</v>
      </c>
      <c r="P65" s="16">
        <v>38</v>
      </c>
      <c r="Q65" s="16">
        <v>2883</v>
      </c>
    </row>
    <row r="66" spans="1:17">
      <c r="A66" s="21" t="s">
        <v>232</v>
      </c>
      <c r="B66" s="21" t="s">
        <v>233</v>
      </c>
      <c r="C66" s="21" t="s">
        <v>262</v>
      </c>
      <c r="D66" s="21" t="s">
        <v>216</v>
      </c>
      <c r="E66" s="21" t="s">
        <v>686</v>
      </c>
      <c r="F66" s="21" t="s">
        <v>429</v>
      </c>
      <c r="G66" s="16">
        <v>939</v>
      </c>
      <c r="H66" s="16">
        <v>482</v>
      </c>
      <c r="I66" s="16">
        <v>347</v>
      </c>
      <c r="J66" s="16">
        <v>6</v>
      </c>
      <c r="K66" s="16">
        <v>135</v>
      </c>
      <c r="L66" s="16">
        <v>13</v>
      </c>
      <c r="M66" s="16">
        <v>444</v>
      </c>
      <c r="N66" s="22" t="s">
        <v>268</v>
      </c>
      <c r="O66" s="16">
        <v>69</v>
      </c>
      <c r="P66" s="16">
        <v>5</v>
      </c>
      <c r="Q66" s="16">
        <v>444</v>
      </c>
    </row>
    <row r="67" spans="1:17">
      <c r="A67" s="21" t="s">
        <v>232</v>
      </c>
      <c r="B67" s="21" t="s">
        <v>233</v>
      </c>
      <c r="C67" s="21" t="s">
        <v>262</v>
      </c>
      <c r="D67" s="21" t="s">
        <v>216</v>
      </c>
      <c r="E67" s="21" t="s">
        <v>687</v>
      </c>
      <c r="F67" s="21" t="s">
        <v>214</v>
      </c>
      <c r="G67" s="16">
        <v>285827</v>
      </c>
      <c r="H67" s="16">
        <v>67737</v>
      </c>
      <c r="I67" s="16">
        <v>63249</v>
      </c>
      <c r="J67" s="16">
        <v>1875</v>
      </c>
      <c r="K67" s="16">
        <v>4488</v>
      </c>
      <c r="L67" s="16">
        <v>1492</v>
      </c>
      <c r="M67" s="16">
        <v>216455</v>
      </c>
      <c r="N67" s="16">
        <v>143</v>
      </c>
      <c r="O67" s="16">
        <v>2015</v>
      </c>
      <c r="P67" s="16">
        <v>367</v>
      </c>
      <c r="Q67" s="16">
        <v>69136</v>
      </c>
    </row>
    <row r="68" spans="1:17">
      <c r="A68" s="21" t="s">
        <v>232</v>
      </c>
      <c r="B68" s="21" t="s">
        <v>233</v>
      </c>
      <c r="C68" s="21" t="s">
        <v>262</v>
      </c>
      <c r="D68" s="21" t="s">
        <v>216</v>
      </c>
      <c r="E68" s="21" t="s">
        <v>687</v>
      </c>
      <c r="F68" s="21" t="s">
        <v>424</v>
      </c>
      <c r="G68" s="16">
        <v>18</v>
      </c>
      <c r="H68" s="16">
        <v>3</v>
      </c>
      <c r="I68" s="22" t="s">
        <v>268</v>
      </c>
      <c r="J68" s="22" t="s">
        <v>268</v>
      </c>
      <c r="K68" s="16">
        <v>3</v>
      </c>
      <c r="L68" s="22" t="s">
        <v>268</v>
      </c>
      <c r="M68" s="16">
        <v>15</v>
      </c>
      <c r="N68" s="22" t="s">
        <v>268</v>
      </c>
      <c r="O68" s="22" t="s">
        <v>268</v>
      </c>
      <c r="P68" s="22" t="s">
        <v>268</v>
      </c>
      <c r="Q68" s="22" t="s">
        <v>268</v>
      </c>
    </row>
    <row r="69" spans="1:17">
      <c r="A69" s="21" t="s">
        <v>232</v>
      </c>
      <c r="B69" s="21" t="s">
        <v>233</v>
      </c>
      <c r="C69" s="21" t="s">
        <v>262</v>
      </c>
      <c r="D69" s="21" t="s">
        <v>216</v>
      </c>
      <c r="E69" s="21" t="s">
        <v>687</v>
      </c>
      <c r="F69" s="21" t="s">
        <v>425</v>
      </c>
      <c r="G69" s="16">
        <v>202151</v>
      </c>
      <c r="H69" s="16">
        <v>59704</v>
      </c>
      <c r="I69" s="16">
        <v>56752</v>
      </c>
      <c r="J69" s="16">
        <v>1557</v>
      </c>
      <c r="K69" s="16">
        <v>2952</v>
      </c>
      <c r="L69" s="16">
        <v>1225</v>
      </c>
      <c r="M69" s="16">
        <v>141222</v>
      </c>
      <c r="N69" s="22" t="s">
        <v>268</v>
      </c>
      <c r="O69" s="16">
        <v>1448</v>
      </c>
      <c r="P69" s="16">
        <v>78</v>
      </c>
      <c r="Q69" s="22" t="s">
        <v>268</v>
      </c>
    </row>
    <row r="70" spans="1:17">
      <c r="A70" s="21" t="s">
        <v>232</v>
      </c>
      <c r="B70" s="21" t="s">
        <v>233</v>
      </c>
      <c r="C70" s="21" t="s">
        <v>262</v>
      </c>
      <c r="D70" s="21" t="s">
        <v>216</v>
      </c>
      <c r="E70" s="21" t="s">
        <v>687</v>
      </c>
      <c r="F70" s="21" t="s">
        <v>426</v>
      </c>
      <c r="G70" s="16">
        <v>77433</v>
      </c>
      <c r="H70" s="16">
        <v>8030</v>
      </c>
      <c r="I70" s="16">
        <v>6497</v>
      </c>
      <c r="J70" s="16">
        <v>318</v>
      </c>
      <c r="K70" s="16">
        <v>1533</v>
      </c>
      <c r="L70" s="16">
        <v>267</v>
      </c>
      <c r="M70" s="16">
        <v>69136</v>
      </c>
      <c r="N70" s="22" t="s">
        <v>268</v>
      </c>
      <c r="O70" s="16">
        <v>567</v>
      </c>
      <c r="P70" s="16">
        <v>289</v>
      </c>
      <c r="Q70" s="16">
        <v>69136</v>
      </c>
    </row>
    <row r="71" spans="1:17">
      <c r="A71" s="21" t="s">
        <v>232</v>
      </c>
      <c r="B71" s="21" t="s">
        <v>233</v>
      </c>
      <c r="C71" s="21" t="s">
        <v>262</v>
      </c>
      <c r="D71" s="21" t="s">
        <v>216</v>
      </c>
      <c r="E71" s="21" t="s">
        <v>687</v>
      </c>
      <c r="F71" s="21" t="s">
        <v>720</v>
      </c>
      <c r="G71" s="16">
        <v>6225</v>
      </c>
      <c r="H71" s="22" t="s">
        <v>268</v>
      </c>
      <c r="I71" s="22" t="s">
        <v>268</v>
      </c>
      <c r="J71" s="22" t="s">
        <v>268</v>
      </c>
      <c r="K71" s="22" t="s">
        <v>268</v>
      </c>
      <c r="L71" s="22" t="s">
        <v>268</v>
      </c>
      <c r="M71" s="16">
        <v>6082</v>
      </c>
      <c r="N71" s="16">
        <v>143</v>
      </c>
      <c r="O71" s="22" t="s">
        <v>268</v>
      </c>
      <c r="P71" s="22" t="s">
        <v>268</v>
      </c>
      <c r="Q71" s="22" t="s">
        <v>268</v>
      </c>
    </row>
    <row r="72" spans="1:17">
      <c r="A72" s="21" t="s">
        <v>232</v>
      </c>
      <c r="B72" s="21" t="s">
        <v>233</v>
      </c>
      <c r="C72" s="21" t="s">
        <v>262</v>
      </c>
      <c r="D72" s="21" t="s">
        <v>216</v>
      </c>
      <c r="E72" s="21" t="s">
        <v>687</v>
      </c>
      <c r="F72" s="21" t="s">
        <v>427</v>
      </c>
      <c r="G72" s="16">
        <v>89361</v>
      </c>
      <c r="H72" s="16">
        <v>10995</v>
      </c>
      <c r="I72" s="16">
        <v>9157</v>
      </c>
      <c r="J72" s="16">
        <v>441</v>
      </c>
      <c r="K72" s="16">
        <v>1838</v>
      </c>
      <c r="L72" s="16">
        <v>347</v>
      </c>
      <c r="M72" s="16">
        <v>78019</v>
      </c>
      <c r="N72" s="22" t="s">
        <v>268</v>
      </c>
      <c r="O72" s="16">
        <v>728</v>
      </c>
      <c r="P72" s="16">
        <v>367</v>
      </c>
      <c r="Q72" s="16">
        <v>69136</v>
      </c>
    </row>
    <row r="73" spans="1:17">
      <c r="A73" s="21" t="s">
        <v>232</v>
      </c>
      <c r="B73" s="21" t="s">
        <v>233</v>
      </c>
      <c r="C73" s="21" t="s">
        <v>262</v>
      </c>
      <c r="D73" s="21" t="s">
        <v>216</v>
      </c>
      <c r="E73" s="21" t="s">
        <v>687</v>
      </c>
      <c r="F73" s="21" t="s">
        <v>428</v>
      </c>
      <c r="G73" s="16">
        <v>50384</v>
      </c>
      <c r="H73" s="16">
        <v>3996</v>
      </c>
      <c r="I73" s="16">
        <v>3114</v>
      </c>
      <c r="J73" s="16">
        <v>121</v>
      </c>
      <c r="K73" s="16">
        <v>882</v>
      </c>
      <c r="L73" s="16">
        <v>113</v>
      </c>
      <c r="M73" s="16">
        <v>46275</v>
      </c>
      <c r="N73" s="22" t="s">
        <v>268</v>
      </c>
      <c r="O73" s="16">
        <v>285</v>
      </c>
      <c r="P73" s="16">
        <v>116</v>
      </c>
      <c r="Q73" s="16">
        <v>46275</v>
      </c>
    </row>
    <row r="74" spans="1:17">
      <c r="A74" s="21" t="s">
        <v>232</v>
      </c>
      <c r="B74" s="21" t="s">
        <v>233</v>
      </c>
      <c r="C74" s="21" t="s">
        <v>262</v>
      </c>
      <c r="D74" s="21" t="s">
        <v>216</v>
      </c>
      <c r="E74" s="21" t="s">
        <v>687</v>
      </c>
      <c r="F74" s="21" t="s">
        <v>429</v>
      </c>
      <c r="G74" s="16">
        <v>23051</v>
      </c>
      <c r="H74" s="16">
        <v>1384</v>
      </c>
      <c r="I74" s="16">
        <v>1044</v>
      </c>
      <c r="J74" s="16">
        <v>26</v>
      </c>
      <c r="K74" s="16">
        <v>340</v>
      </c>
      <c r="L74" s="16">
        <v>31</v>
      </c>
      <c r="M74" s="16">
        <v>21636</v>
      </c>
      <c r="N74" s="22" t="s">
        <v>268</v>
      </c>
      <c r="O74" s="16">
        <v>101</v>
      </c>
      <c r="P74" s="16">
        <v>26</v>
      </c>
      <c r="Q74" s="16">
        <v>21636</v>
      </c>
    </row>
    <row r="75" spans="1:17">
      <c r="A75" s="21" t="s">
        <v>232</v>
      </c>
      <c r="B75" s="21" t="s">
        <v>233</v>
      </c>
      <c r="C75" s="21" t="s">
        <v>262</v>
      </c>
      <c r="D75" s="21" t="s">
        <v>216</v>
      </c>
      <c r="E75" s="21" t="s">
        <v>688</v>
      </c>
      <c r="F75" s="21" t="s">
        <v>214</v>
      </c>
      <c r="G75" s="16">
        <v>211581</v>
      </c>
      <c r="H75" s="16">
        <v>30007</v>
      </c>
      <c r="I75" s="16">
        <v>27802</v>
      </c>
      <c r="J75" s="16">
        <v>744</v>
      </c>
      <c r="K75" s="16">
        <v>2205</v>
      </c>
      <c r="L75" s="16">
        <v>866</v>
      </c>
      <c r="M75" s="16">
        <v>179471</v>
      </c>
      <c r="N75" s="16">
        <v>1237</v>
      </c>
      <c r="O75" s="16">
        <v>1346</v>
      </c>
      <c r="P75" s="16">
        <v>212</v>
      </c>
      <c r="Q75" s="16">
        <v>15281</v>
      </c>
    </row>
    <row r="76" spans="1:17">
      <c r="A76" s="21" t="s">
        <v>232</v>
      </c>
      <c r="B76" s="21" t="s">
        <v>233</v>
      </c>
      <c r="C76" s="21" t="s">
        <v>262</v>
      </c>
      <c r="D76" s="21" t="s">
        <v>216</v>
      </c>
      <c r="E76" s="21" t="s">
        <v>688</v>
      </c>
      <c r="F76" s="21" t="s">
        <v>424</v>
      </c>
      <c r="G76" s="16">
        <v>1</v>
      </c>
      <c r="H76" s="22" t="s">
        <v>268</v>
      </c>
      <c r="I76" s="22" t="s">
        <v>268</v>
      </c>
      <c r="J76" s="22" t="s">
        <v>268</v>
      </c>
      <c r="K76" s="22" t="s">
        <v>268</v>
      </c>
      <c r="L76" s="22" t="s">
        <v>268</v>
      </c>
      <c r="M76" s="16">
        <v>1</v>
      </c>
      <c r="N76" s="22" t="s">
        <v>268</v>
      </c>
      <c r="O76" s="22" t="s">
        <v>268</v>
      </c>
      <c r="P76" s="22" t="s">
        <v>268</v>
      </c>
      <c r="Q76" s="22" t="s">
        <v>268</v>
      </c>
    </row>
    <row r="77" spans="1:17">
      <c r="A77" s="21" t="s">
        <v>232</v>
      </c>
      <c r="B77" s="21" t="s">
        <v>233</v>
      </c>
      <c r="C77" s="21" t="s">
        <v>262</v>
      </c>
      <c r="D77" s="21" t="s">
        <v>216</v>
      </c>
      <c r="E77" s="21" t="s">
        <v>688</v>
      </c>
      <c r="F77" s="21" t="s">
        <v>425</v>
      </c>
      <c r="G77" s="16">
        <v>177612</v>
      </c>
      <c r="H77" s="16">
        <v>27175</v>
      </c>
      <c r="I77" s="16">
        <v>25618</v>
      </c>
      <c r="J77" s="16">
        <v>558</v>
      </c>
      <c r="K77" s="16">
        <v>1557</v>
      </c>
      <c r="L77" s="16">
        <v>745</v>
      </c>
      <c r="M77" s="16">
        <v>149692</v>
      </c>
      <c r="N77" s="22" t="s">
        <v>268</v>
      </c>
      <c r="O77" s="16">
        <v>1013</v>
      </c>
      <c r="P77" s="16">
        <v>36</v>
      </c>
      <c r="Q77" s="22" t="s">
        <v>268</v>
      </c>
    </row>
    <row r="78" spans="1:17">
      <c r="A78" s="21" t="s">
        <v>232</v>
      </c>
      <c r="B78" s="21" t="s">
        <v>233</v>
      </c>
      <c r="C78" s="21" t="s">
        <v>262</v>
      </c>
      <c r="D78" s="21" t="s">
        <v>216</v>
      </c>
      <c r="E78" s="21" t="s">
        <v>688</v>
      </c>
      <c r="F78" s="21" t="s">
        <v>426</v>
      </c>
      <c r="G78" s="16">
        <v>18234</v>
      </c>
      <c r="H78" s="16">
        <v>2832</v>
      </c>
      <c r="I78" s="16">
        <v>2184</v>
      </c>
      <c r="J78" s="16">
        <v>186</v>
      </c>
      <c r="K78" s="16">
        <v>648</v>
      </c>
      <c r="L78" s="16">
        <v>121</v>
      </c>
      <c r="M78" s="16">
        <v>15281</v>
      </c>
      <c r="N78" s="22" t="s">
        <v>268</v>
      </c>
      <c r="O78" s="16">
        <v>333</v>
      </c>
      <c r="P78" s="16">
        <v>176</v>
      </c>
      <c r="Q78" s="16">
        <v>15281</v>
      </c>
    </row>
    <row r="79" spans="1:17">
      <c r="A79" s="21" t="s">
        <v>232</v>
      </c>
      <c r="B79" s="21" t="s">
        <v>233</v>
      </c>
      <c r="C79" s="21" t="s">
        <v>262</v>
      </c>
      <c r="D79" s="21" t="s">
        <v>216</v>
      </c>
      <c r="E79" s="21" t="s">
        <v>688</v>
      </c>
      <c r="F79" s="21" t="s">
        <v>720</v>
      </c>
      <c r="G79" s="16">
        <v>15734</v>
      </c>
      <c r="H79" s="22" t="s">
        <v>268</v>
      </c>
      <c r="I79" s="22" t="s">
        <v>268</v>
      </c>
      <c r="J79" s="22" t="s">
        <v>268</v>
      </c>
      <c r="K79" s="22" t="s">
        <v>268</v>
      </c>
      <c r="L79" s="22" t="s">
        <v>268</v>
      </c>
      <c r="M79" s="16">
        <v>14497</v>
      </c>
      <c r="N79" s="16">
        <v>1237</v>
      </c>
      <c r="O79" s="22" t="s">
        <v>268</v>
      </c>
      <c r="P79" s="22" t="s">
        <v>268</v>
      </c>
      <c r="Q79" s="22" t="s">
        <v>268</v>
      </c>
    </row>
    <row r="80" spans="1:17">
      <c r="A80" s="21" t="s">
        <v>232</v>
      </c>
      <c r="B80" s="21" t="s">
        <v>233</v>
      </c>
      <c r="C80" s="21" t="s">
        <v>262</v>
      </c>
      <c r="D80" s="21" t="s">
        <v>216</v>
      </c>
      <c r="E80" s="21" t="s">
        <v>688</v>
      </c>
      <c r="F80" s="21" t="s">
        <v>427</v>
      </c>
      <c r="G80" s="16">
        <v>22407</v>
      </c>
      <c r="H80" s="16">
        <v>3856</v>
      </c>
      <c r="I80" s="16">
        <v>3066</v>
      </c>
      <c r="J80" s="16">
        <v>251</v>
      </c>
      <c r="K80" s="16">
        <v>790</v>
      </c>
      <c r="L80" s="16">
        <v>164</v>
      </c>
      <c r="M80" s="16">
        <v>18387</v>
      </c>
      <c r="N80" s="22" t="s">
        <v>268</v>
      </c>
      <c r="O80" s="16">
        <v>426</v>
      </c>
      <c r="P80" s="16">
        <v>212</v>
      </c>
      <c r="Q80" s="16">
        <v>15281</v>
      </c>
    </row>
    <row r="81" spans="1:17">
      <c r="A81" s="21" t="s">
        <v>232</v>
      </c>
      <c r="B81" s="21" t="s">
        <v>233</v>
      </c>
      <c r="C81" s="21" t="s">
        <v>262</v>
      </c>
      <c r="D81" s="21" t="s">
        <v>216</v>
      </c>
      <c r="E81" s="21" t="s">
        <v>688</v>
      </c>
      <c r="F81" s="21" t="s">
        <v>428</v>
      </c>
      <c r="G81" s="16">
        <v>11964</v>
      </c>
      <c r="H81" s="16">
        <v>1691</v>
      </c>
      <c r="I81" s="16">
        <v>1272</v>
      </c>
      <c r="J81" s="16">
        <v>106</v>
      </c>
      <c r="K81" s="16">
        <v>419</v>
      </c>
      <c r="L81" s="16">
        <v>65</v>
      </c>
      <c r="M81" s="16">
        <v>10208</v>
      </c>
      <c r="N81" s="22" t="s">
        <v>268</v>
      </c>
      <c r="O81" s="16">
        <v>191</v>
      </c>
      <c r="P81" s="16">
        <v>102</v>
      </c>
      <c r="Q81" s="16">
        <v>10208</v>
      </c>
    </row>
    <row r="82" spans="1:17">
      <c r="A82" s="21" t="s">
        <v>232</v>
      </c>
      <c r="B82" s="21" t="s">
        <v>233</v>
      </c>
      <c r="C82" s="21" t="s">
        <v>262</v>
      </c>
      <c r="D82" s="21" t="s">
        <v>216</v>
      </c>
      <c r="E82" s="21" t="s">
        <v>688</v>
      </c>
      <c r="F82" s="21" t="s">
        <v>429</v>
      </c>
      <c r="G82" s="16">
        <v>6110</v>
      </c>
      <c r="H82" s="16">
        <v>684</v>
      </c>
      <c r="I82" s="16">
        <v>501</v>
      </c>
      <c r="J82" s="16">
        <v>49</v>
      </c>
      <c r="K82" s="16">
        <v>183</v>
      </c>
      <c r="L82" s="16">
        <v>17</v>
      </c>
      <c r="M82" s="16">
        <v>5409</v>
      </c>
      <c r="N82" s="22" t="s">
        <v>268</v>
      </c>
      <c r="O82" s="16">
        <v>58</v>
      </c>
      <c r="P82" s="16">
        <v>47</v>
      </c>
      <c r="Q82" s="16">
        <v>5409</v>
      </c>
    </row>
    <row r="83" spans="1:17">
      <c r="A83" s="21" t="s">
        <v>232</v>
      </c>
      <c r="B83" s="21" t="s">
        <v>233</v>
      </c>
      <c r="C83" s="21" t="s">
        <v>262</v>
      </c>
      <c r="D83" s="21" t="s">
        <v>216</v>
      </c>
      <c r="E83" s="21" t="s">
        <v>689</v>
      </c>
      <c r="F83" s="21" t="s">
        <v>214</v>
      </c>
      <c r="G83" s="16">
        <v>7</v>
      </c>
      <c r="H83" s="16">
        <v>2</v>
      </c>
      <c r="I83" s="16">
        <v>2</v>
      </c>
      <c r="J83" s="22" t="s">
        <v>268</v>
      </c>
      <c r="K83" s="22" t="s">
        <v>268</v>
      </c>
      <c r="L83" s="22" t="s">
        <v>268</v>
      </c>
      <c r="M83" s="16">
        <v>4</v>
      </c>
      <c r="N83" s="16">
        <v>1</v>
      </c>
      <c r="O83" s="22" t="s">
        <v>268</v>
      </c>
      <c r="P83" s="22" t="s">
        <v>268</v>
      </c>
      <c r="Q83" s="22" t="s">
        <v>268</v>
      </c>
    </row>
    <row r="84" spans="1:17">
      <c r="A84" s="21" t="s">
        <v>232</v>
      </c>
      <c r="B84" s="21" t="s">
        <v>233</v>
      </c>
      <c r="C84" s="21" t="s">
        <v>262</v>
      </c>
      <c r="D84" s="21" t="s">
        <v>216</v>
      </c>
      <c r="E84" s="21" t="s">
        <v>689</v>
      </c>
      <c r="F84" s="21" t="s">
        <v>424</v>
      </c>
      <c r="G84" s="22" t="s">
        <v>268</v>
      </c>
      <c r="H84" s="22" t="s">
        <v>268</v>
      </c>
      <c r="I84" s="22" t="s">
        <v>268</v>
      </c>
      <c r="J84" s="22" t="s">
        <v>268</v>
      </c>
      <c r="K84" s="22" t="s">
        <v>268</v>
      </c>
      <c r="L84" s="22" t="s">
        <v>268</v>
      </c>
      <c r="M84" s="22" t="s">
        <v>268</v>
      </c>
      <c r="N84" s="22" t="s">
        <v>268</v>
      </c>
      <c r="O84" s="22" t="s">
        <v>268</v>
      </c>
      <c r="P84" s="22" t="s">
        <v>268</v>
      </c>
      <c r="Q84" s="22" t="s">
        <v>268</v>
      </c>
    </row>
    <row r="85" spans="1:17">
      <c r="A85" s="21" t="s">
        <v>232</v>
      </c>
      <c r="B85" s="21" t="s">
        <v>233</v>
      </c>
      <c r="C85" s="21" t="s">
        <v>262</v>
      </c>
      <c r="D85" s="21" t="s">
        <v>216</v>
      </c>
      <c r="E85" s="21" t="s">
        <v>689</v>
      </c>
      <c r="F85" s="21" t="s">
        <v>425</v>
      </c>
      <c r="G85" s="16">
        <v>2</v>
      </c>
      <c r="H85" s="16">
        <v>2</v>
      </c>
      <c r="I85" s="16">
        <v>2</v>
      </c>
      <c r="J85" s="22" t="s">
        <v>268</v>
      </c>
      <c r="K85" s="22" t="s">
        <v>268</v>
      </c>
      <c r="L85" s="22" t="s">
        <v>268</v>
      </c>
      <c r="M85" s="22" t="s">
        <v>268</v>
      </c>
      <c r="N85" s="22" t="s">
        <v>268</v>
      </c>
      <c r="O85" s="22" t="s">
        <v>268</v>
      </c>
      <c r="P85" s="22" t="s">
        <v>268</v>
      </c>
      <c r="Q85" s="22" t="s">
        <v>268</v>
      </c>
    </row>
    <row r="86" spans="1:17">
      <c r="A86" s="21" t="s">
        <v>232</v>
      </c>
      <c r="B86" s="21" t="s">
        <v>233</v>
      </c>
      <c r="C86" s="21" t="s">
        <v>262</v>
      </c>
      <c r="D86" s="21" t="s">
        <v>216</v>
      </c>
      <c r="E86" s="21" t="s">
        <v>689</v>
      </c>
      <c r="F86" s="21" t="s">
        <v>426</v>
      </c>
      <c r="G86" s="22" t="s">
        <v>268</v>
      </c>
      <c r="H86" s="22" t="s">
        <v>268</v>
      </c>
      <c r="I86" s="22" t="s">
        <v>268</v>
      </c>
      <c r="J86" s="22" t="s">
        <v>268</v>
      </c>
      <c r="K86" s="22" t="s">
        <v>268</v>
      </c>
      <c r="L86" s="22" t="s">
        <v>268</v>
      </c>
      <c r="M86" s="22" t="s">
        <v>268</v>
      </c>
      <c r="N86" s="22" t="s">
        <v>268</v>
      </c>
      <c r="O86" s="22" t="s">
        <v>268</v>
      </c>
      <c r="P86" s="22" t="s">
        <v>268</v>
      </c>
      <c r="Q86" s="22" t="s">
        <v>268</v>
      </c>
    </row>
    <row r="87" spans="1:17">
      <c r="A87" s="21" t="s">
        <v>232</v>
      </c>
      <c r="B87" s="21" t="s">
        <v>233</v>
      </c>
      <c r="C87" s="21" t="s">
        <v>262</v>
      </c>
      <c r="D87" s="21" t="s">
        <v>216</v>
      </c>
      <c r="E87" s="21" t="s">
        <v>689</v>
      </c>
      <c r="F87" s="21" t="s">
        <v>720</v>
      </c>
      <c r="G87" s="16">
        <v>5</v>
      </c>
      <c r="H87" s="22" t="s">
        <v>268</v>
      </c>
      <c r="I87" s="22" t="s">
        <v>268</v>
      </c>
      <c r="J87" s="22" t="s">
        <v>268</v>
      </c>
      <c r="K87" s="22" t="s">
        <v>268</v>
      </c>
      <c r="L87" s="22" t="s">
        <v>268</v>
      </c>
      <c r="M87" s="16">
        <v>4</v>
      </c>
      <c r="N87" s="16">
        <v>1</v>
      </c>
      <c r="O87" s="22" t="s">
        <v>268</v>
      </c>
      <c r="P87" s="22" t="s">
        <v>268</v>
      </c>
      <c r="Q87" s="22" t="s">
        <v>268</v>
      </c>
    </row>
    <row r="88" spans="1:17">
      <c r="A88" s="21" t="s">
        <v>232</v>
      </c>
      <c r="B88" s="21" t="s">
        <v>233</v>
      </c>
      <c r="C88" s="21" t="s">
        <v>262</v>
      </c>
      <c r="D88" s="21" t="s">
        <v>216</v>
      </c>
      <c r="E88" s="21" t="s">
        <v>689</v>
      </c>
      <c r="F88" s="21" t="s">
        <v>427</v>
      </c>
      <c r="G88" s="22" t="s">
        <v>268</v>
      </c>
      <c r="H88" s="22" t="s">
        <v>268</v>
      </c>
      <c r="I88" s="22" t="s">
        <v>268</v>
      </c>
      <c r="J88" s="22" t="s">
        <v>268</v>
      </c>
      <c r="K88" s="22" t="s">
        <v>268</v>
      </c>
      <c r="L88" s="22" t="s">
        <v>268</v>
      </c>
      <c r="M88" s="22" t="s">
        <v>268</v>
      </c>
      <c r="N88" s="22" t="s">
        <v>268</v>
      </c>
      <c r="O88" s="22" t="s">
        <v>268</v>
      </c>
      <c r="P88" s="22" t="s">
        <v>268</v>
      </c>
      <c r="Q88" s="22" t="s">
        <v>268</v>
      </c>
    </row>
    <row r="89" spans="1:17">
      <c r="A89" s="21" t="s">
        <v>232</v>
      </c>
      <c r="B89" s="21" t="s">
        <v>233</v>
      </c>
      <c r="C89" s="21" t="s">
        <v>262</v>
      </c>
      <c r="D89" s="21" t="s">
        <v>216</v>
      </c>
      <c r="E89" s="21" t="s">
        <v>689</v>
      </c>
      <c r="F89" s="21" t="s">
        <v>428</v>
      </c>
      <c r="G89" s="22" t="s">
        <v>268</v>
      </c>
      <c r="H89" s="22" t="s">
        <v>268</v>
      </c>
      <c r="I89" s="22" t="s">
        <v>268</v>
      </c>
      <c r="J89" s="22" t="s">
        <v>268</v>
      </c>
      <c r="K89" s="22" t="s">
        <v>268</v>
      </c>
      <c r="L89" s="22" t="s">
        <v>268</v>
      </c>
      <c r="M89" s="22" t="s">
        <v>268</v>
      </c>
      <c r="N89" s="22" t="s">
        <v>268</v>
      </c>
      <c r="O89" s="22" t="s">
        <v>268</v>
      </c>
      <c r="P89" s="22" t="s">
        <v>268</v>
      </c>
      <c r="Q89" s="22" t="s">
        <v>268</v>
      </c>
    </row>
    <row r="90" spans="1:17">
      <c r="A90" s="21" t="s">
        <v>232</v>
      </c>
      <c r="B90" s="21" t="s">
        <v>233</v>
      </c>
      <c r="C90" s="21" t="s">
        <v>262</v>
      </c>
      <c r="D90" s="21" t="s">
        <v>216</v>
      </c>
      <c r="E90" s="21" t="s">
        <v>689</v>
      </c>
      <c r="F90" s="21" t="s">
        <v>429</v>
      </c>
      <c r="G90" s="22" t="s">
        <v>268</v>
      </c>
      <c r="H90" s="22" t="s">
        <v>268</v>
      </c>
      <c r="I90" s="22" t="s">
        <v>268</v>
      </c>
      <c r="J90" s="22" t="s">
        <v>268</v>
      </c>
      <c r="K90" s="22" t="s">
        <v>268</v>
      </c>
      <c r="L90" s="22" t="s">
        <v>268</v>
      </c>
      <c r="M90" s="22" t="s">
        <v>268</v>
      </c>
      <c r="N90" s="22" t="s">
        <v>268</v>
      </c>
      <c r="O90" s="22" t="s">
        <v>268</v>
      </c>
      <c r="P90" s="22" t="s">
        <v>268</v>
      </c>
      <c r="Q90" s="22" t="s">
        <v>268</v>
      </c>
    </row>
    <row r="91" spans="1:17">
      <c r="A91" s="21" t="s">
        <v>232</v>
      </c>
      <c r="B91" s="21" t="s">
        <v>237</v>
      </c>
      <c r="C91" s="21" t="s">
        <v>264</v>
      </c>
      <c r="D91" s="21" t="s">
        <v>216</v>
      </c>
      <c r="E91" s="21" t="s">
        <v>214</v>
      </c>
      <c r="F91" s="21" t="s">
        <v>214</v>
      </c>
      <c r="G91" s="16">
        <v>205278</v>
      </c>
      <c r="H91" s="16">
        <v>75023</v>
      </c>
      <c r="I91" s="16">
        <v>59960</v>
      </c>
      <c r="J91" s="16">
        <v>2238</v>
      </c>
      <c r="K91" s="16">
        <v>15063</v>
      </c>
      <c r="L91" s="16">
        <v>1766</v>
      </c>
      <c r="M91" s="16">
        <v>128221</v>
      </c>
      <c r="N91" s="16">
        <v>268</v>
      </c>
      <c r="O91" s="16">
        <v>8957</v>
      </c>
      <c r="P91" s="16">
        <v>784</v>
      </c>
      <c r="Q91" s="16">
        <v>62665</v>
      </c>
    </row>
    <row r="92" spans="1:17">
      <c r="A92" s="21" t="s">
        <v>232</v>
      </c>
      <c r="B92" s="21" t="s">
        <v>237</v>
      </c>
      <c r="C92" s="21" t="s">
        <v>264</v>
      </c>
      <c r="D92" s="21" t="s">
        <v>216</v>
      </c>
      <c r="E92" s="21" t="s">
        <v>214</v>
      </c>
      <c r="F92" s="21" t="s">
        <v>424</v>
      </c>
      <c r="G92" s="22" t="s">
        <v>268</v>
      </c>
      <c r="H92" s="22" t="s">
        <v>268</v>
      </c>
      <c r="I92" s="22" t="s">
        <v>268</v>
      </c>
      <c r="J92" s="22" t="s">
        <v>268</v>
      </c>
      <c r="K92" s="22" t="s">
        <v>268</v>
      </c>
      <c r="L92" s="22" t="s">
        <v>268</v>
      </c>
      <c r="M92" s="22" t="s">
        <v>268</v>
      </c>
      <c r="N92" s="22" t="s">
        <v>268</v>
      </c>
      <c r="O92" s="22" t="s">
        <v>268</v>
      </c>
      <c r="P92" s="22" t="s">
        <v>268</v>
      </c>
      <c r="Q92" s="22" t="s">
        <v>268</v>
      </c>
    </row>
    <row r="93" spans="1:17">
      <c r="A93" s="21" t="s">
        <v>232</v>
      </c>
      <c r="B93" s="21" t="s">
        <v>237</v>
      </c>
      <c r="C93" s="21" t="s">
        <v>264</v>
      </c>
      <c r="D93" s="21" t="s">
        <v>216</v>
      </c>
      <c r="E93" s="21" t="s">
        <v>214</v>
      </c>
      <c r="F93" s="21" t="s">
        <v>425</v>
      </c>
      <c r="G93" s="16">
        <v>99867</v>
      </c>
      <c r="H93" s="16">
        <v>42139</v>
      </c>
      <c r="I93" s="16">
        <v>36680</v>
      </c>
      <c r="J93" s="16">
        <v>1524</v>
      </c>
      <c r="K93" s="16">
        <v>5459</v>
      </c>
      <c r="L93" s="16">
        <v>1307</v>
      </c>
      <c r="M93" s="16">
        <v>56421</v>
      </c>
      <c r="N93" s="22" t="s">
        <v>268</v>
      </c>
      <c r="O93" s="16">
        <v>3490</v>
      </c>
      <c r="P93" s="16">
        <v>123</v>
      </c>
      <c r="Q93" s="22" t="s">
        <v>268</v>
      </c>
    </row>
    <row r="94" spans="1:17">
      <c r="A94" s="21" t="s">
        <v>232</v>
      </c>
      <c r="B94" s="21" t="s">
        <v>237</v>
      </c>
      <c r="C94" s="21" t="s">
        <v>264</v>
      </c>
      <c r="D94" s="21" t="s">
        <v>216</v>
      </c>
      <c r="E94" s="21" t="s">
        <v>214</v>
      </c>
      <c r="F94" s="21" t="s">
        <v>426</v>
      </c>
      <c r="G94" s="16">
        <v>96008</v>
      </c>
      <c r="H94" s="16">
        <v>32884</v>
      </c>
      <c r="I94" s="16">
        <v>23280</v>
      </c>
      <c r="J94" s="16">
        <v>714</v>
      </c>
      <c r="K94" s="16">
        <v>9604</v>
      </c>
      <c r="L94" s="16">
        <v>459</v>
      </c>
      <c r="M94" s="16">
        <v>62665</v>
      </c>
      <c r="N94" s="22" t="s">
        <v>268</v>
      </c>
      <c r="O94" s="16">
        <v>5467</v>
      </c>
      <c r="P94" s="16">
        <v>661</v>
      </c>
      <c r="Q94" s="16">
        <v>62665</v>
      </c>
    </row>
    <row r="95" spans="1:17">
      <c r="A95" s="21" t="s">
        <v>232</v>
      </c>
      <c r="B95" s="21" t="s">
        <v>237</v>
      </c>
      <c r="C95" s="21" t="s">
        <v>264</v>
      </c>
      <c r="D95" s="21" t="s">
        <v>216</v>
      </c>
      <c r="E95" s="21" t="s">
        <v>214</v>
      </c>
      <c r="F95" s="21" t="s">
        <v>720</v>
      </c>
      <c r="G95" s="16">
        <v>9403</v>
      </c>
      <c r="H95" s="22" t="s">
        <v>268</v>
      </c>
      <c r="I95" s="22" t="s">
        <v>268</v>
      </c>
      <c r="J95" s="22" t="s">
        <v>268</v>
      </c>
      <c r="K95" s="22" t="s">
        <v>268</v>
      </c>
      <c r="L95" s="22" t="s">
        <v>268</v>
      </c>
      <c r="M95" s="16">
        <v>9135</v>
      </c>
      <c r="N95" s="16">
        <v>268</v>
      </c>
      <c r="O95" s="22" t="s">
        <v>268</v>
      </c>
      <c r="P95" s="22" t="s">
        <v>268</v>
      </c>
      <c r="Q95" s="22" t="s">
        <v>268</v>
      </c>
    </row>
    <row r="96" spans="1:17">
      <c r="A96" s="21" t="s">
        <v>232</v>
      </c>
      <c r="B96" s="21" t="s">
        <v>237</v>
      </c>
      <c r="C96" s="21" t="s">
        <v>264</v>
      </c>
      <c r="D96" s="21" t="s">
        <v>216</v>
      </c>
      <c r="E96" s="21" t="s">
        <v>214</v>
      </c>
      <c r="F96" s="21" t="s">
        <v>427</v>
      </c>
      <c r="G96" s="16">
        <v>109253</v>
      </c>
      <c r="H96" s="16">
        <v>38151</v>
      </c>
      <c r="I96" s="16">
        <v>27313</v>
      </c>
      <c r="J96" s="16">
        <v>935</v>
      </c>
      <c r="K96" s="16">
        <v>10838</v>
      </c>
      <c r="L96" s="16">
        <v>580</v>
      </c>
      <c r="M96" s="16">
        <v>70522</v>
      </c>
      <c r="N96" s="22" t="s">
        <v>268</v>
      </c>
      <c r="O96" s="16">
        <v>6323</v>
      </c>
      <c r="P96" s="16">
        <v>784</v>
      </c>
      <c r="Q96" s="16">
        <v>62665</v>
      </c>
    </row>
    <row r="97" spans="1:17">
      <c r="A97" s="21" t="s">
        <v>232</v>
      </c>
      <c r="B97" s="21" t="s">
        <v>237</v>
      </c>
      <c r="C97" s="21" t="s">
        <v>264</v>
      </c>
      <c r="D97" s="21" t="s">
        <v>216</v>
      </c>
      <c r="E97" s="21" t="s">
        <v>214</v>
      </c>
      <c r="F97" s="21" t="s">
        <v>428</v>
      </c>
      <c r="G97" s="16">
        <v>60824</v>
      </c>
      <c r="H97" s="16">
        <v>20713</v>
      </c>
      <c r="I97" s="16">
        <v>14536</v>
      </c>
      <c r="J97" s="16">
        <v>231</v>
      </c>
      <c r="K97" s="16">
        <v>6177</v>
      </c>
      <c r="L97" s="16">
        <v>213</v>
      </c>
      <c r="M97" s="16">
        <v>39898</v>
      </c>
      <c r="N97" s="22" t="s">
        <v>268</v>
      </c>
      <c r="O97" s="16">
        <v>3340</v>
      </c>
      <c r="P97" s="16">
        <v>225</v>
      </c>
      <c r="Q97" s="16">
        <v>39898</v>
      </c>
    </row>
    <row r="98" spans="1:17">
      <c r="A98" s="21" t="s">
        <v>232</v>
      </c>
      <c r="B98" s="21" t="s">
        <v>237</v>
      </c>
      <c r="C98" s="21" t="s">
        <v>264</v>
      </c>
      <c r="D98" s="21" t="s">
        <v>216</v>
      </c>
      <c r="E98" s="21" t="s">
        <v>214</v>
      </c>
      <c r="F98" s="21" t="s">
        <v>429</v>
      </c>
      <c r="G98" s="16">
        <v>24468</v>
      </c>
      <c r="H98" s="16">
        <v>8836</v>
      </c>
      <c r="I98" s="16">
        <v>6190</v>
      </c>
      <c r="J98" s="16">
        <v>40</v>
      </c>
      <c r="K98" s="16">
        <v>2646</v>
      </c>
      <c r="L98" s="16">
        <v>63</v>
      </c>
      <c r="M98" s="16">
        <v>15569</v>
      </c>
      <c r="N98" s="22" t="s">
        <v>268</v>
      </c>
      <c r="O98" s="16">
        <v>1310</v>
      </c>
      <c r="P98" s="16">
        <v>40</v>
      </c>
      <c r="Q98" s="16">
        <v>15569</v>
      </c>
    </row>
    <row r="99" spans="1:17">
      <c r="A99" s="21" t="s">
        <v>232</v>
      </c>
      <c r="B99" s="21" t="s">
        <v>237</v>
      </c>
      <c r="C99" s="21" t="s">
        <v>264</v>
      </c>
      <c r="D99" s="21" t="s">
        <v>216</v>
      </c>
      <c r="E99" s="21" t="s">
        <v>681</v>
      </c>
      <c r="F99" s="21" t="s">
        <v>214</v>
      </c>
      <c r="G99" s="16">
        <v>201305</v>
      </c>
      <c r="H99" s="16">
        <v>74500</v>
      </c>
      <c r="I99" s="16">
        <v>59493</v>
      </c>
      <c r="J99" s="16">
        <v>2227</v>
      </c>
      <c r="K99" s="16">
        <v>15007</v>
      </c>
      <c r="L99" s="16">
        <v>1752</v>
      </c>
      <c r="M99" s="16">
        <v>124786</v>
      </c>
      <c r="N99" s="16">
        <v>267</v>
      </c>
      <c r="O99" s="16">
        <v>8916</v>
      </c>
      <c r="P99" s="16">
        <v>782</v>
      </c>
      <c r="Q99" s="16">
        <v>62424</v>
      </c>
    </row>
    <row r="100" spans="1:17">
      <c r="A100" s="21" t="s">
        <v>232</v>
      </c>
      <c r="B100" s="21" t="s">
        <v>237</v>
      </c>
      <c r="C100" s="21" t="s">
        <v>264</v>
      </c>
      <c r="D100" s="21" t="s">
        <v>216</v>
      </c>
      <c r="E100" s="21" t="s">
        <v>681</v>
      </c>
      <c r="F100" s="21" t="s">
        <v>424</v>
      </c>
      <c r="G100" s="22" t="s">
        <v>268</v>
      </c>
      <c r="H100" s="22" t="s">
        <v>268</v>
      </c>
      <c r="I100" s="22" t="s">
        <v>268</v>
      </c>
      <c r="J100" s="22" t="s">
        <v>268</v>
      </c>
      <c r="K100" s="22" t="s">
        <v>268</v>
      </c>
      <c r="L100" s="22" t="s">
        <v>268</v>
      </c>
      <c r="M100" s="22" t="s">
        <v>268</v>
      </c>
      <c r="N100" s="22" t="s">
        <v>268</v>
      </c>
      <c r="O100" s="22" t="s">
        <v>268</v>
      </c>
      <c r="P100" s="22" t="s">
        <v>268</v>
      </c>
      <c r="Q100" s="22" t="s">
        <v>268</v>
      </c>
    </row>
    <row r="101" spans="1:17">
      <c r="A101" s="21" t="s">
        <v>232</v>
      </c>
      <c r="B101" s="21" t="s">
        <v>237</v>
      </c>
      <c r="C101" s="21" t="s">
        <v>264</v>
      </c>
      <c r="D101" s="21" t="s">
        <v>216</v>
      </c>
      <c r="E101" s="21" t="s">
        <v>681</v>
      </c>
      <c r="F101" s="21" t="s">
        <v>425</v>
      </c>
      <c r="G101" s="16">
        <v>96294</v>
      </c>
      <c r="H101" s="16">
        <v>41685</v>
      </c>
      <c r="I101" s="16">
        <v>36263</v>
      </c>
      <c r="J101" s="16">
        <v>1515</v>
      </c>
      <c r="K101" s="16">
        <v>5422</v>
      </c>
      <c r="L101" s="16">
        <v>1294</v>
      </c>
      <c r="M101" s="16">
        <v>53315</v>
      </c>
      <c r="N101" s="22" t="s">
        <v>268</v>
      </c>
      <c r="O101" s="16">
        <v>3458</v>
      </c>
      <c r="P101" s="16">
        <v>123</v>
      </c>
      <c r="Q101" s="22" t="s">
        <v>268</v>
      </c>
    </row>
    <row r="102" spans="1:17">
      <c r="A102" s="21" t="s">
        <v>232</v>
      </c>
      <c r="B102" s="21" t="s">
        <v>237</v>
      </c>
      <c r="C102" s="21" t="s">
        <v>264</v>
      </c>
      <c r="D102" s="21" t="s">
        <v>216</v>
      </c>
      <c r="E102" s="21" t="s">
        <v>681</v>
      </c>
      <c r="F102" s="21" t="s">
        <v>426</v>
      </c>
      <c r="G102" s="16">
        <v>95697</v>
      </c>
      <c r="H102" s="16">
        <v>32815</v>
      </c>
      <c r="I102" s="16">
        <v>23230</v>
      </c>
      <c r="J102" s="16">
        <v>712</v>
      </c>
      <c r="K102" s="16">
        <v>9585</v>
      </c>
      <c r="L102" s="16">
        <v>458</v>
      </c>
      <c r="M102" s="16">
        <v>62424</v>
      </c>
      <c r="N102" s="22" t="s">
        <v>268</v>
      </c>
      <c r="O102" s="16">
        <v>5458</v>
      </c>
      <c r="P102" s="16">
        <v>659</v>
      </c>
      <c r="Q102" s="16">
        <v>62424</v>
      </c>
    </row>
    <row r="103" spans="1:17">
      <c r="A103" s="21" t="s">
        <v>232</v>
      </c>
      <c r="B103" s="21" t="s">
        <v>237</v>
      </c>
      <c r="C103" s="21" t="s">
        <v>264</v>
      </c>
      <c r="D103" s="21" t="s">
        <v>216</v>
      </c>
      <c r="E103" s="21" t="s">
        <v>681</v>
      </c>
      <c r="F103" s="21" t="s">
        <v>720</v>
      </c>
      <c r="G103" s="16">
        <v>9314</v>
      </c>
      <c r="H103" s="22" t="s">
        <v>268</v>
      </c>
      <c r="I103" s="22" t="s">
        <v>268</v>
      </c>
      <c r="J103" s="22" t="s">
        <v>268</v>
      </c>
      <c r="K103" s="22" t="s">
        <v>268</v>
      </c>
      <c r="L103" s="22" t="s">
        <v>268</v>
      </c>
      <c r="M103" s="16">
        <v>9047</v>
      </c>
      <c r="N103" s="16">
        <v>267</v>
      </c>
      <c r="O103" s="22" t="s">
        <v>268</v>
      </c>
      <c r="P103" s="22" t="s">
        <v>268</v>
      </c>
      <c r="Q103" s="22" t="s">
        <v>268</v>
      </c>
    </row>
    <row r="104" spans="1:17">
      <c r="A104" s="21" t="s">
        <v>232</v>
      </c>
      <c r="B104" s="21" t="s">
        <v>237</v>
      </c>
      <c r="C104" s="21" t="s">
        <v>264</v>
      </c>
      <c r="D104" s="21" t="s">
        <v>216</v>
      </c>
      <c r="E104" s="21" t="s">
        <v>681</v>
      </c>
      <c r="F104" s="21" t="s">
        <v>427</v>
      </c>
      <c r="G104" s="16">
        <v>108867</v>
      </c>
      <c r="H104" s="16">
        <v>38064</v>
      </c>
      <c r="I104" s="16">
        <v>27250</v>
      </c>
      <c r="J104" s="16">
        <v>933</v>
      </c>
      <c r="K104" s="16">
        <v>10814</v>
      </c>
      <c r="L104" s="16">
        <v>578</v>
      </c>
      <c r="M104" s="16">
        <v>70225</v>
      </c>
      <c r="N104" s="22" t="s">
        <v>268</v>
      </c>
      <c r="O104" s="16">
        <v>6310</v>
      </c>
      <c r="P104" s="16">
        <v>782</v>
      </c>
      <c r="Q104" s="16">
        <v>62424</v>
      </c>
    </row>
    <row r="105" spans="1:17">
      <c r="A105" s="21" t="s">
        <v>232</v>
      </c>
      <c r="B105" s="21" t="s">
        <v>237</v>
      </c>
      <c r="C105" s="21" t="s">
        <v>264</v>
      </c>
      <c r="D105" s="21" t="s">
        <v>216</v>
      </c>
      <c r="E105" s="21" t="s">
        <v>681</v>
      </c>
      <c r="F105" s="21" t="s">
        <v>428</v>
      </c>
      <c r="G105" s="16">
        <v>60647</v>
      </c>
      <c r="H105" s="16">
        <v>20669</v>
      </c>
      <c r="I105" s="16">
        <v>14505</v>
      </c>
      <c r="J105" s="16">
        <v>230</v>
      </c>
      <c r="K105" s="16">
        <v>6164</v>
      </c>
      <c r="L105" s="16">
        <v>212</v>
      </c>
      <c r="M105" s="16">
        <v>39766</v>
      </c>
      <c r="N105" s="22" t="s">
        <v>268</v>
      </c>
      <c r="O105" s="16">
        <v>3336</v>
      </c>
      <c r="P105" s="16">
        <v>224</v>
      </c>
      <c r="Q105" s="16">
        <v>39766</v>
      </c>
    </row>
    <row r="106" spans="1:17">
      <c r="A106" s="21" t="s">
        <v>232</v>
      </c>
      <c r="B106" s="21" t="s">
        <v>237</v>
      </c>
      <c r="C106" s="21" t="s">
        <v>264</v>
      </c>
      <c r="D106" s="21" t="s">
        <v>216</v>
      </c>
      <c r="E106" s="21" t="s">
        <v>681</v>
      </c>
      <c r="F106" s="21" t="s">
        <v>429</v>
      </c>
      <c r="G106" s="16">
        <v>24394</v>
      </c>
      <c r="H106" s="16">
        <v>8819</v>
      </c>
      <c r="I106" s="16">
        <v>6178</v>
      </c>
      <c r="J106" s="16">
        <v>40</v>
      </c>
      <c r="K106" s="16">
        <v>2641</v>
      </c>
      <c r="L106" s="16">
        <v>63</v>
      </c>
      <c r="M106" s="16">
        <v>15512</v>
      </c>
      <c r="N106" s="22" t="s">
        <v>268</v>
      </c>
      <c r="O106" s="16">
        <v>1310</v>
      </c>
      <c r="P106" s="16">
        <v>40</v>
      </c>
      <c r="Q106" s="16">
        <v>15512</v>
      </c>
    </row>
    <row r="107" spans="1:17">
      <c r="A107" s="21" t="s">
        <v>232</v>
      </c>
      <c r="B107" s="21" t="s">
        <v>237</v>
      </c>
      <c r="C107" s="21" t="s">
        <v>264</v>
      </c>
      <c r="D107" s="21" t="s">
        <v>216</v>
      </c>
      <c r="E107" s="21" t="s">
        <v>682</v>
      </c>
      <c r="F107" s="21" t="s">
        <v>214</v>
      </c>
      <c r="G107" s="16">
        <v>198018</v>
      </c>
      <c r="H107" s="16">
        <v>73616</v>
      </c>
      <c r="I107" s="16">
        <v>58680</v>
      </c>
      <c r="J107" s="16">
        <v>2211</v>
      </c>
      <c r="K107" s="16">
        <v>14936</v>
      </c>
      <c r="L107" s="16">
        <v>1743</v>
      </c>
      <c r="M107" s="16">
        <v>122392</v>
      </c>
      <c r="N107" s="16">
        <v>267</v>
      </c>
      <c r="O107" s="16">
        <v>8879</v>
      </c>
      <c r="P107" s="16">
        <v>778</v>
      </c>
      <c r="Q107" s="16">
        <v>61789</v>
      </c>
    </row>
    <row r="108" spans="1:17">
      <c r="A108" s="21" t="s">
        <v>232</v>
      </c>
      <c r="B108" s="21" t="s">
        <v>237</v>
      </c>
      <c r="C108" s="21" t="s">
        <v>264</v>
      </c>
      <c r="D108" s="21" t="s">
        <v>216</v>
      </c>
      <c r="E108" s="21" t="s">
        <v>682</v>
      </c>
      <c r="F108" s="21" t="s">
        <v>424</v>
      </c>
      <c r="G108" s="22" t="s">
        <v>268</v>
      </c>
      <c r="H108" s="22" t="s">
        <v>268</v>
      </c>
      <c r="I108" s="22" t="s">
        <v>268</v>
      </c>
      <c r="J108" s="22" t="s">
        <v>268</v>
      </c>
      <c r="K108" s="22" t="s">
        <v>268</v>
      </c>
      <c r="L108" s="22" t="s">
        <v>268</v>
      </c>
      <c r="M108" s="22" t="s">
        <v>268</v>
      </c>
      <c r="N108" s="22" t="s">
        <v>268</v>
      </c>
      <c r="O108" s="22" t="s">
        <v>268</v>
      </c>
      <c r="P108" s="22" t="s">
        <v>268</v>
      </c>
      <c r="Q108" s="22" t="s">
        <v>268</v>
      </c>
    </row>
    <row r="109" spans="1:17">
      <c r="A109" s="21" t="s">
        <v>232</v>
      </c>
      <c r="B109" s="21" t="s">
        <v>237</v>
      </c>
      <c r="C109" s="21" t="s">
        <v>264</v>
      </c>
      <c r="D109" s="21" t="s">
        <v>216</v>
      </c>
      <c r="E109" s="21" t="s">
        <v>682</v>
      </c>
      <c r="F109" s="21" t="s">
        <v>425</v>
      </c>
      <c r="G109" s="16">
        <v>93773</v>
      </c>
      <c r="H109" s="16">
        <v>40899</v>
      </c>
      <c r="I109" s="16">
        <v>35526</v>
      </c>
      <c r="J109" s="16">
        <v>1503</v>
      </c>
      <c r="K109" s="16">
        <v>5373</v>
      </c>
      <c r="L109" s="16">
        <v>1289</v>
      </c>
      <c r="M109" s="16">
        <v>51585</v>
      </c>
      <c r="N109" s="22" t="s">
        <v>268</v>
      </c>
      <c r="O109" s="16">
        <v>3431</v>
      </c>
      <c r="P109" s="16">
        <v>123</v>
      </c>
      <c r="Q109" s="22" t="s">
        <v>268</v>
      </c>
    </row>
    <row r="110" spans="1:17">
      <c r="A110" s="21" t="s">
        <v>232</v>
      </c>
      <c r="B110" s="21" t="s">
        <v>237</v>
      </c>
      <c r="C110" s="21" t="s">
        <v>264</v>
      </c>
      <c r="D110" s="21" t="s">
        <v>216</v>
      </c>
      <c r="E110" s="21" t="s">
        <v>682</v>
      </c>
      <c r="F110" s="21" t="s">
        <v>426</v>
      </c>
      <c r="G110" s="16">
        <v>94960</v>
      </c>
      <c r="H110" s="16">
        <v>32717</v>
      </c>
      <c r="I110" s="16">
        <v>23154</v>
      </c>
      <c r="J110" s="16">
        <v>708</v>
      </c>
      <c r="K110" s="16">
        <v>9563</v>
      </c>
      <c r="L110" s="16">
        <v>454</v>
      </c>
      <c r="M110" s="16">
        <v>61789</v>
      </c>
      <c r="N110" s="22" t="s">
        <v>268</v>
      </c>
      <c r="O110" s="16">
        <v>5448</v>
      </c>
      <c r="P110" s="16">
        <v>655</v>
      </c>
      <c r="Q110" s="16">
        <v>61789</v>
      </c>
    </row>
    <row r="111" spans="1:17">
      <c r="A111" s="21" t="s">
        <v>232</v>
      </c>
      <c r="B111" s="21" t="s">
        <v>237</v>
      </c>
      <c r="C111" s="21" t="s">
        <v>264</v>
      </c>
      <c r="D111" s="21" t="s">
        <v>216</v>
      </c>
      <c r="E111" s="21" t="s">
        <v>682</v>
      </c>
      <c r="F111" s="21" t="s">
        <v>720</v>
      </c>
      <c r="G111" s="16">
        <v>9285</v>
      </c>
      <c r="H111" s="22" t="s">
        <v>268</v>
      </c>
      <c r="I111" s="22" t="s">
        <v>268</v>
      </c>
      <c r="J111" s="22" t="s">
        <v>268</v>
      </c>
      <c r="K111" s="22" t="s">
        <v>268</v>
      </c>
      <c r="L111" s="22" t="s">
        <v>268</v>
      </c>
      <c r="M111" s="16">
        <v>9018</v>
      </c>
      <c r="N111" s="16">
        <v>267</v>
      </c>
      <c r="O111" s="22" t="s">
        <v>268</v>
      </c>
      <c r="P111" s="22" t="s">
        <v>268</v>
      </c>
      <c r="Q111" s="22" t="s">
        <v>268</v>
      </c>
    </row>
    <row r="112" spans="1:17">
      <c r="A112" s="21" t="s">
        <v>232</v>
      </c>
      <c r="B112" s="21" t="s">
        <v>237</v>
      </c>
      <c r="C112" s="21" t="s">
        <v>264</v>
      </c>
      <c r="D112" s="21" t="s">
        <v>216</v>
      </c>
      <c r="E112" s="21" t="s">
        <v>682</v>
      </c>
      <c r="F112" s="21" t="s">
        <v>427</v>
      </c>
      <c r="G112" s="16">
        <v>107986</v>
      </c>
      <c r="H112" s="16">
        <v>37934</v>
      </c>
      <c r="I112" s="16">
        <v>27149</v>
      </c>
      <c r="J112" s="16">
        <v>929</v>
      </c>
      <c r="K112" s="16">
        <v>10785</v>
      </c>
      <c r="L112" s="16">
        <v>573</v>
      </c>
      <c r="M112" s="16">
        <v>69479</v>
      </c>
      <c r="N112" s="22" t="s">
        <v>268</v>
      </c>
      <c r="O112" s="16">
        <v>6295</v>
      </c>
      <c r="P112" s="16">
        <v>778</v>
      </c>
      <c r="Q112" s="16">
        <v>61789</v>
      </c>
    </row>
    <row r="113" spans="1:17">
      <c r="A113" s="21" t="s">
        <v>232</v>
      </c>
      <c r="B113" s="21" t="s">
        <v>237</v>
      </c>
      <c r="C113" s="21" t="s">
        <v>264</v>
      </c>
      <c r="D113" s="21" t="s">
        <v>216</v>
      </c>
      <c r="E113" s="21" t="s">
        <v>682</v>
      </c>
      <c r="F113" s="21" t="s">
        <v>428</v>
      </c>
      <c r="G113" s="16">
        <v>60222</v>
      </c>
      <c r="H113" s="16">
        <v>20621</v>
      </c>
      <c r="I113" s="16">
        <v>14469</v>
      </c>
      <c r="J113" s="16">
        <v>228</v>
      </c>
      <c r="K113" s="16">
        <v>6152</v>
      </c>
      <c r="L113" s="16">
        <v>211</v>
      </c>
      <c r="M113" s="16">
        <v>39390</v>
      </c>
      <c r="N113" s="22" t="s">
        <v>268</v>
      </c>
      <c r="O113" s="16">
        <v>3331</v>
      </c>
      <c r="P113" s="16">
        <v>222</v>
      </c>
      <c r="Q113" s="16">
        <v>39390</v>
      </c>
    </row>
    <row r="114" spans="1:17">
      <c r="A114" s="21" t="s">
        <v>232</v>
      </c>
      <c r="B114" s="21" t="s">
        <v>237</v>
      </c>
      <c r="C114" s="21" t="s">
        <v>264</v>
      </c>
      <c r="D114" s="21" t="s">
        <v>216</v>
      </c>
      <c r="E114" s="21" t="s">
        <v>682</v>
      </c>
      <c r="F114" s="21" t="s">
        <v>429</v>
      </c>
      <c r="G114" s="16">
        <v>24204</v>
      </c>
      <c r="H114" s="16">
        <v>8806</v>
      </c>
      <c r="I114" s="16">
        <v>6169</v>
      </c>
      <c r="J114" s="16">
        <v>40</v>
      </c>
      <c r="K114" s="16">
        <v>2637</v>
      </c>
      <c r="L114" s="16">
        <v>63</v>
      </c>
      <c r="M114" s="16">
        <v>15335</v>
      </c>
      <c r="N114" s="22" t="s">
        <v>268</v>
      </c>
      <c r="O114" s="16">
        <v>1309</v>
      </c>
      <c r="P114" s="16">
        <v>40</v>
      </c>
      <c r="Q114" s="16">
        <v>15335</v>
      </c>
    </row>
    <row r="115" spans="1:17">
      <c r="A115" s="21" t="s">
        <v>232</v>
      </c>
      <c r="B115" s="21" t="s">
        <v>237</v>
      </c>
      <c r="C115" s="21" t="s">
        <v>264</v>
      </c>
      <c r="D115" s="21" t="s">
        <v>216</v>
      </c>
      <c r="E115" s="21" t="s">
        <v>683</v>
      </c>
      <c r="F115" s="21" t="s">
        <v>214</v>
      </c>
      <c r="G115" s="16">
        <v>103634</v>
      </c>
      <c r="H115" s="16">
        <v>45833</v>
      </c>
      <c r="I115" s="16">
        <v>33849</v>
      </c>
      <c r="J115" s="16">
        <v>1028</v>
      </c>
      <c r="K115" s="16">
        <v>11984</v>
      </c>
      <c r="L115" s="16">
        <v>641</v>
      </c>
      <c r="M115" s="16">
        <v>57076</v>
      </c>
      <c r="N115" s="16">
        <v>84</v>
      </c>
      <c r="O115" s="16">
        <v>7434</v>
      </c>
      <c r="P115" s="16">
        <v>546</v>
      </c>
      <c r="Q115" s="16">
        <v>44532</v>
      </c>
    </row>
    <row r="116" spans="1:17">
      <c r="A116" s="21" t="s">
        <v>232</v>
      </c>
      <c r="B116" s="21" t="s">
        <v>237</v>
      </c>
      <c r="C116" s="21" t="s">
        <v>264</v>
      </c>
      <c r="D116" s="21" t="s">
        <v>216</v>
      </c>
      <c r="E116" s="21" t="s">
        <v>683</v>
      </c>
      <c r="F116" s="21" t="s">
        <v>424</v>
      </c>
      <c r="G116" s="22" t="s">
        <v>268</v>
      </c>
      <c r="H116" s="22" t="s">
        <v>268</v>
      </c>
      <c r="I116" s="22" t="s">
        <v>268</v>
      </c>
      <c r="J116" s="22" t="s">
        <v>268</v>
      </c>
      <c r="K116" s="22" t="s">
        <v>268</v>
      </c>
      <c r="L116" s="22" t="s">
        <v>268</v>
      </c>
      <c r="M116" s="22" t="s">
        <v>268</v>
      </c>
      <c r="N116" s="22" t="s">
        <v>268</v>
      </c>
      <c r="O116" s="22" t="s">
        <v>268</v>
      </c>
      <c r="P116" s="22" t="s">
        <v>268</v>
      </c>
      <c r="Q116" s="22" t="s">
        <v>268</v>
      </c>
    </row>
    <row r="117" spans="1:17">
      <c r="A117" s="21" t="s">
        <v>232</v>
      </c>
      <c r="B117" s="21" t="s">
        <v>237</v>
      </c>
      <c r="C117" s="21" t="s">
        <v>264</v>
      </c>
      <c r="D117" s="21" t="s">
        <v>216</v>
      </c>
      <c r="E117" s="21" t="s">
        <v>683</v>
      </c>
      <c r="F117" s="21" t="s">
        <v>425</v>
      </c>
      <c r="G117" s="16">
        <v>30249</v>
      </c>
      <c r="H117" s="16">
        <v>18430</v>
      </c>
      <c r="I117" s="16">
        <v>15082</v>
      </c>
      <c r="J117" s="16">
        <v>541</v>
      </c>
      <c r="K117" s="16">
        <v>3348</v>
      </c>
      <c r="L117" s="16">
        <v>313</v>
      </c>
      <c r="M117" s="16">
        <v>11506</v>
      </c>
      <c r="N117" s="22" t="s">
        <v>268</v>
      </c>
      <c r="O117" s="16">
        <v>2414</v>
      </c>
      <c r="P117" s="16">
        <v>86</v>
      </c>
      <c r="Q117" s="22" t="s">
        <v>268</v>
      </c>
    </row>
    <row r="118" spans="1:17">
      <c r="A118" s="21" t="s">
        <v>232</v>
      </c>
      <c r="B118" s="21" t="s">
        <v>237</v>
      </c>
      <c r="C118" s="21" t="s">
        <v>264</v>
      </c>
      <c r="D118" s="21" t="s">
        <v>216</v>
      </c>
      <c r="E118" s="21" t="s">
        <v>683</v>
      </c>
      <c r="F118" s="21" t="s">
        <v>426</v>
      </c>
      <c r="G118" s="16">
        <v>72263</v>
      </c>
      <c r="H118" s="16">
        <v>27403</v>
      </c>
      <c r="I118" s="16">
        <v>18767</v>
      </c>
      <c r="J118" s="16">
        <v>487</v>
      </c>
      <c r="K118" s="16">
        <v>8636</v>
      </c>
      <c r="L118" s="16">
        <v>328</v>
      </c>
      <c r="M118" s="16">
        <v>44532</v>
      </c>
      <c r="N118" s="22" t="s">
        <v>268</v>
      </c>
      <c r="O118" s="16">
        <v>5020</v>
      </c>
      <c r="P118" s="16">
        <v>460</v>
      </c>
      <c r="Q118" s="16">
        <v>44532</v>
      </c>
    </row>
    <row r="119" spans="1:17">
      <c r="A119" s="21" t="s">
        <v>232</v>
      </c>
      <c r="B119" s="21" t="s">
        <v>237</v>
      </c>
      <c r="C119" s="21" t="s">
        <v>264</v>
      </c>
      <c r="D119" s="21" t="s">
        <v>216</v>
      </c>
      <c r="E119" s="21" t="s">
        <v>683</v>
      </c>
      <c r="F119" s="21" t="s">
        <v>720</v>
      </c>
      <c r="G119" s="16">
        <v>1122</v>
      </c>
      <c r="H119" s="22" t="s">
        <v>268</v>
      </c>
      <c r="I119" s="22" t="s">
        <v>268</v>
      </c>
      <c r="J119" s="22" t="s">
        <v>268</v>
      </c>
      <c r="K119" s="22" t="s">
        <v>268</v>
      </c>
      <c r="L119" s="22" t="s">
        <v>268</v>
      </c>
      <c r="M119" s="16">
        <v>1038</v>
      </c>
      <c r="N119" s="16">
        <v>84</v>
      </c>
      <c r="O119" s="22" t="s">
        <v>268</v>
      </c>
      <c r="P119" s="22" t="s">
        <v>268</v>
      </c>
      <c r="Q119" s="22" t="s">
        <v>268</v>
      </c>
    </row>
    <row r="120" spans="1:17">
      <c r="A120" s="21" t="s">
        <v>232</v>
      </c>
      <c r="B120" s="21" t="s">
        <v>237</v>
      </c>
      <c r="C120" s="21" t="s">
        <v>264</v>
      </c>
      <c r="D120" s="21" t="s">
        <v>216</v>
      </c>
      <c r="E120" s="21" t="s">
        <v>683</v>
      </c>
      <c r="F120" s="21" t="s">
        <v>427</v>
      </c>
      <c r="G120" s="16">
        <v>79996</v>
      </c>
      <c r="H120" s="16">
        <v>30958</v>
      </c>
      <c r="I120" s="16">
        <v>21356</v>
      </c>
      <c r="J120" s="16">
        <v>642</v>
      </c>
      <c r="K120" s="16">
        <v>9602</v>
      </c>
      <c r="L120" s="16">
        <v>396</v>
      </c>
      <c r="M120" s="16">
        <v>48642</v>
      </c>
      <c r="N120" s="22" t="s">
        <v>268</v>
      </c>
      <c r="O120" s="16">
        <v>5700</v>
      </c>
      <c r="P120" s="16">
        <v>546</v>
      </c>
      <c r="Q120" s="16">
        <v>44532</v>
      </c>
    </row>
    <row r="121" spans="1:17">
      <c r="A121" s="21" t="s">
        <v>232</v>
      </c>
      <c r="B121" s="21" t="s">
        <v>237</v>
      </c>
      <c r="C121" s="21" t="s">
        <v>264</v>
      </c>
      <c r="D121" s="21" t="s">
        <v>216</v>
      </c>
      <c r="E121" s="21" t="s">
        <v>683</v>
      </c>
      <c r="F121" s="21" t="s">
        <v>428</v>
      </c>
      <c r="G121" s="16">
        <v>48946</v>
      </c>
      <c r="H121" s="16">
        <v>18220</v>
      </c>
      <c r="I121" s="16">
        <v>12505</v>
      </c>
      <c r="J121" s="16">
        <v>162</v>
      </c>
      <c r="K121" s="16">
        <v>5715</v>
      </c>
      <c r="L121" s="16">
        <v>163</v>
      </c>
      <c r="M121" s="16">
        <v>30563</v>
      </c>
      <c r="N121" s="22" t="s">
        <v>268</v>
      </c>
      <c r="O121" s="16">
        <v>3151</v>
      </c>
      <c r="P121" s="16">
        <v>158</v>
      </c>
      <c r="Q121" s="16">
        <v>30563</v>
      </c>
    </row>
    <row r="122" spans="1:17">
      <c r="A122" s="21" t="s">
        <v>232</v>
      </c>
      <c r="B122" s="21" t="s">
        <v>237</v>
      </c>
      <c r="C122" s="21" t="s">
        <v>264</v>
      </c>
      <c r="D122" s="21" t="s">
        <v>216</v>
      </c>
      <c r="E122" s="21" t="s">
        <v>683</v>
      </c>
      <c r="F122" s="21" t="s">
        <v>429</v>
      </c>
      <c r="G122" s="16">
        <v>20777</v>
      </c>
      <c r="H122" s="16">
        <v>8021</v>
      </c>
      <c r="I122" s="16">
        <v>5509</v>
      </c>
      <c r="J122" s="16">
        <v>25</v>
      </c>
      <c r="K122" s="16">
        <v>2512</v>
      </c>
      <c r="L122" s="16">
        <v>55</v>
      </c>
      <c r="M122" s="16">
        <v>12701</v>
      </c>
      <c r="N122" s="22" t="s">
        <v>268</v>
      </c>
      <c r="O122" s="16">
        <v>1257</v>
      </c>
      <c r="P122" s="16">
        <v>25</v>
      </c>
      <c r="Q122" s="16">
        <v>12701</v>
      </c>
    </row>
    <row r="123" spans="1:17">
      <c r="A123" s="21" t="s">
        <v>232</v>
      </c>
      <c r="B123" s="21" t="s">
        <v>237</v>
      </c>
      <c r="C123" s="21" t="s">
        <v>264</v>
      </c>
      <c r="D123" s="21" t="s">
        <v>216</v>
      </c>
      <c r="E123" s="21" t="s">
        <v>684</v>
      </c>
      <c r="F123" s="21" t="s">
        <v>214</v>
      </c>
      <c r="G123" s="16">
        <v>19085</v>
      </c>
      <c r="H123" s="16">
        <v>8019</v>
      </c>
      <c r="I123" s="16">
        <v>7199</v>
      </c>
      <c r="J123" s="16">
        <v>200</v>
      </c>
      <c r="K123" s="16">
        <v>820</v>
      </c>
      <c r="L123" s="16">
        <v>67</v>
      </c>
      <c r="M123" s="16">
        <v>10964</v>
      </c>
      <c r="N123" s="16">
        <v>35</v>
      </c>
      <c r="O123" s="16">
        <v>456</v>
      </c>
      <c r="P123" s="16">
        <v>127</v>
      </c>
      <c r="Q123" s="16">
        <v>7963</v>
      </c>
    </row>
    <row r="124" spans="1:17">
      <c r="A124" s="21" t="s">
        <v>232</v>
      </c>
      <c r="B124" s="21" t="s">
        <v>237</v>
      </c>
      <c r="C124" s="21" t="s">
        <v>264</v>
      </c>
      <c r="D124" s="21" t="s">
        <v>216</v>
      </c>
      <c r="E124" s="21" t="s">
        <v>684</v>
      </c>
      <c r="F124" s="21" t="s">
        <v>424</v>
      </c>
      <c r="G124" s="22" t="s">
        <v>268</v>
      </c>
      <c r="H124" s="22" t="s">
        <v>268</v>
      </c>
      <c r="I124" s="22" t="s">
        <v>268</v>
      </c>
      <c r="J124" s="22" t="s">
        <v>268</v>
      </c>
      <c r="K124" s="22" t="s">
        <v>268</v>
      </c>
      <c r="L124" s="22" t="s">
        <v>268</v>
      </c>
      <c r="M124" s="22" t="s">
        <v>268</v>
      </c>
      <c r="N124" s="22" t="s">
        <v>268</v>
      </c>
      <c r="O124" s="22" t="s">
        <v>268</v>
      </c>
      <c r="P124" s="22" t="s">
        <v>268</v>
      </c>
      <c r="Q124" s="22" t="s">
        <v>268</v>
      </c>
    </row>
    <row r="125" spans="1:17">
      <c r="A125" s="21" t="s">
        <v>232</v>
      </c>
      <c r="B125" s="21" t="s">
        <v>237</v>
      </c>
      <c r="C125" s="21" t="s">
        <v>264</v>
      </c>
      <c r="D125" s="21" t="s">
        <v>216</v>
      </c>
      <c r="E125" s="21" t="s">
        <v>684</v>
      </c>
      <c r="F125" s="21" t="s">
        <v>425</v>
      </c>
      <c r="G125" s="16">
        <v>8375</v>
      </c>
      <c r="H125" s="16">
        <v>5432</v>
      </c>
      <c r="I125" s="16">
        <v>5033</v>
      </c>
      <c r="J125" s="16">
        <v>81</v>
      </c>
      <c r="K125" s="16">
        <v>399</v>
      </c>
      <c r="L125" s="16">
        <v>34</v>
      </c>
      <c r="M125" s="16">
        <v>2909</v>
      </c>
      <c r="N125" s="22" t="s">
        <v>268</v>
      </c>
      <c r="O125" s="16">
        <v>263</v>
      </c>
      <c r="P125" s="16">
        <v>18</v>
      </c>
      <c r="Q125" s="22" t="s">
        <v>268</v>
      </c>
    </row>
    <row r="126" spans="1:17">
      <c r="A126" s="21" t="s">
        <v>232</v>
      </c>
      <c r="B126" s="21" t="s">
        <v>237</v>
      </c>
      <c r="C126" s="21" t="s">
        <v>264</v>
      </c>
      <c r="D126" s="21" t="s">
        <v>216</v>
      </c>
      <c r="E126" s="21" t="s">
        <v>684</v>
      </c>
      <c r="F126" s="21" t="s">
        <v>426</v>
      </c>
      <c r="G126" s="16">
        <v>10583</v>
      </c>
      <c r="H126" s="16">
        <v>2587</v>
      </c>
      <c r="I126" s="16">
        <v>2166</v>
      </c>
      <c r="J126" s="16">
        <v>119</v>
      </c>
      <c r="K126" s="16">
        <v>421</v>
      </c>
      <c r="L126" s="16">
        <v>33</v>
      </c>
      <c r="M126" s="16">
        <v>7963</v>
      </c>
      <c r="N126" s="22" t="s">
        <v>268</v>
      </c>
      <c r="O126" s="16">
        <v>193</v>
      </c>
      <c r="P126" s="16">
        <v>109</v>
      </c>
      <c r="Q126" s="16">
        <v>7963</v>
      </c>
    </row>
    <row r="127" spans="1:17">
      <c r="A127" s="21" t="s">
        <v>232</v>
      </c>
      <c r="B127" s="21" t="s">
        <v>237</v>
      </c>
      <c r="C127" s="21" t="s">
        <v>264</v>
      </c>
      <c r="D127" s="21" t="s">
        <v>216</v>
      </c>
      <c r="E127" s="21" t="s">
        <v>684</v>
      </c>
      <c r="F127" s="21" t="s">
        <v>720</v>
      </c>
      <c r="G127" s="16">
        <v>127</v>
      </c>
      <c r="H127" s="22" t="s">
        <v>268</v>
      </c>
      <c r="I127" s="22" t="s">
        <v>268</v>
      </c>
      <c r="J127" s="22" t="s">
        <v>268</v>
      </c>
      <c r="K127" s="22" t="s">
        <v>268</v>
      </c>
      <c r="L127" s="22" t="s">
        <v>268</v>
      </c>
      <c r="M127" s="16">
        <v>92</v>
      </c>
      <c r="N127" s="16">
        <v>35</v>
      </c>
      <c r="O127" s="22" t="s">
        <v>268</v>
      </c>
      <c r="P127" s="22" t="s">
        <v>268</v>
      </c>
      <c r="Q127" s="22" t="s">
        <v>268</v>
      </c>
    </row>
    <row r="128" spans="1:17">
      <c r="A128" s="21" t="s">
        <v>232</v>
      </c>
      <c r="B128" s="21" t="s">
        <v>237</v>
      </c>
      <c r="C128" s="21" t="s">
        <v>264</v>
      </c>
      <c r="D128" s="21" t="s">
        <v>216</v>
      </c>
      <c r="E128" s="21" t="s">
        <v>684</v>
      </c>
      <c r="F128" s="21" t="s">
        <v>427</v>
      </c>
      <c r="G128" s="16">
        <v>12195</v>
      </c>
      <c r="H128" s="16">
        <v>3142</v>
      </c>
      <c r="I128" s="16">
        <v>2630</v>
      </c>
      <c r="J128" s="16">
        <v>147</v>
      </c>
      <c r="K128" s="16">
        <v>512</v>
      </c>
      <c r="L128" s="16">
        <v>42</v>
      </c>
      <c r="M128" s="16">
        <v>9011</v>
      </c>
      <c r="N128" s="22" t="s">
        <v>268</v>
      </c>
      <c r="O128" s="16">
        <v>251</v>
      </c>
      <c r="P128" s="16">
        <v>127</v>
      </c>
      <c r="Q128" s="16">
        <v>7963</v>
      </c>
    </row>
    <row r="129" spans="1:17">
      <c r="A129" s="21" t="s">
        <v>232</v>
      </c>
      <c r="B129" s="21" t="s">
        <v>237</v>
      </c>
      <c r="C129" s="21" t="s">
        <v>264</v>
      </c>
      <c r="D129" s="21" t="s">
        <v>216</v>
      </c>
      <c r="E129" s="21" t="s">
        <v>684</v>
      </c>
      <c r="F129" s="21" t="s">
        <v>428</v>
      </c>
      <c r="G129" s="16">
        <v>5540</v>
      </c>
      <c r="H129" s="16">
        <v>1249</v>
      </c>
      <c r="I129" s="16">
        <v>1051</v>
      </c>
      <c r="J129" s="16">
        <v>46</v>
      </c>
      <c r="K129" s="16">
        <v>198</v>
      </c>
      <c r="L129" s="16">
        <v>10</v>
      </c>
      <c r="M129" s="16">
        <v>4281</v>
      </c>
      <c r="N129" s="22" t="s">
        <v>268</v>
      </c>
      <c r="O129" s="16">
        <v>72</v>
      </c>
      <c r="P129" s="16">
        <v>45</v>
      </c>
      <c r="Q129" s="16">
        <v>4281</v>
      </c>
    </row>
    <row r="130" spans="1:17">
      <c r="A130" s="21" t="s">
        <v>232</v>
      </c>
      <c r="B130" s="21" t="s">
        <v>237</v>
      </c>
      <c r="C130" s="21" t="s">
        <v>264</v>
      </c>
      <c r="D130" s="21" t="s">
        <v>216</v>
      </c>
      <c r="E130" s="21" t="s">
        <v>684</v>
      </c>
      <c r="F130" s="21" t="s">
        <v>429</v>
      </c>
      <c r="G130" s="16">
        <v>1642</v>
      </c>
      <c r="H130" s="16">
        <v>424</v>
      </c>
      <c r="I130" s="16">
        <v>372</v>
      </c>
      <c r="J130" s="16">
        <v>11</v>
      </c>
      <c r="K130" s="16">
        <v>52</v>
      </c>
      <c r="L130" s="16">
        <v>1</v>
      </c>
      <c r="M130" s="16">
        <v>1217</v>
      </c>
      <c r="N130" s="22" t="s">
        <v>268</v>
      </c>
      <c r="O130" s="16">
        <v>18</v>
      </c>
      <c r="P130" s="16">
        <v>11</v>
      </c>
      <c r="Q130" s="16">
        <v>1217</v>
      </c>
    </row>
    <row r="131" spans="1:17">
      <c r="A131" s="21" t="s">
        <v>232</v>
      </c>
      <c r="B131" s="21" t="s">
        <v>237</v>
      </c>
      <c r="C131" s="21" t="s">
        <v>264</v>
      </c>
      <c r="D131" s="21" t="s">
        <v>216</v>
      </c>
      <c r="E131" s="21" t="s">
        <v>685</v>
      </c>
      <c r="F131" s="21" t="s">
        <v>214</v>
      </c>
      <c r="G131" s="16">
        <v>71943</v>
      </c>
      <c r="H131" s="16">
        <v>19261</v>
      </c>
      <c r="I131" s="16">
        <v>17168</v>
      </c>
      <c r="J131" s="16">
        <v>946</v>
      </c>
      <c r="K131" s="16">
        <v>2093</v>
      </c>
      <c r="L131" s="16">
        <v>1009</v>
      </c>
      <c r="M131" s="16">
        <v>51529</v>
      </c>
      <c r="N131" s="16">
        <v>144</v>
      </c>
      <c r="O131" s="16">
        <v>968</v>
      </c>
      <c r="P131" s="16">
        <v>103</v>
      </c>
      <c r="Q131" s="16">
        <v>9199</v>
      </c>
    </row>
    <row r="132" spans="1:17">
      <c r="A132" s="21" t="s">
        <v>232</v>
      </c>
      <c r="B132" s="21" t="s">
        <v>237</v>
      </c>
      <c r="C132" s="21" t="s">
        <v>264</v>
      </c>
      <c r="D132" s="21" t="s">
        <v>216</v>
      </c>
      <c r="E132" s="21" t="s">
        <v>685</v>
      </c>
      <c r="F132" s="21" t="s">
        <v>424</v>
      </c>
      <c r="G132" s="22" t="s">
        <v>268</v>
      </c>
      <c r="H132" s="22" t="s">
        <v>268</v>
      </c>
      <c r="I132" s="22" t="s">
        <v>268</v>
      </c>
      <c r="J132" s="22" t="s">
        <v>268</v>
      </c>
      <c r="K132" s="22" t="s">
        <v>268</v>
      </c>
      <c r="L132" s="22" t="s">
        <v>268</v>
      </c>
      <c r="M132" s="22" t="s">
        <v>268</v>
      </c>
      <c r="N132" s="22" t="s">
        <v>268</v>
      </c>
      <c r="O132" s="22" t="s">
        <v>268</v>
      </c>
      <c r="P132" s="22" t="s">
        <v>268</v>
      </c>
      <c r="Q132" s="22" t="s">
        <v>268</v>
      </c>
    </row>
    <row r="133" spans="1:17">
      <c r="A133" s="21" t="s">
        <v>232</v>
      </c>
      <c r="B133" s="21" t="s">
        <v>237</v>
      </c>
      <c r="C133" s="21" t="s">
        <v>264</v>
      </c>
      <c r="D133" s="21" t="s">
        <v>216</v>
      </c>
      <c r="E133" s="21" t="s">
        <v>685</v>
      </c>
      <c r="F133" s="21" t="s">
        <v>425</v>
      </c>
      <c r="G133" s="16">
        <v>52084</v>
      </c>
      <c r="H133" s="16">
        <v>16564</v>
      </c>
      <c r="I133" s="16">
        <v>14972</v>
      </c>
      <c r="J133" s="16">
        <v>846</v>
      </c>
      <c r="K133" s="16">
        <v>1592</v>
      </c>
      <c r="L133" s="16">
        <v>916</v>
      </c>
      <c r="M133" s="16">
        <v>34604</v>
      </c>
      <c r="N133" s="22" t="s">
        <v>268</v>
      </c>
      <c r="O133" s="16">
        <v>736</v>
      </c>
      <c r="P133" s="16">
        <v>18</v>
      </c>
      <c r="Q133" s="22" t="s">
        <v>268</v>
      </c>
    </row>
    <row r="134" spans="1:17">
      <c r="A134" s="21" t="s">
        <v>232</v>
      </c>
      <c r="B134" s="21" t="s">
        <v>237</v>
      </c>
      <c r="C134" s="21" t="s">
        <v>264</v>
      </c>
      <c r="D134" s="21" t="s">
        <v>216</v>
      </c>
      <c r="E134" s="21" t="s">
        <v>685</v>
      </c>
      <c r="F134" s="21" t="s">
        <v>426</v>
      </c>
      <c r="G134" s="16">
        <v>11989</v>
      </c>
      <c r="H134" s="16">
        <v>2697</v>
      </c>
      <c r="I134" s="16">
        <v>2196</v>
      </c>
      <c r="J134" s="16">
        <v>100</v>
      </c>
      <c r="K134" s="16">
        <v>501</v>
      </c>
      <c r="L134" s="16">
        <v>93</v>
      </c>
      <c r="M134" s="16">
        <v>9199</v>
      </c>
      <c r="N134" s="22" t="s">
        <v>268</v>
      </c>
      <c r="O134" s="16">
        <v>232</v>
      </c>
      <c r="P134" s="16">
        <v>85</v>
      </c>
      <c r="Q134" s="16">
        <v>9199</v>
      </c>
    </row>
    <row r="135" spans="1:17">
      <c r="A135" s="21" t="s">
        <v>232</v>
      </c>
      <c r="B135" s="21" t="s">
        <v>237</v>
      </c>
      <c r="C135" s="21" t="s">
        <v>264</v>
      </c>
      <c r="D135" s="21" t="s">
        <v>216</v>
      </c>
      <c r="E135" s="21" t="s">
        <v>685</v>
      </c>
      <c r="F135" s="21" t="s">
        <v>720</v>
      </c>
      <c r="G135" s="16">
        <v>7870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22" t="s">
        <v>268</v>
      </c>
      <c r="M135" s="16">
        <v>7726</v>
      </c>
      <c r="N135" s="16">
        <v>144</v>
      </c>
      <c r="O135" s="22" t="s">
        <v>268</v>
      </c>
      <c r="P135" s="22" t="s">
        <v>268</v>
      </c>
      <c r="Q135" s="22" t="s">
        <v>268</v>
      </c>
    </row>
    <row r="136" spans="1:17">
      <c r="A136" s="21" t="s">
        <v>232</v>
      </c>
      <c r="B136" s="21" t="s">
        <v>237</v>
      </c>
      <c r="C136" s="21" t="s">
        <v>264</v>
      </c>
      <c r="D136" s="21" t="s">
        <v>216</v>
      </c>
      <c r="E136" s="21" t="s">
        <v>685</v>
      </c>
      <c r="F136" s="21" t="s">
        <v>427</v>
      </c>
      <c r="G136" s="16">
        <v>15599</v>
      </c>
      <c r="H136" s="16">
        <v>3788</v>
      </c>
      <c r="I136" s="16">
        <v>3128</v>
      </c>
      <c r="J136" s="16">
        <v>136</v>
      </c>
      <c r="K136" s="16">
        <v>660</v>
      </c>
      <c r="L136" s="16">
        <v>134</v>
      </c>
      <c r="M136" s="16">
        <v>11677</v>
      </c>
      <c r="N136" s="22" t="s">
        <v>268</v>
      </c>
      <c r="O136" s="16">
        <v>339</v>
      </c>
      <c r="P136" s="16">
        <v>103</v>
      </c>
      <c r="Q136" s="16">
        <v>9199</v>
      </c>
    </row>
    <row r="137" spans="1:17">
      <c r="A137" s="21" t="s">
        <v>232</v>
      </c>
      <c r="B137" s="21" t="s">
        <v>237</v>
      </c>
      <c r="C137" s="21" t="s">
        <v>264</v>
      </c>
      <c r="D137" s="21" t="s">
        <v>216</v>
      </c>
      <c r="E137" s="21" t="s">
        <v>685</v>
      </c>
      <c r="F137" s="21" t="s">
        <v>428</v>
      </c>
      <c r="G137" s="16">
        <v>5697</v>
      </c>
      <c r="H137" s="16">
        <v>1139</v>
      </c>
      <c r="I137" s="16">
        <v>904</v>
      </c>
      <c r="J137" s="16">
        <v>20</v>
      </c>
      <c r="K137" s="16">
        <v>235</v>
      </c>
      <c r="L137" s="16">
        <v>38</v>
      </c>
      <c r="M137" s="16">
        <v>4520</v>
      </c>
      <c r="N137" s="22" t="s">
        <v>268</v>
      </c>
      <c r="O137" s="16">
        <v>105</v>
      </c>
      <c r="P137" s="16">
        <v>19</v>
      </c>
      <c r="Q137" s="16">
        <v>4520</v>
      </c>
    </row>
    <row r="138" spans="1:17">
      <c r="A138" s="21" t="s">
        <v>232</v>
      </c>
      <c r="B138" s="21" t="s">
        <v>237</v>
      </c>
      <c r="C138" s="21" t="s">
        <v>264</v>
      </c>
      <c r="D138" s="21" t="s">
        <v>216</v>
      </c>
      <c r="E138" s="21" t="s">
        <v>685</v>
      </c>
      <c r="F138" s="21" t="s">
        <v>429</v>
      </c>
      <c r="G138" s="16">
        <v>1774</v>
      </c>
      <c r="H138" s="16">
        <v>356</v>
      </c>
      <c r="I138" s="16">
        <v>285</v>
      </c>
      <c r="J138" s="16">
        <v>4</v>
      </c>
      <c r="K138" s="16">
        <v>71</v>
      </c>
      <c r="L138" s="16">
        <v>7</v>
      </c>
      <c r="M138" s="16">
        <v>1411</v>
      </c>
      <c r="N138" s="22" t="s">
        <v>268</v>
      </c>
      <c r="O138" s="16">
        <v>33</v>
      </c>
      <c r="P138" s="16">
        <v>4</v>
      </c>
      <c r="Q138" s="16">
        <v>1411</v>
      </c>
    </row>
    <row r="139" spans="1:17">
      <c r="A139" s="21" t="s">
        <v>232</v>
      </c>
      <c r="B139" s="21" t="s">
        <v>237</v>
      </c>
      <c r="C139" s="21" t="s">
        <v>264</v>
      </c>
      <c r="D139" s="21" t="s">
        <v>216</v>
      </c>
      <c r="E139" s="21" t="s">
        <v>686</v>
      </c>
      <c r="F139" s="21" t="s">
        <v>214</v>
      </c>
      <c r="G139" s="16">
        <v>3356</v>
      </c>
      <c r="H139" s="16">
        <v>503</v>
      </c>
      <c r="I139" s="16">
        <v>464</v>
      </c>
      <c r="J139" s="16">
        <v>37</v>
      </c>
      <c r="K139" s="16">
        <v>39</v>
      </c>
      <c r="L139" s="16">
        <v>26</v>
      </c>
      <c r="M139" s="16">
        <v>2823</v>
      </c>
      <c r="N139" s="16">
        <v>4</v>
      </c>
      <c r="O139" s="16">
        <v>21</v>
      </c>
      <c r="P139" s="16">
        <v>2</v>
      </c>
      <c r="Q139" s="16">
        <v>95</v>
      </c>
    </row>
    <row r="140" spans="1:17">
      <c r="A140" s="21" t="s">
        <v>232</v>
      </c>
      <c r="B140" s="21" t="s">
        <v>237</v>
      </c>
      <c r="C140" s="21" t="s">
        <v>264</v>
      </c>
      <c r="D140" s="21" t="s">
        <v>216</v>
      </c>
      <c r="E140" s="21" t="s">
        <v>686</v>
      </c>
      <c r="F140" s="21" t="s">
        <v>424</v>
      </c>
      <c r="G140" s="22" t="s">
        <v>268</v>
      </c>
      <c r="H140" s="22" t="s">
        <v>268</v>
      </c>
      <c r="I140" s="22" t="s">
        <v>268</v>
      </c>
      <c r="J140" s="22" t="s">
        <v>268</v>
      </c>
      <c r="K140" s="22" t="s">
        <v>268</v>
      </c>
      <c r="L140" s="22" t="s">
        <v>268</v>
      </c>
      <c r="M140" s="22" t="s">
        <v>268</v>
      </c>
      <c r="N140" s="22" t="s">
        <v>268</v>
      </c>
      <c r="O140" s="22" t="s">
        <v>268</v>
      </c>
      <c r="P140" s="22" t="s">
        <v>268</v>
      </c>
      <c r="Q140" s="22" t="s">
        <v>268</v>
      </c>
    </row>
    <row r="141" spans="1:17">
      <c r="A141" s="21" t="s">
        <v>232</v>
      </c>
      <c r="B141" s="21" t="s">
        <v>237</v>
      </c>
      <c r="C141" s="21" t="s">
        <v>264</v>
      </c>
      <c r="D141" s="21" t="s">
        <v>216</v>
      </c>
      <c r="E141" s="21" t="s">
        <v>686</v>
      </c>
      <c r="F141" s="21" t="s">
        <v>425</v>
      </c>
      <c r="G141" s="16">
        <v>3065</v>
      </c>
      <c r="H141" s="16">
        <v>473</v>
      </c>
      <c r="I141" s="16">
        <v>439</v>
      </c>
      <c r="J141" s="16">
        <v>35</v>
      </c>
      <c r="K141" s="16">
        <v>34</v>
      </c>
      <c r="L141" s="16">
        <v>26</v>
      </c>
      <c r="M141" s="16">
        <v>2566</v>
      </c>
      <c r="N141" s="22" t="s">
        <v>268</v>
      </c>
      <c r="O141" s="16">
        <v>18</v>
      </c>
      <c r="P141" s="16">
        <v>1</v>
      </c>
      <c r="Q141" s="22" t="s">
        <v>268</v>
      </c>
    </row>
    <row r="142" spans="1:17">
      <c r="A142" s="21" t="s">
        <v>232</v>
      </c>
      <c r="B142" s="21" t="s">
        <v>237</v>
      </c>
      <c r="C142" s="21" t="s">
        <v>264</v>
      </c>
      <c r="D142" s="21" t="s">
        <v>216</v>
      </c>
      <c r="E142" s="21" t="s">
        <v>686</v>
      </c>
      <c r="F142" s="21" t="s">
        <v>426</v>
      </c>
      <c r="G142" s="16">
        <v>125</v>
      </c>
      <c r="H142" s="16">
        <v>30</v>
      </c>
      <c r="I142" s="16">
        <v>25</v>
      </c>
      <c r="J142" s="16">
        <v>2</v>
      </c>
      <c r="K142" s="16">
        <v>5</v>
      </c>
      <c r="L142" s="22" t="s">
        <v>268</v>
      </c>
      <c r="M142" s="16">
        <v>95</v>
      </c>
      <c r="N142" s="22" t="s">
        <v>268</v>
      </c>
      <c r="O142" s="16">
        <v>3</v>
      </c>
      <c r="P142" s="16">
        <v>1</v>
      </c>
      <c r="Q142" s="16">
        <v>95</v>
      </c>
    </row>
    <row r="143" spans="1:17">
      <c r="A143" s="21" t="s">
        <v>232</v>
      </c>
      <c r="B143" s="21" t="s">
        <v>237</v>
      </c>
      <c r="C143" s="21" t="s">
        <v>264</v>
      </c>
      <c r="D143" s="21" t="s">
        <v>216</v>
      </c>
      <c r="E143" s="21" t="s">
        <v>686</v>
      </c>
      <c r="F143" s="21" t="s">
        <v>720</v>
      </c>
      <c r="G143" s="16">
        <v>166</v>
      </c>
      <c r="H143" s="22" t="s">
        <v>268</v>
      </c>
      <c r="I143" s="22" t="s">
        <v>268</v>
      </c>
      <c r="J143" s="22" t="s">
        <v>268</v>
      </c>
      <c r="K143" s="22" t="s">
        <v>268</v>
      </c>
      <c r="L143" s="22" t="s">
        <v>268</v>
      </c>
      <c r="M143" s="16">
        <v>162</v>
      </c>
      <c r="N143" s="16">
        <v>4</v>
      </c>
      <c r="O143" s="22" t="s">
        <v>268</v>
      </c>
      <c r="P143" s="22" t="s">
        <v>268</v>
      </c>
      <c r="Q143" s="22" t="s">
        <v>268</v>
      </c>
    </row>
    <row r="144" spans="1:17">
      <c r="A144" s="21" t="s">
        <v>232</v>
      </c>
      <c r="B144" s="21" t="s">
        <v>237</v>
      </c>
      <c r="C144" s="21" t="s">
        <v>264</v>
      </c>
      <c r="D144" s="21" t="s">
        <v>216</v>
      </c>
      <c r="E144" s="21" t="s">
        <v>686</v>
      </c>
      <c r="F144" s="21" t="s">
        <v>427</v>
      </c>
      <c r="G144" s="16">
        <v>196</v>
      </c>
      <c r="H144" s="16">
        <v>46</v>
      </c>
      <c r="I144" s="16">
        <v>35</v>
      </c>
      <c r="J144" s="16">
        <v>4</v>
      </c>
      <c r="K144" s="16">
        <v>11</v>
      </c>
      <c r="L144" s="16">
        <v>1</v>
      </c>
      <c r="M144" s="16">
        <v>149</v>
      </c>
      <c r="N144" s="22" t="s">
        <v>268</v>
      </c>
      <c r="O144" s="16">
        <v>5</v>
      </c>
      <c r="P144" s="16">
        <v>2</v>
      </c>
      <c r="Q144" s="16">
        <v>95</v>
      </c>
    </row>
    <row r="145" spans="1:17">
      <c r="A145" s="21" t="s">
        <v>232</v>
      </c>
      <c r="B145" s="21" t="s">
        <v>237</v>
      </c>
      <c r="C145" s="21" t="s">
        <v>264</v>
      </c>
      <c r="D145" s="21" t="s">
        <v>216</v>
      </c>
      <c r="E145" s="21" t="s">
        <v>686</v>
      </c>
      <c r="F145" s="21" t="s">
        <v>428</v>
      </c>
      <c r="G145" s="16">
        <v>39</v>
      </c>
      <c r="H145" s="16">
        <v>13</v>
      </c>
      <c r="I145" s="16">
        <v>9</v>
      </c>
      <c r="J145" s="22" t="s">
        <v>268</v>
      </c>
      <c r="K145" s="16">
        <v>4</v>
      </c>
      <c r="L145" s="22" t="s">
        <v>268</v>
      </c>
      <c r="M145" s="16">
        <v>26</v>
      </c>
      <c r="N145" s="22" t="s">
        <v>268</v>
      </c>
      <c r="O145" s="16">
        <v>3</v>
      </c>
      <c r="P145" s="22" t="s">
        <v>268</v>
      </c>
      <c r="Q145" s="16">
        <v>26</v>
      </c>
    </row>
    <row r="146" spans="1:17">
      <c r="A146" s="21" t="s">
        <v>232</v>
      </c>
      <c r="B146" s="21" t="s">
        <v>237</v>
      </c>
      <c r="C146" s="21" t="s">
        <v>264</v>
      </c>
      <c r="D146" s="21" t="s">
        <v>216</v>
      </c>
      <c r="E146" s="21" t="s">
        <v>686</v>
      </c>
      <c r="F146" s="21" t="s">
        <v>429</v>
      </c>
      <c r="G146" s="16">
        <v>11</v>
      </c>
      <c r="H146" s="16">
        <v>5</v>
      </c>
      <c r="I146" s="16">
        <v>3</v>
      </c>
      <c r="J146" s="22" t="s">
        <v>268</v>
      </c>
      <c r="K146" s="16">
        <v>2</v>
      </c>
      <c r="L146" s="22" t="s">
        <v>268</v>
      </c>
      <c r="M146" s="16">
        <v>6</v>
      </c>
      <c r="N146" s="22" t="s">
        <v>268</v>
      </c>
      <c r="O146" s="16">
        <v>1</v>
      </c>
      <c r="P146" s="22" t="s">
        <v>268</v>
      </c>
      <c r="Q146" s="16">
        <v>6</v>
      </c>
    </row>
    <row r="147" spans="1:17">
      <c r="A147" s="21" t="s">
        <v>232</v>
      </c>
      <c r="B147" s="21" t="s">
        <v>237</v>
      </c>
      <c r="C147" s="21" t="s">
        <v>264</v>
      </c>
      <c r="D147" s="21" t="s">
        <v>216</v>
      </c>
      <c r="E147" s="21" t="s">
        <v>687</v>
      </c>
      <c r="F147" s="21" t="s">
        <v>214</v>
      </c>
      <c r="G147" s="16">
        <v>3287</v>
      </c>
      <c r="H147" s="16">
        <v>884</v>
      </c>
      <c r="I147" s="16">
        <v>813</v>
      </c>
      <c r="J147" s="16">
        <v>16</v>
      </c>
      <c r="K147" s="16">
        <v>71</v>
      </c>
      <c r="L147" s="16">
        <v>9</v>
      </c>
      <c r="M147" s="16">
        <v>2394</v>
      </c>
      <c r="N147" s="22" t="s">
        <v>268</v>
      </c>
      <c r="O147" s="16">
        <v>37</v>
      </c>
      <c r="P147" s="16">
        <v>4</v>
      </c>
      <c r="Q147" s="16">
        <v>635</v>
      </c>
    </row>
    <row r="148" spans="1:17">
      <c r="A148" s="21" t="s">
        <v>232</v>
      </c>
      <c r="B148" s="21" t="s">
        <v>237</v>
      </c>
      <c r="C148" s="21" t="s">
        <v>264</v>
      </c>
      <c r="D148" s="21" t="s">
        <v>216</v>
      </c>
      <c r="E148" s="21" t="s">
        <v>687</v>
      </c>
      <c r="F148" s="21" t="s">
        <v>424</v>
      </c>
      <c r="G148" s="22" t="s">
        <v>268</v>
      </c>
      <c r="H148" s="22" t="s">
        <v>268</v>
      </c>
      <c r="I148" s="22" t="s">
        <v>268</v>
      </c>
      <c r="J148" s="22" t="s">
        <v>268</v>
      </c>
      <c r="K148" s="22" t="s">
        <v>268</v>
      </c>
      <c r="L148" s="22" t="s">
        <v>268</v>
      </c>
      <c r="M148" s="22" t="s">
        <v>268</v>
      </c>
      <c r="N148" s="22" t="s">
        <v>268</v>
      </c>
      <c r="O148" s="22" t="s">
        <v>268</v>
      </c>
      <c r="P148" s="22" t="s">
        <v>268</v>
      </c>
      <c r="Q148" s="22" t="s">
        <v>268</v>
      </c>
    </row>
    <row r="149" spans="1:17">
      <c r="A149" s="21" t="s">
        <v>232</v>
      </c>
      <c r="B149" s="21" t="s">
        <v>237</v>
      </c>
      <c r="C149" s="21" t="s">
        <v>264</v>
      </c>
      <c r="D149" s="21" t="s">
        <v>216</v>
      </c>
      <c r="E149" s="21" t="s">
        <v>687</v>
      </c>
      <c r="F149" s="21" t="s">
        <v>425</v>
      </c>
      <c r="G149" s="16">
        <v>2521</v>
      </c>
      <c r="H149" s="16">
        <v>786</v>
      </c>
      <c r="I149" s="16">
        <v>737</v>
      </c>
      <c r="J149" s="16">
        <v>12</v>
      </c>
      <c r="K149" s="16">
        <v>49</v>
      </c>
      <c r="L149" s="16">
        <v>5</v>
      </c>
      <c r="M149" s="16">
        <v>1730</v>
      </c>
      <c r="N149" s="22" t="s">
        <v>268</v>
      </c>
      <c r="O149" s="16">
        <v>27</v>
      </c>
      <c r="P149" s="22" t="s">
        <v>268</v>
      </c>
      <c r="Q149" s="22" t="s">
        <v>268</v>
      </c>
    </row>
    <row r="150" spans="1:17">
      <c r="A150" s="21" t="s">
        <v>232</v>
      </c>
      <c r="B150" s="21" t="s">
        <v>237</v>
      </c>
      <c r="C150" s="21" t="s">
        <v>264</v>
      </c>
      <c r="D150" s="21" t="s">
        <v>216</v>
      </c>
      <c r="E150" s="21" t="s">
        <v>687</v>
      </c>
      <c r="F150" s="21" t="s">
        <v>426</v>
      </c>
      <c r="G150" s="16">
        <v>737</v>
      </c>
      <c r="H150" s="16">
        <v>98</v>
      </c>
      <c r="I150" s="16">
        <v>76</v>
      </c>
      <c r="J150" s="16">
        <v>4</v>
      </c>
      <c r="K150" s="16">
        <v>22</v>
      </c>
      <c r="L150" s="16">
        <v>4</v>
      </c>
      <c r="M150" s="16">
        <v>635</v>
      </c>
      <c r="N150" s="22" t="s">
        <v>268</v>
      </c>
      <c r="O150" s="16">
        <v>10</v>
      </c>
      <c r="P150" s="16">
        <v>4</v>
      </c>
      <c r="Q150" s="16">
        <v>635</v>
      </c>
    </row>
    <row r="151" spans="1:17">
      <c r="A151" s="21" t="s">
        <v>232</v>
      </c>
      <c r="B151" s="21" t="s">
        <v>237</v>
      </c>
      <c r="C151" s="21" t="s">
        <v>264</v>
      </c>
      <c r="D151" s="21" t="s">
        <v>216</v>
      </c>
      <c r="E151" s="21" t="s">
        <v>687</v>
      </c>
      <c r="F151" s="21" t="s">
        <v>720</v>
      </c>
      <c r="G151" s="16">
        <v>29</v>
      </c>
      <c r="H151" s="22" t="s">
        <v>268</v>
      </c>
      <c r="I151" s="22" t="s">
        <v>268</v>
      </c>
      <c r="J151" s="22" t="s">
        <v>268</v>
      </c>
      <c r="K151" s="22" t="s">
        <v>268</v>
      </c>
      <c r="L151" s="22" t="s">
        <v>268</v>
      </c>
      <c r="M151" s="16">
        <v>29</v>
      </c>
      <c r="N151" s="22" t="s">
        <v>268</v>
      </c>
      <c r="O151" s="22" t="s">
        <v>268</v>
      </c>
      <c r="P151" s="22" t="s">
        <v>268</v>
      </c>
      <c r="Q151" s="22" t="s">
        <v>268</v>
      </c>
    </row>
    <row r="152" spans="1:17">
      <c r="A152" s="21" t="s">
        <v>232</v>
      </c>
      <c r="B152" s="21" t="s">
        <v>237</v>
      </c>
      <c r="C152" s="21" t="s">
        <v>264</v>
      </c>
      <c r="D152" s="21" t="s">
        <v>216</v>
      </c>
      <c r="E152" s="21" t="s">
        <v>687</v>
      </c>
      <c r="F152" s="21" t="s">
        <v>427</v>
      </c>
      <c r="G152" s="16">
        <v>881</v>
      </c>
      <c r="H152" s="16">
        <v>130</v>
      </c>
      <c r="I152" s="16">
        <v>101</v>
      </c>
      <c r="J152" s="16">
        <v>4</v>
      </c>
      <c r="K152" s="16">
        <v>29</v>
      </c>
      <c r="L152" s="16">
        <v>5</v>
      </c>
      <c r="M152" s="16">
        <v>746</v>
      </c>
      <c r="N152" s="22" t="s">
        <v>268</v>
      </c>
      <c r="O152" s="16">
        <v>15</v>
      </c>
      <c r="P152" s="16">
        <v>4</v>
      </c>
      <c r="Q152" s="16">
        <v>635</v>
      </c>
    </row>
    <row r="153" spans="1:17">
      <c r="A153" s="21" t="s">
        <v>232</v>
      </c>
      <c r="B153" s="21" t="s">
        <v>237</v>
      </c>
      <c r="C153" s="21" t="s">
        <v>264</v>
      </c>
      <c r="D153" s="21" t="s">
        <v>216</v>
      </c>
      <c r="E153" s="21" t="s">
        <v>687</v>
      </c>
      <c r="F153" s="21" t="s">
        <v>428</v>
      </c>
      <c r="G153" s="16">
        <v>425</v>
      </c>
      <c r="H153" s="16">
        <v>48</v>
      </c>
      <c r="I153" s="16">
        <v>36</v>
      </c>
      <c r="J153" s="16">
        <v>2</v>
      </c>
      <c r="K153" s="16">
        <v>12</v>
      </c>
      <c r="L153" s="16">
        <v>1</v>
      </c>
      <c r="M153" s="16">
        <v>376</v>
      </c>
      <c r="N153" s="22" t="s">
        <v>268</v>
      </c>
      <c r="O153" s="16">
        <v>5</v>
      </c>
      <c r="P153" s="16">
        <v>2</v>
      </c>
      <c r="Q153" s="16">
        <v>376</v>
      </c>
    </row>
    <row r="154" spans="1:17">
      <c r="A154" s="21" t="s">
        <v>232</v>
      </c>
      <c r="B154" s="21" t="s">
        <v>237</v>
      </c>
      <c r="C154" s="21" t="s">
        <v>264</v>
      </c>
      <c r="D154" s="21" t="s">
        <v>216</v>
      </c>
      <c r="E154" s="21" t="s">
        <v>687</v>
      </c>
      <c r="F154" s="21" t="s">
        <v>429</v>
      </c>
      <c r="G154" s="16">
        <v>190</v>
      </c>
      <c r="H154" s="16">
        <v>13</v>
      </c>
      <c r="I154" s="16">
        <v>9</v>
      </c>
      <c r="J154" s="22" t="s">
        <v>268</v>
      </c>
      <c r="K154" s="16">
        <v>4</v>
      </c>
      <c r="L154" s="22" t="s">
        <v>268</v>
      </c>
      <c r="M154" s="16">
        <v>177</v>
      </c>
      <c r="N154" s="22" t="s">
        <v>268</v>
      </c>
      <c r="O154" s="16">
        <v>1</v>
      </c>
      <c r="P154" s="22" t="s">
        <v>268</v>
      </c>
      <c r="Q154" s="16">
        <v>177</v>
      </c>
    </row>
    <row r="155" spans="1:17">
      <c r="A155" s="21" t="s">
        <v>232</v>
      </c>
      <c r="B155" s="21" t="s">
        <v>237</v>
      </c>
      <c r="C155" s="21" t="s">
        <v>264</v>
      </c>
      <c r="D155" s="21" t="s">
        <v>216</v>
      </c>
      <c r="E155" s="21" t="s">
        <v>688</v>
      </c>
      <c r="F155" s="21" t="s">
        <v>214</v>
      </c>
      <c r="G155" s="16">
        <v>3973</v>
      </c>
      <c r="H155" s="16">
        <v>523</v>
      </c>
      <c r="I155" s="16">
        <v>467</v>
      </c>
      <c r="J155" s="16">
        <v>11</v>
      </c>
      <c r="K155" s="16">
        <v>56</v>
      </c>
      <c r="L155" s="16">
        <v>14</v>
      </c>
      <c r="M155" s="16">
        <v>3435</v>
      </c>
      <c r="N155" s="16">
        <v>1</v>
      </c>
      <c r="O155" s="16">
        <v>41</v>
      </c>
      <c r="P155" s="16">
        <v>2</v>
      </c>
      <c r="Q155" s="16">
        <v>241</v>
      </c>
    </row>
    <row r="156" spans="1:17">
      <c r="A156" s="21" t="s">
        <v>232</v>
      </c>
      <c r="B156" s="21" t="s">
        <v>237</v>
      </c>
      <c r="C156" s="21" t="s">
        <v>264</v>
      </c>
      <c r="D156" s="21" t="s">
        <v>216</v>
      </c>
      <c r="E156" s="21" t="s">
        <v>688</v>
      </c>
      <c r="F156" s="21" t="s">
        <v>424</v>
      </c>
      <c r="G156" s="22" t="s">
        <v>268</v>
      </c>
      <c r="H156" s="22" t="s">
        <v>268</v>
      </c>
      <c r="I156" s="22" t="s">
        <v>268</v>
      </c>
      <c r="J156" s="22" t="s">
        <v>268</v>
      </c>
      <c r="K156" s="22" t="s">
        <v>268</v>
      </c>
      <c r="L156" s="22" t="s">
        <v>268</v>
      </c>
      <c r="M156" s="22" t="s">
        <v>268</v>
      </c>
      <c r="N156" s="22" t="s">
        <v>268</v>
      </c>
      <c r="O156" s="22" t="s">
        <v>268</v>
      </c>
      <c r="P156" s="22" t="s">
        <v>268</v>
      </c>
      <c r="Q156" s="22" t="s">
        <v>268</v>
      </c>
    </row>
    <row r="157" spans="1:17">
      <c r="A157" s="21" t="s">
        <v>232</v>
      </c>
      <c r="B157" s="21" t="s">
        <v>237</v>
      </c>
      <c r="C157" s="21" t="s">
        <v>264</v>
      </c>
      <c r="D157" s="21" t="s">
        <v>216</v>
      </c>
      <c r="E157" s="21" t="s">
        <v>688</v>
      </c>
      <c r="F157" s="21" t="s">
        <v>425</v>
      </c>
      <c r="G157" s="16">
        <v>3573</v>
      </c>
      <c r="H157" s="16">
        <v>454</v>
      </c>
      <c r="I157" s="16">
        <v>417</v>
      </c>
      <c r="J157" s="16">
        <v>9</v>
      </c>
      <c r="K157" s="16">
        <v>37</v>
      </c>
      <c r="L157" s="16">
        <v>13</v>
      </c>
      <c r="M157" s="16">
        <v>3106</v>
      </c>
      <c r="N157" s="22" t="s">
        <v>268</v>
      </c>
      <c r="O157" s="16">
        <v>32</v>
      </c>
      <c r="P157" s="22" t="s">
        <v>268</v>
      </c>
      <c r="Q157" s="22" t="s">
        <v>268</v>
      </c>
    </row>
    <row r="158" spans="1:17">
      <c r="A158" s="21" t="s">
        <v>232</v>
      </c>
      <c r="B158" s="21" t="s">
        <v>237</v>
      </c>
      <c r="C158" s="21" t="s">
        <v>264</v>
      </c>
      <c r="D158" s="21" t="s">
        <v>216</v>
      </c>
      <c r="E158" s="21" t="s">
        <v>688</v>
      </c>
      <c r="F158" s="21" t="s">
        <v>426</v>
      </c>
      <c r="G158" s="16">
        <v>311</v>
      </c>
      <c r="H158" s="16">
        <v>69</v>
      </c>
      <c r="I158" s="16">
        <v>50</v>
      </c>
      <c r="J158" s="16">
        <v>2</v>
      </c>
      <c r="K158" s="16">
        <v>19</v>
      </c>
      <c r="L158" s="16">
        <v>1</v>
      </c>
      <c r="M158" s="16">
        <v>241</v>
      </c>
      <c r="N158" s="22" t="s">
        <v>268</v>
      </c>
      <c r="O158" s="16">
        <v>9</v>
      </c>
      <c r="P158" s="16">
        <v>2</v>
      </c>
      <c r="Q158" s="16">
        <v>241</v>
      </c>
    </row>
    <row r="159" spans="1:17">
      <c r="A159" s="21" t="s">
        <v>232</v>
      </c>
      <c r="B159" s="21" t="s">
        <v>237</v>
      </c>
      <c r="C159" s="21" t="s">
        <v>264</v>
      </c>
      <c r="D159" s="21" t="s">
        <v>216</v>
      </c>
      <c r="E159" s="21" t="s">
        <v>688</v>
      </c>
      <c r="F159" s="21" t="s">
        <v>720</v>
      </c>
      <c r="G159" s="16">
        <v>89</v>
      </c>
      <c r="H159" s="22" t="s">
        <v>268</v>
      </c>
      <c r="I159" s="22" t="s">
        <v>268</v>
      </c>
      <c r="J159" s="22" t="s">
        <v>268</v>
      </c>
      <c r="K159" s="22" t="s">
        <v>268</v>
      </c>
      <c r="L159" s="22" t="s">
        <v>268</v>
      </c>
      <c r="M159" s="16">
        <v>88</v>
      </c>
      <c r="N159" s="16">
        <v>1</v>
      </c>
      <c r="O159" s="22" t="s">
        <v>268</v>
      </c>
      <c r="P159" s="22" t="s">
        <v>268</v>
      </c>
      <c r="Q159" s="22" t="s">
        <v>268</v>
      </c>
    </row>
    <row r="160" spans="1:17">
      <c r="A160" s="21" t="s">
        <v>232</v>
      </c>
      <c r="B160" s="21" t="s">
        <v>237</v>
      </c>
      <c r="C160" s="21" t="s">
        <v>264</v>
      </c>
      <c r="D160" s="21" t="s">
        <v>216</v>
      </c>
      <c r="E160" s="21" t="s">
        <v>688</v>
      </c>
      <c r="F160" s="21" t="s">
        <v>427</v>
      </c>
      <c r="G160" s="16">
        <v>386</v>
      </c>
      <c r="H160" s="16">
        <v>87</v>
      </c>
      <c r="I160" s="16">
        <v>63</v>
      </c>
      <c r="J160" s="16">
        <v>2</v>
      </c>
      <c r="K160" s="16">
        <v>24</v>
      </c>
      <c r="L160" s="16">
        <v>2</v>
      </c>
      <c r="M160" s="16">
        <v>297</v>
      </c>
      <c r="N160" s="22" t="s">
        <v>268</v>
      </c>
      <c r="O160" s="16">
        <v>13</v>
      </c>
      <c r="P160" s="16">
        <v>2</v>
      </c>
      <c r="Q160" s="16">
        <v>241</v>
      </c>
    </row>
    <row r="161" spans="1:17">
      <c r="A161" s="21" t="s">
        <v>232</v>
      </c>
      <c r="B161" s="21" t="s">
        <v>237</v>
      </c>
      <c r="C161" s="21" t="s">
        <v>264</v>
      </c>
      <c r="D161" s="21" t="s">
        <v>216</v>
      </c>
      <c r="E161" s="21" t="s">
        <v>688</v>
      </c>
      <c r="F161" s="21" t="s">
        <v>428</v>
      </c>
      <c r="G161" s="16">
        <v>177</v>
      </c>
      <c r="H161" s="16">
        <v>44</v>
      </c>
      <c r="I161" s="16">
        <v>31</v>
      </c>
      <c r="J161" s="16">
        <v>1</v>
      </c>
      <c r="K161" s="16">
        <v>13</v>
      </c>
      <c r="L161" s="16">
        <v>1</v>
      </c>
      <c r="M161" s="16">
        <v>132</v>
      </c>
      <c r="N161" s="22" t="s">
        <v>268</v>
      </c>
      <c r="O161" s="16">
        <v>4</v>
      </c>
      <c r="P161" s="16">
        <v>1</v>
      </c>
      <c r="Q161" s="16">
        <v>132</v>
      </c>
    </row>
    <row r="162" spans="1:17">
      <c r="A162" s="21" t="s">
        <v>232</v>
      </c>
      <c r="B162" s="21" t="s">
        <v>237</v>
      </c>
      <c r="C162" s="21" t="s">
        <v>264</v>
      </c>
      <c r="D162" s="21" t="s">
        <v>216</v>
      </c>
      <c r="E162" s="21" t="s">
        <v>688</v>
      </c>
      <c r="F162" s="21" t="s">
        <v>429</v>
      </c>
      <c r="G162" s="16">
        <v>74</v>
      </c>
      <c r="H162" s="16">
        <v>17</v>
      </c>
      <c r="I162" s="16">
        <v>12</v>
      </c>
      <c r="J162" s="22" t="s">
        <v>268</v>
      </c>
      <c r="K162" s="16">
        <v>5</v>
      </c>
      <c r="L162" s="22" t="s">
        <v>268</v>
      </c>
      <c r="M162" s="16">
        <v>57</v>
      </c>
      <c r="N162" s="22" t="s">
        <v>268</v>
      </c>
      <c r="O162" s="22" t="s">
        <v>268</v>
      </c>
      <c r="P162" s="22" t="s">
        <v>268</v>
      </c>
      <c r="Q162" s="16">
        <v>57</v>
      </c>
    </row>
    <row r="163" spans="1:17">
      <c r="A163" s="21" t="s">
        <v>232</v>
      </c>
      <c r="B163" s="21" t="s">
        <v>237</v>
      </c>
      <c r="C163" s="21" t="s">
        <v>264</v>
      </c>
      <c r="D163" s="21" t="s">
        <v>216</v>
      </c>
      <c r="E163" s="21" t="s">
        <v>689</v>
      </c>
      <c r="F163" s="21" t="s">
        <v>214</v>
      </c>
      <c r="G163" s="22" t="s">
        <v>268</v>
      </c>
      <c r="H163" s="22" t="s">
        <v>268</v>
      </c>
      <c r="I163" s="22" t="s">
        <v>268</v>
      </c>
      <c r="J163" s="22" t="s">
        <v>268</v>
      </c>
      <c r="K163" s="22" t="s">
        <v>268</v>
      </c>
      <c r="L163" s="22" t="s">
        <v>268</v>
      </c>
      <c r="M163" s="22" t="s">
        <v>268</v>
      </c>
      <c r="N163" s="22" t="s">
        <v>268</v>
      </c>
      <c r="O163" s="22" t="s">
        <v>268</v>
      </c>
      <c r="P163" s="22" t="s">
        <v>268</v>
      </c>
      <c r="Q163" s="22" t="s">
        <v>268</v>
      </c>
    </row>
    <row r="164" spans="1:17">
      <c r="A164" s="21" t="s">
        <v>232</v>
      </c>
      <c r="B164" s="21" t="s">
        <v>237</v>
      </c>
      <c r="C164" s="21" t="s">
        <v>264</v>
      </c>
      <c r="D164" s="21" t="s">
        <v>216</v>
      </c>
      <c r="E164" s="21" t="s">
        <v>689</v>
      </c>
      <c r="F164" s="21" t="s">
        <v>424</v>
      </c>
      <c r="G164" s="22" t="s">
        <v>268</v>
      </c>
      <c r="H164" s="22" t="s">
        <v>268</v>
      </c>
      <c r="I164" s="22" t="s">
        <v>268</v>
      </c>
      <c r="J164" s="22" t="s">
        <v>268</v>
      </c>
      <c r="K164" s="22" t="s">
        <v>268</v>
      </c>
      <c r="L164" s="22" t="s">
        <v>268</v>
      </c>
      <c r="M164" s="22" t="s">
        <v>268</v>
      </c>
      <c r="N164" s="22" t="s">
        <v>268</v>
      </c>
      <c r="O164" s="22" t="s">
        <v>268</v>
      </c>
      <c r="P164" s="22" t="s">
        <v>268</v>
      </c>
      <c r="Q164" s="22" t="s">
        <v>268</v>
      </c>
    </row>
    <row r="165" spans="1:17">
      <c r="A165" s="21" t="s">
        <v>232</v>
      </c>
      <c r="B165" s="21" t="s">
        <v>237</v>
      </c>
      <c r="C165" s="21" t="s">
        <v>264</v>
      </c>
      <c r="D165" s="21" t="s">
        <v>216</v>
      </c>
      <c r="E165" s="21" t="s">
        <v>689</v>
      </c>
      <c r="F165" s="21" t="s">
        <v>425</v>
      </c>
      <c r="G165" s="22" t="s">
        <v>268</v>
      </c>
      <c r="H165" s="22" t="s">
        <v>268</v>
      </c>
      <c r="I165" s="22" t="s">
        <v>268</v>
      </c>
      <c r="J165" s="22" t="s">
        <v>268</v>
      </c>
      <c r="K165" s="22" t="s">
        <v>268</v>
      </c>
      <c r="L165" s="22" t="s">
        <v>268</v>
      </c>
      <c r="M165" s="22" t="s">
        <v>268</v>
      </c>
      <c r="N165" s="22" t="s">
        <v>268</v>
      </c>
      <c r="O165" s="22" t="s">
        <v>268</v>
      </c>
      <c r="P165" s="22" t="s">
        <v>268</v>
      </c>
      <c r="Q165" s="22" t="s">
        <v>268</v>
      </c>
    </row>
    <row r="166" spans="1:17">
      <c r="A166" s="21" t="s">
        <v>232</v>
      </c>
      <c r="B166" s="21" t="s">
        <v>237</v>
      </c>
      <c r="C166" s="21" t="s">
        <v>264</v>
      </c>
      <c r="D166" s="21" t="s">
        <v>216</v>
      </c>
      <c r="E166" s="21" t="s">
        <v>689</v>
      </c>
      <c r="F166" s="21" t="s">
        <v>426</v>
      </c>
      <c r="G166" s="22" t="s">
        <v>268</v>
      </c>
      <c r="H166" s="22" t="s">
        <v>268</v>
      </c>
      <c r="I166" s="22" t="s">
        <v>268</v>
      </c>
      <c r="J166" s="22" t="s">
        <v>268</v>
      </c>
      <c r="K166" s="22" t="s">
        <v>268</v>
      </c>
      <c r="L166" s="22" t="s">
        <v>268</v>
      </c>
      <c r="M166" s="22" t="s">
        <v>268</v>
      </c>
      <c r="N166" s="22" t="s">
        <v>268</v>
      </c>
      <c r="O166" s="22" t="s">
        <v>268</v>
      </c>
      <c r="P166" s="22" t="s">
        <v>268</v>
      </c>
      <c r="Q166" s="22" t="s">
        <v>268</v>
      </c>
    </row>
    <row r="167" spans="1:17">
      <c r="A167" s="21" t="s">
        <v>232</v>
      </c>
      <c r="B167" s="21" t="s">
        <v>237</v>
      </c>
      <c r="C167" s="21" t="s">
        <v>264</v>
      </c>
      <c r="D167" s="21" t="s">
        <v>216</v>
      </c>
      <c r="E167" s="21" t="s">
        <v>689</v>
      </c>
      <c r="F167" s="21" t="s">
        <v>720</v>
      </c>
      <c r="G167" s="22" t="s">
        <v>268</v>
      </c>
      <c r="H167" s="22" t="s">
        <v>268</v>
      </c>
      <c r="I167" s="22" t="s">
        <v>268</v>
      </c>
      <c r="J167" s="22" t="s">
        <v>268</v>
      </c>
      <c r="K167" s="22" t="s">
        <v>268</v>
      </c>
      <c r="L167" s="22" t="s">
        <v>268</v>
      </c>
      <c r="M167" s="22" t="s">
        <v>268</v>
      </c>
      <c r="N167" s="22" t="s">
        <v>268</v>
      </c>
      <c r="O167" s="22" t="s">
        <v>268</v>
      </c>
      <c r="P167" s="22" t="s">
        <v>268</v>
      </c>
      <c r="Q167" s="22" t="s">
        <v>268</v>
      </c>
    </row>
    <row r="168" spans="1:17">
      <c r="A168" s="21" t="s">
        <v>232</v>
      </c>
      <c r="B168" s="21" t="s">
        <v>237</v>
      </c>
      <c r="C168" s="21" t="s">
        <v>264</v>
      </c>
      <c r="D168" s="21" t="s">
        <v>216</v>
      </c>
      <c r="E168" s="21" t="s">
        <v>689</v>
      </c>
      <c r="F168" s="21" t="s">
        <v>427</v>
      </c>
      <c r="G168" s="22" t="s">
        <v>268</v>
      </c>
      <c r="H168" s="22" t="s">
        <v>268</v>
      </c>
      <c r="I168" s="22" t="s">
        <v>268</v>
      </c>
      <c r="J168" s="22" t="s">
        <v>268</v>
      </c>
      <c r="K168" s="22" t="s">
        <v>268</v>
      </c>
      <c r="L168" s="22" t="s">
        <v>268</v>
      </c>
      <c r="M168" s="22" t="s">
        <v>268</v>
      </c>
      <c r="N168" s="22" t="s">
        <v>268</v>
      </c>
      <c r="O168" s="22" t="s">
        <v>268</v>
      </c>
      <c r="P168" s="22" t="s">
        <v>268</v>
      </c>
      <c r="Q168" s="22" t="s">
        <v>268</v>
      </c>
    </row>
    <row r="169" spans="1:17">
      <c r="A169" s="21" t="s">
        <v>232</v>
      </c>
      <c r="B169" s="21" t="s">
        <v>237</v>
      </c>
      <c r="C169" s="21" t="s">
        <v>264</v>
      </c>
      <c r="D169" s="21" t="s">
        <v>216</v>
      </c>
      <c r="E169" s="21" t="s">
        <v>689</v>
      </c>
      <c r="F169" s="21" t="s">
        <v>428</v>
      </c>
      <c r="G169" s="22" t="s">
        <v>268</v>
      </c>
      <c r="H169" s="22" t="s">
        <v>268</v>
      </c>
      <c r="I169" s="22" t="s">
        <v>268</v>
      </c>
      <c r="J169" s="22" t="s">
        <v>268</v>
      </c>
      <c r="K169" s="22" t="s">
        <v>268</v>
      </c>
      <c r="L169" s="22" t="s">
        <v>268</v>
      </c>
      <c r="M169" s="22" t="s">
        <v>268</v>
      </c>
      <c r="N169" s="22" t="s">
        <v>268</v>
      </c>
      <c r="O169" s="22" t="s">
        <v>268</v>
      </c>
      <c r="P169" s="22" t="s">
        <v>268</v>
      </c>
      <c r="Q169" s="22" t="s">
        <v>268</v>
      </c>
    </row>
    <row r="170" spans="1:17">
      <c r="A170" s="21" t="s">
        <v>232</v>
      </c>
      <c r="B170" s="21" t="s">
        <v>237</v>
      </c>
      <c r="C170" s="21" t="s">
        <v>264</v>
      </c>
      <c r="D170" s="21" t="s">
        <v>216</v>
      </c>
      <c r="E170" s="21" t="s">
        <v>689</v>
      </c>
      <c r="F170" s="21" t="s">
        <v>429</v>
      </c>
      <c r="G170" s="22" t="s">
        <v>268</v>
      </c>
      <c r="H170" s="22" t="s">
        <v>268</v>
      </c>
      <c r="I170" s="22" t="s">
        <v>268</v>
      </c>
      <c r="J170" s="22" t="s">
        <v>268</v>
      </c>
      <c r="K170" s="22" t="s">
        <v>268</v>
      </c>
      <c r="L170" s="22" t="s">
        <v>268</v>
      </c>
      <c r="M170" s="22" t="s">
        <v>268</v>
      </c>
      <c r="N170" s="22" t="s">
        <v>268</v>
      </c>
      <c r="O170" s="22" t="s">
        <v>268</v>
      </c>
      <c r="P170" s="22" t="s">
        <v>268</v>
      </c>
      <c r="Q170" s="22" t="s">
        <v>268</v>
      </c>
    </row>
    <row r="171" spans="1:17">
      <c r="A171" s="21" t="s">
        <v>240</v>
      </c>
      <c r="B171" s="21" t="s">
        <v>237</v>
      </c>
      <c r="C171" s="21" t="s">
        <v>265</v>
      </c>
      <c r="D171" s="21" t="s">
        <v>216</v>
      </c>
      <c r="E171" s="21" t="s">
        <v>214</v>
      </c>
      <c r="F171" s="21" t="s">
        <v>214</v>
      </c>
      <c r="G171" s="16">
        <v>14925</v>
      </c>
      <c r="H171" s="16">
        <v>5802</v>
      </c>
      <c r="I171" s="16">
        <v>4288</v>
      </c>
      <c r="J171" s="16">
        <v>121</v>
      </c>
      <c r="K171" s="16">
        <v>1514</v>
      </c>
      <c r="L171" s="16">
        <v>112</v>
      </c>
      <c r="M171" s="16">
        <v>8997</v>
      </c>
      <c r="N171" s="16">
        <v>14</v>
      </c>
      <c r="O171" s="16">
        <v>980</v>
      </c>
      <c r="P171" s="16">
        <v>52</v>
      </c>
      <c r="Q171" s="16">
        <v>4604</v>
      </c>
    </row>
    <row r="172" spans="1:17">
      <c r="A172" s="21" t="s">
        <v>240</v>
      </c>
      <c r="B172" s="21" t="s">
        <v>237</v>
      </c>
      <c r="C172" s="21" t="s">
        <v>265</v>
      </c>
      <c r="D172" s="21" t="s">
        <v>216</v>
      </c>
      <c r="E172" s="21" t="s">
        <v>214</v>
      </c>
      <c r="F172" s="21" t="s">
        <v>424</v>
      </c>
      <c r="G172" s="22" t="s">
        <v>268</v>
      </c>
      <c r="H172" s="22" t="s">
        <v>268</v>
      </c>
      <c r="I172" s="22" t="s">
        <v>268</v>
      </c>
      <c r="J172" s="22" t="s">
        <v>268</v>
      </c>
      <c r="K172" s="22" t="s">
        <v>268</v>
      </c>
      <c r="L172" s="22" t="s">
        <v>268</v>
      </c>
      <c r="M172" s="22" t="s">
        <v>268</v>
      </c>
      <c r="N172" s="22" t="s">
        <v>268</v>
      </c>
      <c r="O172" s="22" t="s">
        <v>268</v>
      </c>
      <c r="P172" s="22" t="s">
        <v>268</v>
      </c>
      <c r="Q172" s="22" t="s">
        <v>268</v>
      </c>
    </row>
    <row r="173" spans="1:17">
      <c r="A173" s="21" t="s">
        <v>240</v>
      </c>
      <c r="B173" s="21" t="s">
        <v>237</v>
      </c>
      <c r="C173" s="21" t="s">
        <v>265</v>
      </c>
      <c r="D173" s="21" t="s">
        <v>216</v>
      </c>
      <c r="E173" s="21" t="s">
        <v>214</v>
      </c>
      <c r="F173" s="21" t="s">
        <v>425</v>
      </c>
      <c r="G173" s="16">
        <v>6750</v>
      </c>
      <c r="H173" s="16">
        <v>2774</v>
      </c>
      <c r="I173" s="16">
        <v>2336</v>
      </c>
      <c r="J173" s="16">
        <v>75</v>
      </c>
      <c r="K173" s="16">
        <v>438</v>
      </c>
      <c r="L173" s="16">
        <v>79</v>
      </c>
      <c r="M173" s="16">
        <v>3897</v>
      </c>
      <c r="N173" s="22" t="s">
        <v>268</v>
      </c>
      <c r="O173" s="16">
        <v>308</v>
      </c>
      <c r="P173" s="16">
        <v>9</v>
      </c>
      <c r="Q173" s="22" t="s">
        <v>268</v>
      </c>
    </row>
    <row r="174" spans="1:17">
      <c r="A174" s="21" t="s">
        <v>240</v>
      </c>
      <c r="B174" s="21" t="s">
        <v>237</v>
      </c>
      <c r="C174" s="21" t="s">
        <v>265</v>
      </c>
      <c r="D174" s="21" t="s">
        <v>216</v>
      </c>
      <c r="E174" s="21" t="s">
        <v>214</v>
      </c>
      <c r="F174" s="21" t="s">
        <v>426</v>
      </c>
      <c r="G174" s="16">
        <v>7665</v>
      </c>
      <c r="H174" s="16">
        <v>3028</v>
      </c>
      <c r="I174" s="16">
        <v>1952</v>
      </c>
      <c r="J174" s="16">
        <v>46</v>
      </c>
      <c r="K174" s="16">
        <v>1076</v>
      </c>
      <c r="L174" s="16">
        <v>33</v>
      </c>
      <c r="M174" s="16">
        <v>4604</v>
      </c>
      <c r="N174" s="22" t="s">
        <v>268</v>
      </c>
      <c r="O174" s="16">
        <v>672</v>
      </c>
      <c r="P174" s="16">
        <v>43</v>
      </c>
      <c r="Q174" s="16">
        <v>4604</v>
      </c>
    </row>
    <row r="175" spans="1:17">
      <c r="A175" s="21" t="s">
        <v>240</v>
      </c>
      <c r="B175" s="21" t="s">
        <v>237</v>
      </c>
      <c r="C175" s="21" t="s">
        <v>265</v>
      </c>
      <c r="D175" s="21" t="s">
        <v>216</v>
      </c>
      <c r="E175" s="21" t="s">
        <v>214</v>
      </c>
      <c r="F175" s="21" t="s">
        <v>720</v>
      </c>
      <c r="G175" s="16">
        <v>510</v>
      </c>
      <c r="H175" s="22" t="s">
        <v>268</v>
      </c>
      <c r="I175" s="22" t="s">
        <v>268</v>
      </c>
      <c r="J175" s="22" t="s">
        <v>268</v>
      </c>
      <c r="K175" s="22" t="s">
        <v>268</v>
      </c>
      <c r="L175" s="22" t="s">
        <v>268</v>
      </c>
      <c r="M175" s="16">
        <v>496</v>
      </c>
      <c r="N175" s="16">
        <v>14</v>
      </c>
      <c r="O175" s="22" t="s">
        <v>268</v>
      </c>
      <c r="P175" s="22" t="s">
        <v>268</v>
      </c>
      <c r="Q175" s="22" t="s">
        <v>268</v>
      </c>
    </row>
    <row r="176" spans="1:17">
      <c r="A176" s="21" t="s">
        <v>240</v>
      </c>
      <c r="B176" s="21" t="s">
        <v>237</v>
      </c>
      <c r="C176" s="21" t="s">
        <v>265</v>
      </c>
      <c r="D176" s="21" t="s">
        <v>216</v>
      </c>
      <c r="E176" s="21" t="s">
        <v>214</v>
      </c>
      <c r="F176" s="21" t="s">
        <v>427</v>
      </c>
      <c r="G176" s="16">
        <v>8604</v>
      </c>
      <c r="H176" s="16">
        <v>3404</v>
      </c>
      <c r="I176" s="16">
        <v>2223</v>
      </c>
      <c r="J176" s="16">
        <v>55</v>
      </c>
      <c r="K176" s="16">
        <v>1181</v>
      </c>
      <c r="L176" s="16">
        <v>41</v>
      </c>
      <c r="M176" s="16">
        <v>5159</v>
      </c>
      <c r="N176" s="22" t="s">
        <v>268</v>
      </c>
      <c r="O176" s="16">
        <v>748</v>
      </c>
      <c r="P176" s="16">
        <v>52</v>
      </c>
      <c r="Q176" s="16">
        <v>4604</v>
      </c>
    </row>
    <row r="177" spans="1:17">
      <c r="A177" s="21" t="s">
        <v>240</v>
      </c>
      <c r="B177" s="21" t="s">
        <v>237</v>
      </c>
      <c r="C177" s="21" t="s">
        <v>265</v>
      </c>
      <c r="D177" s="21" t="s">
        <v>216</v>
      </c>
      <c r="E177" s="21" t="s">
        <v>214</v>
      </c>
      <c r="F177" s="21" t="s">
        <v>428</v>
      </c>
      <c r="G177" s="16">
        <v>4997</v>
      </c>
      <c r="H177" s="16">
        <v>2028</v>
      </c>
      <c r="I177" s="16">
        <v>1285</v>
      </c>
      <c r="J177" s="16">
        <v>15</v>
      </c>
      <c r="K177" s="16">
        <v>743</v>
      </c>
      <c r="L177" s="16">
        <v>16</v>
      </c>
      <c r="M177" s="16">
        <v>2953</v>
      </c>
      <c r="N177" s="22" t="s">
        <v>268</v>
      </c>
      <c r="O177" s="16">
        <v>439</v>
      </c>
      <c r="P177" s="16">
        <v>15</v>
      </c>
      <c r="Q177" s="16">
        <v>2953</v>
      </c>
    </row>
    <row r="178" spans="1:17">
      <c r="A178" s="21" t="s">
        <v>240</v>
      </c>
      <c r="B178" s="21" t="s">
        <v>237</v>
      </c>
      <c r="C178" s="21" t="s">
        <v>265</v>
      </c>
      <c r="D178" s="21" t="s">
        <v>216</v>
      </c>
      <c r="E178" s="21" t="s">
        <v>214</v>
      </c>
      <c r="F178" s="21" t="s">
        <v>429</v>
      </c>
      <c r="G178" s="16">
        <v>1906</v>
      </c>
      <c r="H178" s="16">
        <v>856</v>
      </c>
      <c r="I178" s="16">
        <v>491</v>
      </c>
      <c r="J178" s="16">
        <v>2</v>
      </c>
      <c r="K178" s="16">
        <v>365</v>
      </c>
      <c r="L178" s="16">
        <v>2</v>
      </c>
      <c r="M178" s="16">
        <v>1048</v>
      </c>
      <c r="N178" s="22" t="s">
        <v>268</v>
      </c>
      <c r="O178" s="16">
        <v>205</v>
      </c>
      <c r="P178" s="16">
        <v>2</v>
      </c>
      <c r="Q178" s="16">
        <v>1048</v>
      </c>
    </row>
    <row r="179" spans="1:17">
      <c r="A179" s="21" t="s">
        <v>240</v>
      </c>
      <c r="B179" s="21" t="s">
        <v>237</v>
      </c>
      <c r="C179" s="21" t="s">
        <v>265</v>
      </c>
      <c r="D179" s="21" t="s">
        <v>216</v>
      </c>
      <c r="E179" s="21" t="s">
        <v>681</v>
      </c>
      <c r="F179" s="21" t="s">
        <v>214</v>
      </c>
      <c r="G179" s="16">
        <v>14165</v>
      </c>
      <c r="H179" s="16">
        <v>5755</v>
      </c>
      <c r="I179" s="16">
        <v>4244</v>
      </c>
      <c r="J179" s="16">
        <v>121</v>
      </c>
      <c r="K179" s="16">
        <v>1511</v>
      </c>
      <c r="L179" s="16">
        <v>110</v>
      </c>
      <c r="M179" s="16">
        <v>8286</v>
      </c>
      <c r="N179" s="16">
        <v>14</v>
      </c>
      <c r="O179" s="16">
        <v>978</v>
      </c>
      <c r="P179" s="16">
        <v>52</v>
      </c>
      <c r="Q179" s="16">
        <v>4579</v>
      </c>
    </row>
    <row r="180" spans="1:17">
      <c r="A180" s="21" t="s">
        <v>240</v>
      </c>
      <c r="B180" s="21" t="s">
        <v>237</v>
      </c>
      <c r="C180" s="21" t="s">
        <v>265</v>
      </c>
      <c r="D180" s="21" t="s">
        <v>216</v>
      </c>
      <c r="E180" s="21" t="s">
        <v>681</v>
      </c>
      <c r="F180" s="21" t="s">
        <v>424</v>
      </c>
      <c r="G180" s="22" t="s">
        <v>268</v>
      </c>
      <c r="H180" s="22" t="s">
        <v>268</v>
      </c>
      <c r="I180" s="22" t="s">
        <v>268</v>
      </c>
      <c r="J180" s="22" t="s">
        <v>268</v>
      </c>
      <c r="K180" s="22" t="s">
        <v>268</v>
      </c>
      <c r="L180" s="22" t="s">
        <v>268</v>
      </c>
      <c r="M180" s="22" t="s">
        <v>268</v>
      </c>
      <c r="N180" s="22" t="s">
        <v>268</v>
      </c>
      <c r="O180" s="22" t="s">
        <v>268</v>
      </c>
      <c r="P180" s="22" t="s">
        <v>268</v>
      </c>
      <c r="Q180" s="22" t="s">
        <v>268</v>
      </c>
    </row>
    <row r="181" spans="1:17">
      <c r="A181" s="21" t="s">
        <v>240</v>
      </c>
      <c r="B181" s="21" t="s">
        <v>237</v>
      </c>
      <c r="C181" s="21" t="s">
        <v>265</v>
      </c>
      <c r="D181" s="21" t="s">
        <v>216</v>
      </c>
      <c r="E181" s="21" t="s">
        <v>681</v>
      </c>
      <c r="F181" s="21" t="s">
        <v>425</v>
      </c>
      <c r="G181" s="16">
        <v>6027</v>
      </c>
      <c r="H181" s="16">
        <v>2735</v>
      </c>
      <c r="I181" s="16">
        <v>2298</v>
      </c>
      <c r="J181" s="16">
        <v>75</v>
      </c>
      <c r="K181" s="16">
        <v>437</v>
      </c>
      <c r="L181" s="16">
        <v>77</v>
      </c>
      <c r="M181" s="16">
        <v>3215</v>
      </c>
      <c r="N181" s="22" t="s">
        <v>268</v>
      </c>
      <c r="O181" s="16">
        <v>307</v>
      </c>
      <c r="P181" s="16">
        <v>9</v>
      </c>
      <c r="Q181" s="22" t="s">
        <v>268</v>
      </c>
    </row>
    <row r="182" spans="1:17">
      <c r="A182" s="21" t="s">
        <v>240</v>
      </c>
      <c r="B182" s="21" t="s">
        <v>237</v>
      </c>
      <c r="C182" s="21" t="s">
        <v>265</v>
      </c>
      <c r="D182" s="21" t="s">
        <v>216</v>
      </c>
      <c r="E182" s="21" t="s">
        <v>681</v>
      </c>
      <c r="F182" s="21" t="s">
        <v>426</v>
      </c>
      <c r="G182" s="16">
        <v>7632</v>
      </c>
      <c r="H182" s="16">
        <v>3020</v>
      </c>
      <c r="I182" s="16">
        <v>1946</v>
      </c>
      <c r="J182" s="16">
        <v>46</v>
      </c>
      <c r="K182" s="16">
        <v>1074</v>
      </c>
      <c r="L182" s="16">
        <v>33</v>
      </c>
      <c r="M182" s="16">
        <v>4579</v>
      </c>
      <c r="N182" s="22" t="s">
        <v>268</v>
      </c>
      <c r="O182" s="16">
        <v>671</v>
      </c>
      <c r="P182" s="16">
        <v>43</v>
      </c>
      <c r="Q182" s="16">
        <v>4579</v>
      </c>
    </row>
    <row r="183" spans="1:17">
      <c r="A183" s="21" t="s">
        <v>240</v>
      </c>
      <c r="B183" s="21" t="s">
        <v>237</v>
      </c>
      <c r="C183" s="21" t="s">
        <v>265</v>
      </c>
      <c r="D183" s="21" t="s">
        <v>216</v>
      </c>
      <c r="E183" s="21" t="s">
        <v>681</v>
      </c>
      <c r="F183" s="21" t="s">
        <v>720</v>
      </c>
      <c r="G183" s="16">
        <v>506</v>
      </c>
      <c r="H183" s="22" t="s">
        <v>268</v>
      </c>
      <c r="I183" s="22" t="s">
        <v>268</v>
      </c>
      <c r="J183" s="22" t="s">
        <v>268</v>
      </c>
      <c r="K183" s="22" t="s">
        <v>268</v>
      </c>
      <c r="L183" s="22" t="s">
        <v>268</v>
      </c>
      <c r="M183" s="16">
        <v>492</v>
      </c>
      <c r="N183" s="16">
        <v>14</v>
      </c>
      <c r="O183" s="22" t="s">
        <v>268</v>
      </c>
      <c r="P183" s="22" t="s">
        <v>268</v>
      </c>
      <c r="Q183" s="22" t="s">
        <v>268</v>
      </c>
    </row>
    <row r="184" spans="1:17">
      <c r="A184" s="21" t="s">
        <v>240</v>
      </c>
      <c r="B184" s="21" t="s">
        <v>237</v>
      </c>
      <c r="C184" s="21" t="s">
        <v>265</v>
      </c>
      <c r="D184" s="21" t="s">
        <v>216</v>
      </c>
      <c r="E184" s="21" t="s">
        <v>681</v>
      </c>
      <c r="F184" s="21" t="s">
        <v>427</v>
      </c>
      <c r="G184" s="16">
        <v>8570</v>
      </c>
      <c r="H184" s="16">
        <v>3395</v>
      </c>
      <c r="I184" s="16">
        <v>2217</v>
      </c>
      <c r="J184" s="16">
        <v>55</v>
      </c>
      <c r="K184" s="16">
        <v>1178</v>
      </c>
      <c r="L184" s="16">
        <v>41</v>
      </c>
      <c r="M184" s="16">
        <v>5134</v>
      </c>
      <c r="N184" s="22" t="s">
        <v>268</v>
      </c>
      <c r="O184" s="16">
        <v>746</v>
      </c>
      <c r="P184" s="16">
        <v>52</v>
      </c>
      <c r="Q184" s="16">
        <v>4579</v>
      </c>
    </row>
    <row r="185" spans="1:17">
      <c r="A185" s="21" t="s">
        <v>240</v>
      </c>
      <c r="B185" s="21" t="s">
        <v>237</v>
      </c>
      <c r="C185" s="21" t="s">
        <v>265</v>
      </c>
      <c r="D185" s="21" t="s">
        <v>216</v>
      </c>
      <c r="E185" s="21" t="s">
        <v>681</v>
      </c>
      <c r="F185" s="21" t="s">
        <v>428</v>
      </c>
      <c r="G185" s="16">
        <v>4976</v>
      </c>
      <c r="H185" s="16">
        <v>2023</v>
      </c>
      <c r="I185" s="16">
        <v>1281</v>
      </c>
      <c r="J185" s="16">
        <v>15</v>
      </c>
      <c r="K185" s="16">
        <v>742</v>
      </c>
      <c r="L185" s="16">
        <v>16</v>
      </c>
      <c r="M185" s="16">
        <v>2937</v>
      </c>
      <c r="N185" s="22" t="s">
        <v>268</v>
      </c>
      <c r="O185" s="16">
        <v>439</v>
      </c>
      <c r="P185" s="16">
        <v>15</v>
      </c>
      <c r="Q185" s="16">
        <v>2937</v>
      </c>
    </row>
    <row r="186" spans="1:17">
      <c r="A186" s="21" t="s">
        <v>240</v>
      </c>
      <c r="B186" s="21" t="s">
        <v>237</v>
      </c>
      <c r="C186" s="21" t="s">
        <v>265</v>
      </c>
      <c r="D186" s="21" t="s">
        <v>216</v>
      </c>
      <c r="E186" s="21" t="s">
        <v>681</v>
      </c>
      <c r="F186" s="21" t="s">
        <v>429</v>
      </c>
      <c r="G186" s="16">
        <v>1895</v>
      </c>
      <c r="H186" s="16">
        <v>852</v>
      </c>
      <c r="I186" s="16">
        <v>488</v>
      </c>
      <c r="J186" s="16">
        <v>2</v>
      </c>
      <c r="K186" s="16">
        <v>364</v>
      </c>
      <c r="L186" s="16">
        <v>2</v>
      </c>
      <c r="M186" s="16">
        <v>1041</v>
      </c>
      <c r="N186" s="22" t="s">
        <v>268</v>
      </c>
      <c r="O186" s="16">
        <v>205</v>
      </c>
      <c r="P186" s="16">
        <v>2</v>
      </c>
      <c r="Q186" s="16">
        <v>1041</v>
      </c>
    </row>
    <row r="187" spans="1:17">
      <c r="A187" s="21" t="s">
        <v>240</v>
      </c>
      <c r="B187" s="21" t="s">
        <v>237</v>
      </c>
      <c r="C187" s="21" t="s">
        <v>265</v>
      </c>
      <c r="D187" s="21" t="s">
        <v>216</v>
      </c>
      <c r="E187" s="21" t="s">
        <v>682</v>
      </c>
      <c r="F187" s="21" t="s">
        <v>214</v>
      </c>
      <c r="G187" s="16">
        <v>13780</v>
      </c>
      <c r="H187" s="16">
        <v>5708</v>
      </c>
      <c r="I187" s="16">
        <v>4201</v>
      </c>
      <c r="J187" s="16">
        <v>121</v>
      </c>
      <c r="K187" s="16">
        <v>1507</v>
      </c>
      <c r="L187" s="16">
        <v>110</v>
      </c>
      <c r="M187" s="16">
        <v>7948</v>
      </c>
      <c r="N187" s="16">
        <v>14</v>
      </c>
      <c r="O187" s="16">
        <v>976</v>
      </c>
      <c r="P187" s="16">
        <v>52</v>
      </c>
      <c r="Q187" s="16">
        <v>4537</v>
      </c>
    </row>
    <row r="188" spans="1:17">
      <c r="A188" s="21" t="s">
        <v>240</v>
      </c>
      <c r="B188" s="21" t="s">
        <v>237</v>
      </c>
      <c r="C188" s="21" t="s">
        <v>265</v>
      </c>
      <c r="D188" s="21" t="s">
        <v>216</v>
      </c>
      <c r="E188" s="21" t="s">
        <v>682</v>
      </c>
      <c r="F188" s="21" t="s">
        <v>424</v>
      </c>
      <c r="G188" s="22" t="s">
        <v>268</v>
      </c>
      <c r="H188" s="22" t="s">
        <v>268</v>
      </c>
      <c r="I188" s="22" t="s">
        <v>268</v>
      </c>
      <c r="J188" s="22" t="s">
        <v>268</v>
      </c>
      <c r="K188" s="22" t="s">
        <v>268</v>
      </c>
      <c r="L188" s="22" t="s">
        <v>268</v>
      </c>
      <c r="M188" s="22" t="s">
        <v>268</v>
      </c>
      <c r="N188" s="22" t="s">
        <v>268</v>
      </c>
      <c r="O188" s="22" t="s">
        <v>268</v>
      </c>
      <c r="P188" s="22" t="s">
        <v>268</v>
      </c>
      <c r="Q188" s="22" t="s">
        <v>268</v>
      </c>
    </row>
    <row r="189" spans="1:17">
      <c r="A189" s="21" t="s">
        <v>240</v>
      </c>
      <c r="B189" s="21" t="s">
        <v>237</v>
      </c>
      <c r="C189" s="21" t="s">
        <v>265</v>
      </c>
      <c r="D189" s="21" t="s">
        <v>216</v>
      </c>
      <c r="E189" s="21" t="s">
        <v>682</v>
      </c>
      <c r="F189" s="21" t="s">
        <v>425</v>
      </c>
      <c r="G189" s="16">
        <v>5698</v>
      </c>
      <c r="H189" s="16">
        <v>2698</v>
      </c>
      <c r="I189" s="16">
        <v>2263</v>
      </c>
      <c r="J189" s="16">
        <v>75</v>
      </c>
      <c r="K189" s="16">
        <v>435</v>
      </c>
      <c r="L189" s="16">
        <v>77</v>
      </c>
      <c r="M189" s="16">
        <v>2923</v>
      </c>
      <c r="N189" s="22" t="s">
        <v>268</v>
      </c>
      <c r="O189" s="16">
        <v>306</v>
      </c>
      <c r="P189" s="16">
        <v>9</v>
      </c>
      <c r="Q189" s="22" t="s">
        <v>268</v>
      </c>
    </row>
    <row r="190" spans="1:17">
      <c r="A190" s="21" t="s">
        <v>240</v>
      </c>
      <c r="B190" s="21" t="s">
        <v>237</v>
      </c>
      <c r="C190" s="21" t="s">
        <v>265</v>
      </c>
      <c r="D190" s="21" t="s">
        <v>216</v>
      </c>
      <c r="E190" s="21" t="s">
        <v>682</v>
      </c>
      <c r="F190" s="21" t="s">
        <v>426</v>
      </c>
      <c r="G190" s="16">
        <v>7580</v>
      </c>
      <c r="H190" s="16">
        <v>3010</v>
      </c>
      <c r="I190" s="16">
        <v>1938</v>
      </c>
      <c r="J190" s="16">
        <v>46</v>
      </c>
      <c r="K190" s="16">
        <v>1072</v>
      </c>
      <c r="L190" s="16">
        <v>33</v>
      </c>
      <c r="M190" s="16">
        <v>4537</v>
      </c>
      <c r="N190" s="22" t="s">
        <v>268</v>
      </c>
      <c r="O190" s="16">
        <v>670</v>
      </c>
      <c r="P190" s="16">
        <v>43</v>
      </c>
      <c r="Q190" s="16">
        <v>4537</v>
      </c>
    </row>
    <row r="191" spans="1:17">
      <c r="A191" s="21" t="s">
        <v>240</v>
      </c>
      <c r="B191" s="21" t="s">
        <v>237</v>
      </c>
      <c r="C191" s="21" t="s">
        <v>265</v>
      </c>
      <c r="D191" s="21" t="s">
        <v>216</v>
      </c>
      <c r="E191" s="21" t="s">
        <v>682</v>
      </c>
      <c r="F191" s="21" t="s">
        <v>720</v>
      </c>
      <c r="G191" s="16">
        <v>502</v>
      </c>
      <c r="H191" s="22" t="s">
        <v>268</v>
      </c>
      <c r="I191" s="22" t="s">
        <v>268</v>
      </c>
      <c r="J191" s="22" t="s">
        <v>268</v>
      </c>
      <c r="K191" s="22" t="s">
        <v>268</v>
      </c>
      <c r="L191" s="22" t="s">
        <v>268</v>
      </c>
      <c r="M191" s="16">
        <v>488</v>
      </c>
      <c r="N191" s="16">
        <v>14</v>
      </c>
      <c r="O191" s="22" t="s">
        <v>268</v>
      </c>
      <c r="P191" s="22" t="s">
        <v>268</v>
      </c>
      <c r="Q191" s="22" t="s">
        <v>268</v>
      </c>
    </row>
    <row r="192" spans="1:17">
      <c r="A192" s="21" t="s">
        <v>240</v>
      </c>
      <c r="B192" s="21" t="s">
        <v>237</v>
      </c>
      <c r="C192" s="21" t="s">
        <v>265</v>
      </c>
      <c r="D192" s="21" t="s">
        <v>216</v>
      </c>
      <c r="E192" s="21" t="s">
        <v>682</v>
      </c>
      <c r="F192" s="21" t="s">
        <v>427</v>
      </c>
      <c r="G192" s="16">
        <v>8512</v>
      </c>
      <c r="H192" s="16">
        <v>3383</v>
      </c>
      <c r="I192" s="16">
        <v>2208</v>
      </c>
      <c r="J192" s="16">
        <v>55</v>
      </c>
      <c r="K192" s="16">
        <v>1175</v>
      </c>
      <c r="L192" s="16">
        <v>41</v>
      </c>
      <c r="M192" s="16">
        <v>5088</v>
      </c>
      <c r="N192" s="22" t="s">
        <v>268</v>
      </c>
      <c r="O192" s="16">
        <v>744</v>
      </c>
      <c r="P192" s="16">
        <v>52</v>
      </c>
      <c r="Q192" s="16">
        <v>4537</v>
      </c>
    </row>
    <row r="193" spans="1:17">
      <c r="A193" s="21" t="s">
        <v>240</v>
      </c>
      <c r="B193" s="21" t="s">
        <v>237</v>
      </c>
      <c r="C193" s="21" t="s">
        <v>265</v>
      </c>
      <c r="D193" s="21" t="s">
        <v>216</v>
      </c>
      <c r="E193" s="21" t="s">
        <v>682</v>
      </c>
      <c r="F193" s="21" t="s">
        <v>428</v>
      </c>
      <c r="G193" s="16">
        <v>4954</v>
      </c>
      <c r="H193" s="16">
        <v>2019</v>
      </c>
      <c r="I193" s="16">
        <v>1278</v>
      </c>
      <c r="J193" s="16">
        <v>15</v>
      </c>
      <c r="K193" s="16">
        <v>741</v>
      </c>
      <c r="L193" s="16">
        <v>16</v>
      </c>
      <c r="M193" s="16">
        <v>2919</v>
      </c>
      <c r="N193" s="22" t="s">
        <v>268</v>
      </c>
      <c r="O193" s="16">
        <v>438</v>
      </c>
      <c r="P193" s="16">
        <v>15</v>
      </c>
      <c r="Q193" s="16">
        <v>2919</v>
      </c>
    </row>
    <row r="194" spans="1:17">
      <c r="A194" s="21" t="s">
        <v>240</v>
      </c>
      <c r="B194" s="21" t="s">
        <v>237</v>
      </c>
      <c r="C194" s="21" t="s">
        <v>265</v>
      </c>
      <c r="D194" s="21" t="s">
        <v>216</v>
      </c>
      <c r="E194" s="21" t="s">
        <v>682</v>
      </c>
      <c r="F194" s="21" t="s">
        <v>429</v>
      </c>
      <c r="G194" s="16">
        <v>1889</v>
      </c>
      <c r="H194" s="16">
        <v>851</v>
      </c>
      <c r="I194" s="16">
        <v>488</v>
      </c>
      <c r="J194" s="16">
        <v>2</v>
      </c>
      <c r="K194" s="16">
        <v>363</v>
      </c>
      <c r="L194" s="16">
        <v>2</v>
      </c>
      <c r="M194" s="16">
        <v>1036</v>
      </c>
      <c r="N194" s="22" t="s">
        <v>268</v>
      </c>
      <c r="O194" s="16">
        <v>204</v>
      </c>
      <c r="P194" s="16">
        <v>2</v>
      </c>
      <c r="Q194" s="16">
        <v>1036</v>
      </c>
    </row>
    <row r="195" spans="1:17">
      <c r="A195" s="21" t="s">
        <v>240</v>
      </c>
      <c r="B195" s="21" t="s">
        <v>237</v>
      </c>
      <c r="C195" s="21" t="s">
        <v>265</v>
      </c>
      <c r="D195" s="21" t="s">
        <v>216</v>
      </c>
      <c r="E195" s="21" t="s">
        <v>683</v>
      </c>
      <c r="F195" s="21" t="s">
        <v>214</v>
      </c>
      <c r="G195" s="16">
        <v>8118</v>
      </c>
      <c r="H195" s="16">
        <v>3775</v>
      </c>
      <c r="I195" s="16">
        <v>2483</v>
      </c>
      <c r="J195" s="16">
        <v>60</v>
      </c>
      <c r="K195" s="16">
        <v>1292</v>
      </c>
      <c r="L195" s="16">
        <v>40</v>
      </c>
      <c r="M195" s="16">
        <v>4299</v>
      </c>
      <c r="N195" s="16">
        <v>4</v>
      </c>
      <c r="O195" s="16">
        <v>854</v>
      </c>
      <c r="P195" s="16">
        <v>35</v>
      </c>
      <c r="Q195" s="16">
        <v>3432</v>
      </c>
    </row>
    <row r="196" spans="1:17">
      <c r="A196" s="21" t="s">
        <v>240</v>
      </c>
      <c r="B196" s="21" t="s">
        <v>237</v>
      </c>
      <c r="C196" s="21" t="s">
        <v>265</v>
      </c>
      <c r="D196" s="21" t="s">
        <v>216</v>
      </c>
      <c r="E196" s="21" t="s">
        <v>683</v>
      </c>
      <c r="F196" s="21" t="s">
        <v>424</v>
      </c>
      <c r="G196" s="22" t="s">
        <v>268</v>
      </c>
      <c r="H196" s="22" t="s">
        <v>268</v>
      </c>
      <c r="I196" s="22" t="s">
        <v>268</v>
      </c>
      <c r="J196" s="22" t="s">
        <v>268</v>
      </c>
      <c r="K196" s="22" t="s">
        <v>268</v>
      </c>
      <c r="L196" s="22" t="s">
        <v>268</v>
      </c>
      <c r="M196" s="22" t="s">
        <v>268</v>
      </c>
      <c r="N196" s="22" t="s">
        <v>268</v>
      </c>
      <c r="O196" s="22" t="s">
        <v>268</v>
      </c>
      <c r="P196" s="22" t="s">
        <v>268</v>
      </c>
      <c r="Q196" s="22" t="s">
        <v>268</v>
      </c>
    </row>
    <row r="197" spans="1:17">
      <c r="A197" s="21" t="s">
        <v>240</v>
      </c>
      <c r="B197" s="21" t="s">
        <v>237</v>
      </c>
      <c r="C197" s="21" t="s">
        <v>265</v>
      </c>
      <c r="D197" s="21" t="s">
        <v>216</v>
      </c>
      <c r="E197" s="21" t="s">
        <v>683</v>
      </c>
      <c r="F197" s="21" t="s">
        <v>425</v>
      </c>
      <c r="G197" s="16">
        <v>1965</v>
      </c>
      <c r="H197" s="16">
        <v>1134</v>
      </c>
      <c r="I197" s="16">
        <v>847</v>
      </c>
      <c r="J197" s="16">
        <v>29</v>
      </c>
      <c r="K197" s="16">
        <v>287</v>
      </c>
      <c r="L197" s="16">
        <v>16</v>
      </c>
      <c r="M197" s="16">
        <v>815</v>
      </c>
      <c r="N197" s="22" t="s">
        <v>268</v>
      </c>
      <c r="O197" s="16">
        <v>212</v>
      </c>
      <c r="P197" s="16">
        <v>5</v>
      </c>
      <c r="Q197" s="22" t="s">
        <v>268</v>
      </c>
    </row>
    <row r="198" spans="1:17">
      <c r="A198" s="21" t="s">
        <v>240</v>
      </c>
      <c r="B198" s="21" t="s">
        <v>237</v>
      </c>
      <c r="C198" s="21" t="s">
        <v>265</v>
      </c>
      <c r="D198" s="21" t="s">
        <v>216</v>
      </c>
      <c r="E198" s="21" t="s">
        <v>683</v>
      </c>
      <c r="F198" s="21" t="s">
        <v>426</v>
      </c>
      <c r="G198" s="16">
        <v>6097</v>
      </c>
      <c r="H198" s="16">
        <v>2641</v>
      </c>
      <c r="I198" s="16">
        <v>1636</v>
      </c>
      <c r="J198" s="16">
        <v>31</v>
      </c>
      <c r="K198" s="16">
        <v>1005</v>
      </c>
      <c r="L198" s="16">
        <v>24</v>
      </c>
      <c r="M198" s="16">
        <v>3432</v>
      </c>
      <c r="N198" s="22" t="s">
        <v>268</v>
      </c>
      <c r="O198" s="16">
        <v>642</v>
      </c>
      <c r="P198" s="16">
        <v>30</v>
      </c>
      <c r="Q198" s="16">
        <v>3432</v>
      </c>
    </row>
    <row r="199" spans="1:17">
      <c r="A199" s="21" t="s">
        <v>240</v>
      </c>
      <c r="B199" s="21" t="s">
        <v>237</v>
      </c>
      <c r="C199" s="21" t="s">
        <v>265</v>
      </c>
      <c r="D199" s="21" t="s">
        <v>216</v>
      </c>
      <c r="E199" s="21" t="s">
        <v>683</v>
      </c>
      <c r="F199" s="21" t="s">
        <v>720</v>
      </c>
      <c r="G199" s="16">
        <v>56</v>
      </c>
      <c r="H199" s="22" t="s">
        <v>268</v>
      </c>
      <c r="I199" s="22" t="s">
        <v>268</v>
      </c>
      <c r="J199" s="22" t="s">
        <v>268</v>
      </c>
      <c r="K199" s="22" t="s">
        <v>268</v>
      </c>
      <c r="L199" s="22" t="s">
        <v>268</v>
      </c>
      <c r="M199" s="16">
        <v>52</v>
      </c>
      <c r="N199" s="16">
        <v>4</v>
      </c>
      <c r="O199" s="22" t="s">
        <v>268</v>
      </c>
      <c r="P199" s="22" t="s">
        <v>268</v>
      </c>
      <c r="Q199" s="22" t="s">
        <v>268</v>
      </c>
    </row>
    <row r="200" spans="1:17">
      <c r="A200" s="21" t="s">
        <v>240</v>
      </c>
      <c r="B200" s="21" t="s">
        <v>237</v>
      </c>
      <c r="C200" s="21" t="s">
        <v>265</v>
      </c>
      <c r="D200" s="21" t="s">
        <v>216</v>
      </c>
      <c r="E200" s="21" t="s">
        <v>683</v>
      </c>
      <c r="F200" s="21" t="s">
        <v>427</v>
      </c>
      <c r="G200" s="16">
        <v>6703</v>
      </c>
      <c r="H200" s="16">
        <v>2913</v>
      </c>
      <c r="I200" s="16">
        <v>1820</v>
      </c>
      <c r="J200" s="16">
        <v>36</v>
      </c>
      <c r="K200" s="16">
        <v>1093</v>
      </c>
      <c r="L200" s="16">
        <v>28</v>
      </c>
      <c r="M200" s="16">
        <v>3762</v>
      </c>
      <c r="N200" s="22" t="s">
        <v>268</v>
      </c>
      <c r="O200" s="16">
        <v>708</v>
      </c>
      <c r="P200" s="16">
        <v>35</v>
      </c>
      <c r="Q200" s="16">
        <v>3432</v>
      </c>
    </row>
    <row r="201" spans="1:17">
      <c r="A201" s="21" t="s">
        <v>240</v>
      </c>
      <c r="B201" s="21" t="s">
        <v>237</v>
      </c>
      <c r="C201" s="21" t="s">
        <v>265</v>
      </c>
      <c r="D201" s="21" t="s">
        <v>216</v>
      </c>
      <c r="E201" s="21" t="s">
        <v>683</v>
      </c>
      <c r="F201" s="21" t="s">
        <v>428</v>
      </c>
      <c r="G201" s="16">
        <v>4286</v>
      </c>
      <c r="H201" s="16">
        <v>1854</v>
      </c>
      <c r="I201" s="16">
        <v>1146</v>
      </c>
      <c r="J201" s="16">
        <v>11</v>
      </c>
      <c r="K201" s="16">
        <v>708</v>
      </c>
      <c r="L201" s="16">
        <v>13</v>
      </c>
      <c r="M201" s="16">
        <v>2419</v>
      </c>
      <c r="N201" s="22" t="s">
        <v>268</v>
      </c>
      <c r="O201" s="16">
        <v>427</v>
      </c>
      <c r="P201" s="16">
        <v>11</v>
      </c>
      <c r="Q201" s="16">
        <v>2419</v>
      </c>
    </row>
    <row r="202" spans="1:17">
      <c r="A202" s="21" t="s">
        <v>240</v>
      </c>
      <c r="B202" s="21" t="s">
        <v>237</v>
      </c>
      <c r="C202" s="21" t="s">
        <v>265</v>
      </c>
      <c r="D202" s="21" t="s">
        <v>216</v>
      </c>
      <c r="E202" s="21" t="s">
        <v>683</v>
      </c>
      <c r="F202" s="21" t="s">
        <v>429</v>
      </c>
      <c r="G202" s="16">
        <v>1716</v>
      </c>
      <c r="H202" s="16">
        <v>807</v>
      </c>
      <c r="I202" s="16">
        <v>453</v>
      </c>
      <c r="J202" s="16">
        <v>1</v>
      </c>
      <c r="K202" s="16">
        <v>354</v>
      </c>
      <c r="L202" s="16">
        <v>2</v>
      </c>
      <c r="M202" s="16">
        <v>907</v>
      </c>
      <c r="N202" s="22" t="s">
        <v>268</v>
      </c>
      <c r="O202" s="16">
        <v>202</v>
      </c>
      <c r="P202" s="16">
        <v>1</v>
      </c>
      <c r="Q202" s="16">
        <v>907</v>
      </c>
    </row>
    <row r="203" spans="1:17">
      <c r="A203" s="21" t="s">
        <v>240</v>
      </c>
      <c r="B203" s="21" t="s">
        <v>237</v>
      </c>
      <c r="C203" s="21" t="s">
        <v>265</v>
      </c>
      <c r="D203" s="21" t="s">
        <v>216</v>
      </c>
      <c r="E203" s="21" t="s">
        <v>684</v>
      </c>
      <c r="F203" s="21" t="s">
        <v>214</v>
      </c>
      <c r="G203" s="16">
        <v>610</v>
      </c>
      <c r="H203" s="16">
        <v>285</v>
      </c>
      <c r="I203" s="16">
        <v>252</v>
      </c>
      <c r="J203" s="16">
        <v>3</v>
      </c>
      <c r="K203" s="16">
        <v>33</v>
      </c>
      <c r="L203" s="16">
        <v>2</v>
      </c>
      <c r="M203" s="16">
        <v>323</v>
      </c>
      <c r="N203" s="22" t="s">
        <v>268</v>
      </c>
      <c r="O203" s="16">
        <v>13</v>
      </c>
      <c r="P203" s="16">
        <v>3</v>
      </c>
      <c r="Q203" s="16">
        <v>233</v>
      </c>
    </row>
    <row r="204" spans="1:17">
      <c r="A204" s="21" t="s">
        <v>240</v>
      </c>
      <c r="B204" s="21" t="s">
        <v>237</v>
      </c>
      <c r="C204" s="21" t="s">
        <v>265</v>
      </c>
      <c r="D204" s="21" t="s">
        <v>216</v>
      </c>
      <c r="E204" s="21" t="s">
        <v>684</v>
      </c>
      <c r="F204" s="21" t="s">
        <v>424</v>
      </c>
      <c r="G204" s="22" t="s">
        <v>268</v>
      </c>
      <c r="H204" s="22" t="s">
        <v>268</v>
      </c>
      <c r="I204" s="22" t="s">
        <v>268</v>
      </c>
      <c r="J204" s="22" t="s">
        <v>268</v>
      </c>
      <c r="K204" s="22" t="s">
        <v>268</v>
      </c>
      <c r="L204" s="22" t="s">
        <v>268</v>
      </c>
      <c r="M204" s="22" t="s">
        <v>268</v>
      </c>
      <c r="N204" s="22" t="s">
        <v>268</v>
      </c>
      <c r="O204" s="22" t="s">
        <v>268</v>
      </c>
      <c r="P204" s="22" t="s">
        <v>268</v>
      </c>
      <c r="Q204" s="22" t="s">
        <v>268</v>
      </c>
    </row>
    <row r="205" spans="1:17">
      <c r="A205" s="21" t="s">
        <v>240</v>
      </c>
      <c r="B205" s="21" t="s">
        <v>237</v>
      </c>
      <c r="C205" s="21" t="s">
        <v>265</v>
      </c>
      <c r="D205" s="21" t="s">
        <v>216</v>
      </c>
      <c r="E205" s="21" t="s">
        <v>684</v>
      </c>
      <c r="F205" s="21" t="s">
        <v>425</v>
      </c>
      <c r="G205" s="16">
        <v>283</v>
      </c>
      <c r="H205" s="16">
        <v>202</v>
      </c>
      <c r="I205" s="16">
        <v>186</v>
      </c>
      <c r="J205" s="16">
        <v>1</v>
      </c>
      <c r="K205" s="16">
        <v>16</v>
      </c>
      <c r="L205" s="22" t="s">
        <v>268</v>
      </c>
      <c r="M205" s="16">
        <v>81</v>
      </c>
      <c r="N205" s="22" t="s">
        <v>268</v>
      </c>
      <c r="O205" s="16">
        <v>9</v>
      </c>
      <c r="P205" s="16">
        <v>1</v>
      </c>
      <c r="Q205" s="22" t="s">
        <v>268</v>
      </c>
    </row>
    <row r="206" spans="1:17">
      <c r="A206" s="21" t="s">
        <v>240</v>
      </c>
      <c r="B206" s="21" t="s">
        <v>237</v>
      </c>
      <c r="C206" s="21" t="s">
        <v>265</v>
      </c>
      <c r="D206" s="21" t="s">
        <v>216</v>
      </c>
      <c r="E206" s="21" t="s">
        <v>684</v>
      </c>
      <c r="F206" s="21" t="s">
        <v>426</v>
      </c>
      <c r="G206" s="16">
        <v>318</v>
      </c>
      <c r="H206" s="16">
        <v>83</v>
      </c>
      <c r="I206" s="16">
        <v>66</v>
      </c>
      <c r="J206" s="16">
        <v>2</v>
      </c>
      <c r="K206" s="16">
        <v>17</v>
      </c>
      <c r="L206" s="16">
        <v>2</v>
      </c>
      <c r="M206" s="16">
        <v>233</v>
      </c>
      <c r="N206" s="22" t="s">
        <v>268</v>
      </c>
      <c r="O206" s="16">
        <v>4</v>
      </c>
      <c r="P206" s="16">
        <v>2</v>
      </c>
      <c r="Q206" s="16">
        <v>233</v>
      </c>
    </row>
    <row r="207" spans="1:17">
      <c r="A207" s="21" t="s">
        <v>240</v>
      </c>
      <c r="B207" s="21" t="s">
        <v>237</v>
      </c>
      <c r="C207" s="21" t="s">
        <v>265</v>
      </c>
      <c r="D207" s="21" t="s">
        <v>216</v>
      </c>
      <c r="E207" s="21" t="s">
        <v>684</v>
      </c>
      <c r="F207" s="21" t="s">
        <v>720</v>
      </c>
      <c r="G207" s="16">
        <v>9</v>
      </c>
      <c r="H207" s="22" t="s">
        <v>268</v>
      </c>
      <c r="I207" s="22" t="s">
        <v>268</v>
      </c>
      <c r="J207" s="22" t="s">
        <v>268</v>
      </c>
      <c r="K207" s="22" t="s">
        <v>268</v>
      </c>
      <c r="L207" s="22" t="s">
        <v>268</v>
      </c>
      <c r="M207" s="16">
        <v>9</v>
      </c>
      <c r="N207" s="22" t="s">
        <v>268</v>
      </c>
      <c r="O207" s="22" t="s">
        <v>268</v>
      </c>
      <c r="P207" s="22" t="s">
        <v>268</v>
      </c>
      <c r="Q207" s="22" t="s">
        <v>268</v>
      </c>
    </row>
    <row r="208" spans="1:17">
      <c r="A208" s="21" t="s">
        <v>240</v>
      </c>
      <c r="B208" s="21" t="s">
        <v>237</v>
      </c>
      <c r="C208" s="21" t="s">
        <v>265</v>
      </c>
      <c r="D208" s="21" t="s">
        <v>216</v>
      </c>
      <c r="E208" s="21" t="s">
        <v>684</v>
      </c>
      <c r="F208" s="21" t="s">
        <v>427</v>
      </c>
      <c r="G208" s="16">
        <v>367</v>
      </c>
      <c r="H208" s="16">
        <v>100</v>
      </c>
      <c r="I208" s="16">
        <v>80</v>
      </c>
      <c r="J208" s="16">
        <v>3</v>
      </c>
      <c r="K208" s="16">
        <v>20</v>
      </c>
      <c r="L208" s="16">
        <v>2</v>
      </c>
      <c r="M208" s="16">
        <v>265</v>
      </c>
      <c r="N208" s="22" t="s">
        <v>268</v>
      </c>
      <c r="O208" s="16">
        <v>5</v>
      </c>
      <c r="P208" s="16">
        <v>3</v>
      </c>
      <c r="Q208" s="16">
        <v>233</v>
      </c>
    </row>
    <row r="209" spans="1:17">
      <c r="A209" s="21" t="s">
        <v>240</v>
      </c>
      <c r="B209" s="21" t="s">
        <v>237</v>
      </c>
      <c r="C209" s="21" t="s">
        <v>265</v>
      </c>
      <c r="D209" s="21" t="s">
        <v>216</v>
      </c>
      <c r="E209" s="21" t="s">
        <v>684</v>
      </c>
      <c r="F209" s="21" t="s">
        <v>428</v>
      </c>
      <c r="G209" s="16">
        <v>143</v>
      </c>
      <c r="H209" s="16">
        <v>39</v>
      </c>
      <c r="I209" s="16">
        <v>30</v>
      </c>
      <c r="J209" s="22" t="s">
        <v>268</v>
      </c>
      <c r="K209" s="16">
        <v>9</v>
      </c>
      <c r="L209" s="16">
        <v>1</v>
      </c>
      <c r="M209" s="16">
        <v>103</v>
      </c>
      <c r="N209" s="22" t="s">
        <v>268</v>
      </c>
      <c r="O209" s="16">
        <v>2</v>
      </c>
      <c r="P209" s="22" t="s">
        <v>268</v>
      </c>
      <c r="Q209" s="16">
        <v>103</v>
      </c>
    </row>
    <row r="210" spans="1:17">
      <c r="A210" s="21" t="s">
        <v>240</v>
      </c>
      <c r="B210" s="21" t="s">
        <v>237</v>
      </c>
      <c r="C210" s="21" t="s">
        <v>265</v>
      </c>
      <c r="D210" s="21" t="s">
        <v>216</v>
      </c>
      <c r="E210" s="21" t="s">
        <v>684</v>
      </c>
      <c r="F210" s="21" t="s">
        <v>429</v>
      </c>
      <c r="G210" s="16">
        <v>35</v>
      </c>
      <c r="H210" s="16">
        <v>11</v>
      </c>
      <c r="I210" s="16">
        <v>8</v>
      </c>
      <c r="J210" s="22" t="s">
        <v>268</v>
      </c>
      <c r="K210" s="16">
        <v>3</v>
      </c>
      <c r="L210" s="22" t="s">
        <v>268</v>
      </c>
      <c r="M210" s="16">
        <v>24</v>
      </c>
      <c r="N210" s="22" t="s">
        <v>268</v>
      </c>
      <c r="O210" s="22" t="s">
        <v>268</v>
      </c>
      <c r="P210" s="22" t="s">
        <v>268</v>
      </c>
      <c r="Q210" s="16">
        <v>24</v>
      </c>
    </row>
    <row r="211" spans="1:17">
      <c r="A211" s="21" t="s">
        <v>240</v>
      </c>
      <c r="B211" s="21" t="s">
        <v>237</v>
      </c>
      <c r="C211" s="21" t="s">
        <v>265</v>
      </c>
      <c r="D211" s="21" t="s">
        <v>216</v>
      </c>
      <c r="E211" s="21" t="s">
        <v>685</v>
      </c>
      <c r="F211" s="21" t="s">
        <v>214</v>
      </c>
      <c r="G211" s="16">
        <v>4762</v>
      </c>
      <c r="H211" s="16">
        <v>1622</v>
      </c>
      <c r="I211" s="16">
        <v>1444</v>
      </c>
      <c r="J211" s="16">
        <v>57</v>
      </c>
      <c r="K211" s="16">
        <v>178</v>
      </c>
      <c r="L211" s="16">
        <v>66</v>
      </c>
      <c r="M211" s="16">
        <v>3064</v>
      </c>
      <c r="N211" s="16">
        <v>10</v>
      </c>
      <c r="O211" s="16">
        <v>105</v>
      </c>
      <c r="P211" s="16">
        <v>14</v>
      </c>
      <c r="Q211" s="16">
        <v>867</v>
      </c>
    </row>
    <row r="212" spans="1:17">
      <c r="A212" s="21" t="s">
        <v>240</v>
      </c>
      <c r="B212" s="21" t="s">
        <v>237</v>
      </c>
      <c r="C212" s="21" t="s">
        <v>265</v>
      </c>
      <c r="D212" s="21" t="s">
        <v>216</v>
      </c>
      <c r="E212" s="21" t="s">
        <v>685</v>
      </c>
      <c r="F212" s="21" t="s">
        <v>424</v>
      </c>
      <c r="G212" s="22" t="s">
        <v>268</v>
      </c>
      <c r="H212" s="22" t="s">
        <v>268</v>
      </c>
      <c r="I212" s="22" t="s">
        <v>268</v>
      </c>
      <c r="J212" s="22" t="s">
        <v>268</v>
      </c>
      <c r="K212" s="22" t="s">
        <v>268</v>
      </c>
      <c r="L212" s="22" t="s">
        <v>268</v>
      </c>
      <c r="M212" s="22" t="s">
        <v>268</v>
      </c>
      <c r="N212" s="22" t="s">
        <v>268</v>
      </c>
      <c r="O212" s="22" t="s">
        <v>268</v>
      </c>
      <c r="P212" s="22" t="s">
        <v>268</v>
      </c>
      <c r="Q212" s="22" t="s">
        <v>268</v>
      </c>
    </row>
    <row r="213" spans="1:17">
      <c r="A213" s="21" t="s">
        <v>240</v>
      </c>
      <c r="B213" s="21" t="s">
        <v>237</v>
      </c>
      <c r="C213" s="21" t="s">
        <v>265</v>
      </c>
      <c r="D213" s="21" t="s">
        <v>216</v>
      </c>
      <c r="E213" s="21" t="s">
        <v>685</v>
      </c>
      <c r="F213" s="21" t="s">
        <v>425</v>
      </c>
      <c r="G213" s="16">
        <v>3189</v>
      </c>
      <c r="H213" s="16">
        <v>1340</v>
      </c>
      <c r="I213" s="16">
        <v>1210</v>
      </c>
      <c r="J213" s="16">
        <v>44</v>
      </c>
      <c r="K213" s="16">
        <v>130</v>
      </c>
      <c r="L213" s="16">
        <v>59</v>
      </c>
      <c r="M213" s="16">
        <v>1790</v>
      </c>
      <c r="N213" s="22" t="s">
        <v>268</v>
      </c>
      <c r="O213" s="16">
        <v>83</v>
      </c>
      <c r="P213" s="16">
        <v>3</v>
      </c>
      <c r="Q213" s="22" t="s">
        <v>268</v>
      </c>
    </row>
    <row r="214" spans="1:17">
      <c r="A214" s="21" t="s">
        <v>240</v>
      </c>
      <c r="B214" s="21" t="s">
        <v>237</v>
      </c>
      <c r="C214" s="21" t="s">
        <v>265</v>
      </c>
      <c r="D214" s="21" t="s">
        <v>216</v>
      </c>
      <c r="E214" s="21" t="s">
        <v>685</v>
      </c>
      <c r="F214" s="21" t="s">
        <v>426</v>
      </c>
      <c r="G214" s="16">
        <v>1156</v>
      </c>
      <c r="H214" s="16">
        <v>282</v>
      </c>
      <c r="I214" s="16">
        <v>234</v>
      </c>
      <c r="J214" s="16">
        <v>13</v>
      </c>
      <c r="K214" s="16">
        <v>48</v>
      </c>
      <c r="L214" s="16">
        <v>7</v>
      </c>
      <c r="M214" s="16">
        <v>867</v>
      </c>
      <c r="N214" s="22" t="s">
        <v>268</v>
      </c>
      <c r="O214" s="16">
        <v>22</v>
      </c>
      <c r="P214" s="16">
        <v>11</v>
      </c>
      <c r="Q214" s="16">
        <v>867</v>
      </c>
    </row>
    <row r="215" spans="1:17">
      <c r="A215" s="21" t="s">
        <v>240</v>
      </c>
      <c r="B215" s="21" t="s">
        <v>237</v>
      </c>
      <c r="C215" s="21" t="s">
        <v>265</v>
      </c>
      <c r="D215" s="21" t="s">
        <v>216</v>
      </c>
      <c r="E215" s="21" t="s">
        <v>685</v>
      </c>
      <c r="F215" s="21" t="s">
        <v>720</v>
      </c>
      <c r="G215" s="16">
        <v>417</v>
      </c>
      <c r="H215" s="22" t="s">
        <v>268</v>
      </c>
      <c r="I215" s="22" t="s">
        <v>268</v>
      </c>
      <c r="J215" s="22" t="s">
        <v>268</v>
      </c>
      <c r="K215" s="22" t="s">
        <v>268</v>
      </c>
      <c r="L215" s="22" t="s">
        <v>268</v>
      </c>
      <c r="M215" s="16">
        <v>407</v>
      </c>
      <c r="N215" s="16">
        <v>10</v>
      </c>
      <c r="O215" s="22" t="s">
        <v>268</v>
      </c>
      <c r="P215" s="22" t="s">
        <v>268</v>
      </c>
      <c r="Q215" s="22" t="s">
        <v>268</v>
      </c>
    </row>
    <row r="216" spans="1:17">
      <c r="A216" s="21" t="s">
        <v>240</v>
      </c>
      <c r="B216" s="21" t="s">
        <v>237</v>
      </c>
      <c r="C216" s="21" t="s">
        <v>265</v>
      </c>
      <c r="D216" s="21" t="s">
        <v>216</v>
      </c>
      <c r="E216" s="21" t="s">
        <v>685</v>
      </c>
      <c r="F216" s="21" t="s">
        <v>427</v>
      </c>
      <c r="G216" s="16">
        <v>1429</v>
      </c>
      <c r="H216" s="16">
        <v>366</v>
      </c>
      <c r="I216" s="16">
        <v>306</v>
      </c>
      <c r="J216" s="16">
        <v>16</v>
      </c>
      <c r="K216" s="16">
        <v>60</v>
      </c>
      <c r="L216" s="16">
        <v>11</v>
      </c>
      <c r="M216" s="16">
        <v>1052</v>
      </c>
      <c r="N216" s="22" t="s">
        <v>268</v>
      </c>
      <c r="O216" s="16">
        <v>29</v>
      </c>
      <c r="P216" s="16">
        <v>14</v>
      </c>
      <c r="Q216" s="16">
        <v>867</v>
      </c>
    </row>
    <row r="217" spans="1:17">
      <c r="A217" s="21" t="s">
        <v>240</v>
      </c>
      <c r="B217" s="21" t="s">
        <v>237</v>
      </c>
      <c r="C217" s="21" t="s">
        <v>265</v>
      </c>
      <c r="D217" s="21" t="s">
        <v>216</v>
      </c>
      <c r="E217" s="21" t="s">
        <v>685</v>
      </c>
      <c r="F217" s="21" t="s">
        <v>428</v>
      </c>
      <c r="G217" s="16">
        <v>520</v>
      </c>
      <c r="H217" s="16">
        <v>123</v>
      </c>
      <c r="I217" s="16">
        <v>101</v>
      </c>
      <c r="J217" s="16">
        <v>4</v>
      </c>
      <c r="K217" s="16">
        <v>22</v>
      </c>
      <c r="L217" s="16">
        <v>2</v>
      </c>
      <c r="M217" s="16">
        <v>395</v>
      </c>
      <c r="N217" s="22" t="s">
        <v>268</v>
      </c>
      <c r="O217" s="16">
        <v>7</v>
      </c>
      <c r="P217" s="16">
        <v>4</v>
      </c>
      <c r="Q217" s="16">
        <v>395</v>
      </c>
    </row>
    <row r="218" spans="1:17">
      <c r="A218" s="21" t="s">
        <v>240</v>
      </c>
      <c r="B218" s="21" t="s">
        <v>237</v>
      </c>
      <c r="C218" s="21" t="s">
        <v>265</v>
      </c>
      <c r="D218" s="21" t="s">
        <v>216</v>
      </c>
      <c r="E218" s="21" t="s">
        <v>685</v>
      </c>
      <c r="F218" s="21" t="s">
        <v>429</v>
      </c>
      <c r="G218" s="16">
        <v>137</v>
      </c>
      <c r="H218" s="16">
        <v>32</v>
      </c>
      <c r="I218" s="16">
        <v>26</v>
      </c>
      <c r="J218" s="16">
        <v>1</v>
      </c>
      <c r="K218" s="16">
        <v>6</v>
      </c>
      <c r="L218" s="22" t="s">
        <v>268</v>
      </c>
      <c r="M218" s="16">
        <v>105</v>
      </c>
      <c r="N218" s="22" t="s">
        <v>268</v>
      </c>
      <c r="O218" s="16">
        <v>2</v>
      </c>
      <c r="P218" s="16">
        <v>1</v>
      </c>
      <c r="Q218" s="16">
        <v>105</v>
      </c>
    </row>
    <row r="219" spans="1:17">
      <c r="A219" s="21" t="s">
        <v>240</v>
      </c>
      <c r="B219" s="21" t="s">
        <v>237</v>
      </c>
      <c r="C219" s="21" t="s">
        <v>265</v>
      </c>
      <c r="D219" s="21" t="s">
        <v>216</v>
      </c>
      <c r="E219" s="21" t="s">
        <v>686</v>
      </c>
      <c r="F219" s="21" t="s">
        <v>214</v>
      </c>
      <c r="G219" s="16">
        <v>290</v>
      </c>
      <c r="H219" s="16">
        <v>26</v>
      </c>
      <c r="I219" s="16">
        <v>22</v>
      </c>
      <c r="J219" s="16">
        <v>1</v>
      </c>
      <c r="K219" s="16">
        <v>4</v>
      </c>
      <c r="L219" s="16">
        <v>2</v>
      </c>
      <c r="M219" s="16">
        <v>262</v>
      </c>
      <c r="N219" s="22" t="s">
        <v>268</v>
      </c>
      <c r="O219" s="16">
        <v>4</v>
      </c>
      <c r="P219" s="22" t="s">
        <v>268</v>
      </c>
      <c r="Q219" s="16">
        <v>5</v>
      </c>
    </row>
    <row r="220" spans="1:17">
      <c r="A220" s="21" t="s">
        <v>240</v>
      </c>
      <c r="B220" s="21" t="s">
        <v>237</v>
      </c>
      <c r="C220" s="21" t="s">
        <v>265</v>
      </c>
      <c r="D220" s="21" t="s">
        <v>216</v>
      </c>
      <c r="E220" s="21" t="s">
        <v>686</v>
      </c>
      <c r="F220" s="21" t="s">
        <v>424</v>
      </c>
      <c r="G220" s="22" t="s">
        <v>268</v>
      </c>
      <c r="H220" s="22" t="s">
        <v>268</v>
      </c>
      <c r="I220" s="22" t="s">
        <v>268</v>
      </c>
      <c r="J220" s="22" t="s">
        <v>268</v>
      </c>
      <c r="K220" s="22" t="s">
        <v>268</v>
      </c>
      <c r="L220" s="22" t="s">
        <v>268</v>
      </c>
      <c r="M220" s="22" t="s">
        <v>268</v>
      </c>
      <c r="N220" s="22" t="s">
        <v>268</v>
      </c>
      <c r="O220" s="22" t="s">
        <v>268</v>
      </c>
      <c r="P220" s="22" t="s">
        <v>268</v>
      </c>
      <c r="Q220" s="22" t="s">
        <v>268</v>
      </c>
    </row>
    <row r="221" spans="1:17">
      <c r="A221" s="21" t="s">
        <v>240</v>
      </c>
      <c r="B221" s="21" t="s">
        <v>237</v>
      </c>
      <c r="C221" s="21" t="s">
        <v>265</v>
      </c>
      <c r="D221" s="21" t="s">
        <v>216</v>
      </c>
      <c r="E221" s="21" t="s">
        <v>686</v>
      </c>
      <c r="F221" s="21" t="s">
        <v>425</v>
      </c>
      <c r="G221" s="16">
        <v>261</v>
      </c>
      <c r="H221" s="16">
        <v>22</v>
      </c>
      <c r="I221" s="16">
        <v>20</v>
      </c>
      <c r="J221" s="16">
        <v>1</v>
      </c>
      <c r="K221" s="16">
        <v>2</v>
      </c>
      <c r="L221" s="16">
        <v>2</v>
      </c>
      <c r="M221" s="16">
        <v>237</v>
      </c>
      <c r="N221" s="22" t="s">
        <v>268</v>
      </c>
      <c r="O221" s="16">
        <v>2</v>
      </c>
      <c r="P221" s="22" t="s">
        <v>268</v>
      </c>
      <c r="Q221" s="22" t="s">
        <v>268</v>
      </c>
    </row>
    <row r="222" spans="1:17">
      <c r="A222" s="21" t="s">
        <v>240</v>
      </c>
      <c r="B222" s="21" t="s">
        <v>237</v>
      </c>
      <c r="C222" s="21" t="s">
        <v>265</v>
      </c>
      <c r="D222" s="21" t="s">
        <v>216</v>
      </c>
      <c r="E222" s="21" t="s">
        <v>686</v>
      </c>
      <c r="F222" s="21" t="s">
        <v>426</v>
      </c>
      <c r="G222" s="16">
        <v>9</v>
      </c>
      <c r="H222" s="16">
        <v>4</v>
      </c>
      <c r="I222" s="16">
        <v>2</v>
      </c>
      <c r="J222" s="22" t="s">
        <v>268</v>
      </c>
      <c r="K222" s="16">
        <v>2</v>
      </c>
      <c r="L222" s="22" t="s">
        <v>268</v>
      </c>
      <c r="M222" s="16">
        <v>5</v>
      </c>
      <c r="N222" s="22" t="s">
        <v>268</v>
      </c>
      <c r="O222" s="16">
        <v>2</v>
      </c>
      <c r="P222" s="22" t="s">
        <v>268</v>
      </c>
      <c r="Q222" s="16">
        <v>5</v>
      </c>
    </row>
    <row r="223" spans="1:17">
      <c r="A223" s="21" t="s">
        <v>240</v>
      </c>
      <c r="B223" s="21" t="s">
        <v>237</v>
      </c>
      <c r="C223" s="21" t="s">
        <v>265</v>
      </c>
      <c r="D223" s="21" t="s">
        <v>216</v>
      </c>
      <c r="E223" s="21" t="s">
        <v>686</v>
      </c>
      <c r="F223" s="21" t="s">
        <v>720</v>
      </c>
      <c r="G223" s="16">
        <v>20</v>
      </c>
      <c r="H223" s="22" t="s">
        <v>268</v>
      </c>
      <c r="I223" s="22" t="s">
        <v>268</v>
      </c>
      <c r="J223" s="22" t="s">
        <v>268</v>
      </c>
      <c r="K223" s="22" t="s">
        <v>268</v>
      </c>
      <c r="L223" s="22" t="s">
        <v>268</v>
      </c>
      <c r="M223" s="16">
        <v>20</v>
      </c>
      <c r="N223" s="22" t="s">
        <v>268</v>
      </c>
      <c r="O223" s="22" t="s">
        <v>268</v>
      </c>
      <c r="P223" s="22" t="s">
        <v>268</v>
      </c>
      <c r="Q223" s="22" t="s">
        <v>268</v>
      </c>
    </row>
    <row r="224" spans="1:17">
      <c r="A224" s="21" t="s">
        <v>240</v>
      </c>
      <c r="B224" s="21" t="s">
        <v>237</v>
      </c>
      <c r="C224" s="21" t="s">
        <v>265</v>
      </c>
      <c r="D224" s="21" t="s">
        <v>216</v>
      </c>
      <c r="E224" s="21" t="s">
        <v>686</v>
      </c>
      <c r="F224" s="21" t="s">
        <v>427</v>
      </c>
      <c r="G224" s="16">
        <v>13</v>
      </c>
      <c r="H224" s="16">
        <v>4</v>
      </c>
      <c r="I224" s="16">
        <v>2</v>
      </c>
      <c r="J224" s="22" t="s">
        <v>268</v>
      </c>
      <c r="K224" s="16">
        <v>2</v>
      </c>
      <c r="L224" s="22" t="s">
        <v>268</v>
      </c>
      <c r="M224" s="16">
        <v>9</v>
      </c>
      <c r="N224" s="22" t="s">
        <v>268</v>
      </c>
      <c r="O224" s="16">
        <v>2</v>
      </c>
      <c r="P224" s="22" t="s">
        <v>268</v>
      </c>
      <c r="Q224" s="16">
        <v>5</v>
      </c>
    </row>
    <row r="225" spans="1:17">
      <c r="A225" s="21" t="s">
        <v>240</v>
      </c>
      <c r="B225" s="21" t="s">
        <v>237</v>
      </c>
      <c r="C225" s="21" t="s">
        <v>265</v>
      </c>
      <c r="D225" s="21" t="s">
        <v>216</v>
      </c>
      <c r="E225" s="21" t="s">
        <v>686</v>
      </c>
      <c r="F225" s="21" t="s">
        <v>428</v>
      </c>
      <c r="G225" s="16">
        <v>5</v>
      </c>
      <c r="H225" s="16">
        <v>3</v>
      </c>
      <c r="I225" s="16">
        <v>1</v>
      </c>
      <c r="J225" s="22" t="s">
        <v>268</v>
      </c>
      <c r="K225" s="16">
        <v>2</v>
      </c>
      <c r="L225" s="22" t="s">
        <v>268</v>
      </c>
      <c r="M225" s="16">
        <v>2</v>
      </c>
      <c r="N225" s="22" t="s">
        <v>268</v>
      </c>
      <c r="O225" s="16">
        <v>2</v>
      </c>
      <c r="P225" s="22" t="s">
        <v>268</v>
      </c>
      <c r="Q225" s="16">
        <v>2</v>
      </c>
    </row>
    <row r="226" spans="1:17">
      <c r="A226" s="21" t="s">
        <v>240</v>
      </c>
      <c r="B226" s="21" t="s">
        <v>237</v>
      </c>
      <c r="C226" s="21" t="s">
        <v>265</v>
      </c>
      <c r="D226" s="21" t="s">
        <v>216</v>
      </c>
      <c r="E226" s="21" t="s">
        <v>686</v>
      </c>
      <c r="F226" s="21" t="s">
        <v>429</v>
      </c>
      <c r="G226" s="16">
        <v>1</v>
      </c>
      <c r="H226" s="16">
        <v>1</v>
      </c>
      <c r="I226" s="16">
        <v>1</v>
      </c>
      <c r="J226" s="22" t="s">
        <v>268</v>
      </c>
      <c r="K226" s="22" t="s">
        <v>268</v>
      </c>
      <c r="L226" s="22" t="s">
        <v>268</v>
      </c>
      <c r="M226" s="22" t="s">
        <v>268</v>
      </c>
      <c r="N226" s="22" t="s">
        <v>268</v>
      </c>
      <c r="O226" s="22" t="s">
        <v>268</v>
      </c>
      <c r="P226" s="22" t="s">
        <v>268</v>
      </c>
      <c r="Q226" s="22" t="s">
        <v>268</v>
      </c>
    </row>
    <row r="227" spans="1:17">
      <c r="A227" s="21" t="s">
        <v>240</v>
      </c>
      <c r="B227" s="21" t="s">
        <v>237</v>
      </c>
      <c r="C227" s="21" t="s">
        <v>265</v>
      </c>
      <c r="D227" s="21" t="s">
        <v>216</v>
      </c>
      <c r="E227" s="21" t="s">
        <v>687</v>
      </c>
      <c r="F227" s="21" t="s">
        <v>214</v>
      </c>
      <c r="G227" s="16">
        <v>385</v>
      </c>
      <c r="H227" s="16">
        <v>47</v>
      </c>
      <c r="I227" s="16">
        <v>43</v>
      </c>
      <c r="J227" s="22" t="s">
        <v>268</v>
      </c>
      <c r="K227" s="16">
        <v>4</v>
      </c>
      <c r="L227" s="22" t="s">
        <v>268</v>
      </c>
      <c r="M227" s="16">
        <v>338</v>
      </c>
      <c r="N227" s="22" t="s">
        <v>268</v>
      </c>
      <c r="O227" s="16">
        <v>2</v>
      </c>
      <c r="P227" s="22" t="s">
        <v>268</v>
      </c>
      <c r="Q227" s="16">
        <v>42</v>
      </c>
    </row>
    <row r="228" spans="1:17">
      <c r="A228" s="21" t="s">
        <v>240</v>
      </c>
      <c r="B228" s="21" t="s">
        <v>237</v>
      </c>
      <c r="C228" s="21" t="s">
        <v>265</v>
      </c>
      <c r="D228" s="21" t="s">
        <v>216</v>
      </c>
      <c r="E228" s="21" t="s">
        <v>687</v>
      </c>
      <c r="F228" s="21" t="s">
        <v>424</v>
      </c>
      <c r="G228" s="22" t="s">
        <v>268</v>
      </c>
      <c r="H228" s="22" t="s">
        <v>268</v>
      </c>
      <c r="I228" s="22" t="s">
        <v>268</v>
      </c>
      <c r="J228" s="22" t="s">
        <v>268</v>
      </c>
      <c r="K228" s="22" t="s">
        <v>268</v>
      </c>
      <c r="L228" s="22" t="s">
        <v>268</v>
      </c>
      <c r="M228" s="22" t="s">
        <v>268</v>
      </c>
      <c r="N228" s="22" t="s">
        <v>268</v>
      </c>
      <c r="O228" s="22" t="s">
        <v>268</v>
      </c>
      <c r="P228" s="22" t="s">
        <v>268</v>
      </c>
      <c r="Q228" s="22" t="s">
        <v>268</v>
      </c>
    </row>
    <row r="229" spans="1:17">
      <c r="A229" s="21" t="s">
        <v>240</v>
      </c>
      <c r="B229" s="21" t="s">
        <v>237</v>
      </c>
      <c r="C229" s="21" t="s">
        <v>265</v>
      </c>
      <c r="D229" s="21" t="s">
        <v>216</v>
      </c>
      <c r="E229" s="21" t="s">
        <v>687</v>
      </c>
      <c r="F229" s="21" t="s">
        <v>425</v>
      </c>
      <c r="G229" s="16">
        <v>329</v>
      </c>
      <c r="H229" s="16">
        <v>37</v>
      </c>
      <c r="I229" s="16">
        <v>35</v>
      </c>
      <c r="J229" s="22" t="s">
        <v>268</v>
      </c>
      <c r="K229" s="16">
        <v>2</v>
      </c>
      <c r="L229" s="22" t="s">
        <v>268</v>
      </c>
      <c r="M229" s="16">
        <v>292</v>
      </c>
      <c r="N229" s="22" t="s">
        <v>268</v>
      </c>
      <c r="O229" s="16">
        <v>1</v>
      </c>
      <c r="P229" s="22" t="s">
        <v>268</v>
      </c>
      <c r="Q229" s="22" t="s">
        <v>268</v>
      </c>
    </row>
    <row r="230" spans="1:17">
      <c r="A230" s="21" t="s">
        <v>240</v>
      </c>
      <c r="B230" s="21" t="s">
        <v>237</v>
      </c>
      <c r="C230" s="21" t="s">
        <v>265</v>
      </c>
      <c r="D230" s="21" t="s">
        <v>216</v>
      </c>
      <c r="E230" s="21" t="s">
        <v>687</v>
      </c>
      <c r="F230" s="21" t="s">
        <v>426</v>
      </c>
      <c r="G230" s="16">
        <v>52</v>
      </c>
      <c r="H230" s="16">
        <v>10</v>
      </c>
      <c r="I230" s="16">
        <v>8</v>
      </c>
      <c r="J230" s="22" t="s">
        <v>268</v>
      </c>
      <c r="K230" s="16">
        <v>2</v>
      </c>
      <c r="L230" s="22" t="s">
        <v>268</v>
      </c>
      <c r="M230" s="16">
        <v>42</v>
      </c>
      <c r="N230" s="22" t="s">
        <v>268</v>
      </c>
      <c r="O230" s="16">
        <v>1</v>
      </c>
      <c r="P230" s="22" t="s">
        <v>268</v>
      </c>
      <c r="Q230" s="16">
        <v>42</v>
      </c>
    </row>
    <row r="231" spans="1:17">
      <c r="A231" s="21" t="s">
        <v>240</v>
      </c>
      <c r="B231" s="21" t="s">
        <v>237</v>
      </c>
      <c r="C231" s="21" t="s">
        <v>265</v>
      </c>
      <c r="D231" s="21" t="s">
        <v>216</v>
      </c>
      <c r="E231" s="21" t="s">
        <v>687</v>
      </c>
      <c r="F231" s="21" t="s">
        <v>720</v>
      </c>
      <c r="G231" s="16">
        <v>4</v>
      </c>
      <c r="H231" s="22" t="s">
        <v>268</v>
      </c>
      <c r="I231" s="22" t="s">
        <v>268</v>
      </c>
      <c r="J231" s="22" t="s">
        <v>268</v>
      </c>
      <c r="K231" s="22" t="s">
        <v>268</v>
      </c>
      <c r="L231" s="22" t="s">
        <v>268</v>
      </c>
      <c r="M231" s="16">
        <v>4</v>
      </c>
      <c r="N231" s="22" t="s">
        <v>268</v>
      </c>
      <c r="O231" s="22" t="s">
        <v>268</v>
      </c>
      <c r="P231" s="22" t="s">
        <v>268</v>
      </c>
      <c r="Q231" s="22" t="s">
        <v>268</v>
      </c>
    </row>
    <row r="232" spans="1:17">
      <c r="A232" s="21" t="s">
        <v>240</v>
      </c>
      <c r="B232" s="21" t="s">
        <v>237</v>
      </c>
      <c r="C232" s="21" t="s">
        <v>265</v>
      </c>
      <c r="D232" s="21" t="s">
        <v>216</v>
      </c>
      <c r="E232" s="21" t="s">
        <v>687</v>
      </c>
      <c r="F232" s="21" t="s">
        <v>427</v>
      </c>
      <c r="G232" s="16">
        <v>58</v>
      </c>
      <c r="H232" s="16">
        <v>12</v>
      </c>
      <c r="I232" s="16">
        <v>9</v>
      </c>
      <c r="J232" s="22" t="s">
        <v>268</v>
      </c>
      <c r="K232" s="16">
        <v>3</v>
      </c>
      <c r="L232" s="22" t="s">
        <v>268</v>
      </c>
      <c r="M232" s="16">
        <v>46</v>
      </c>
      <c r="N232" s="22" t="s">
        <v>268</v>
      </c>
      <c r="O232" s="16">
        <v>2</v>
      </c>
      <c r="P232" s="22" t="s">
        <v>268</v>
      </c>
      <c r="Q232" s="16">
        <v>42</v>
      </c>
    </row>
    <row r="233" spans="1:17">
      <c r="A233" s="21" t="s">
        <v>240</v>
      </c>
      <c r="B233" s="21" t="s">
        <v>237</v>
      </c>
      <c r="C233" s="21" t="s">
        <v>265</v>
      </c>
      <c r="D233" s="21" t="s">
        <v>216</v>
      </c>
      <c r="E233" s="21" t="s">
        <v>687</v>
      </c>
      <c r="F233" s="21" t="s">
        <v>428</v>
      </c>
      <c r="G233" s="16">
        <v>22</v>
      </c>
      <c r="H233" s="16">
        <v>4</v>
      </c>
      <c r="I233" s="16">
        <v>3</v>
      </c>
      <c r="J233" s="22" t="s">
        <v>268</v>
      </c>
      <c r="K233" s="16">
        <v>1</v>
      </c>
      <c r="L233" s="22" t="s">
        <v>268</v>
      </c>
      <c r="M233" s="16">
        <v>18</v>
      </c>
      <c r="N233" s="22" t="s">
        <v>268</v>
      </c>
      <c r="O233" s="16">
        <v>1</v>
      </c>
      <c r="P233" s="22" t="s">
        <v>268</v>
      </c>
      <c r="Q233" s="16">
        <v>18</v>
      </c>
    </row>
    <row r="234" spans="1:17">
      <c r="A234" s="21" t="s">
        <v>240</v>
      </c>
      <c r="B234" s="21" t="s">
        <v>237</v>
      </c>
      <c r="C234" s="21" t="s">
        <v>265</v>
      </c>
      <c r="D234" s="21" t="s">
        <v>216</v>
      </c>
      <c r="E234" s="21" t="s">
        <v>687</v>
      </c>
      <c r="F234" s="21" t="s">
        <v>429</v>
      </c>
      <c r="G234" s="16">
        <v>6</v>
      </c>
      <c r="H234" s="16">
        <v>1</v>
      </c>
      <c r="I234" s="22" t="s">
        <v>268</v>
      </c>
      <c r="J234" s="22" t="s">
        <v>268</v>
      </c>
      <c r="K234" s="16">
        <v>1</v>
      </c>
      <c r="L234" s="22" t="s">
        <v>268</v>
      </c>
      <c r="M234" s="16">
        <v>5</v>
      </c>
      <c r="N234" s="22" t="s">
        <v>268</v>
      </c>
      <c r="O234" s="16">
        <v>1</v>
      </c>
      <c r="P234" s="22" t="s">
        <v>268</v>
      </c>
      <c r="Q234" s="16">
        <v>5</v>
      </c>
    </row>
    <row r="235" spans="1:17">
      <c r="A235" s="21" t="s">
        <v>240</v>
      </c>
      <c r="B235" s="21" t="s">
        <v>237</v>
      </c>
      <c r="C235" s="21" t="s">
        <v>265</v>
      </c>
      <c r="D235" s="21" t="s">
        <v>216</v>
      </c>
      <c r="E235" s="21" t="s">
        <v>688</v>
      </c>
      <c r="F235" s="21" t="s">
        <v>214</v>
      </c>
      <c r="G235" s="16">
        <v>760</v>
      </c>
      <c r="H235" s="16">
        <v>47</v>
      </c>
      <c r="I235" s="16">
        <v>44</v>
      </c>
      <c r="J235" s="22" t="s">
        <v>268</v>
      </c>
      <c r="K235" s="16">
        <v>3</v>
      </c>
      <c r="L235" s="16">
        <v>2</v>
      </c>
      <c r="M235" s="16">
        <v>711</v>
      </c>
      <c r="N235" s="22" t="s">
        <v>268</v>
      </c>
      <c r="O235" s="16">
        <v>2</v>
      </c>
      <c r="P235" s="22" t="s">
        <v>268</v>
      </c>
      <c r="Q235" s="16">
        <v>25</v>
      </c>
    </row>
    <row r="236" spans="1:17">
      <c r="A236" s="21" t="s">
        <v>240</v>
      </c>
      <c r="B236" s="21" t="s">
        <v>237</v>
      </c>
      <c r="C236" s="21" t="s">
        <v>265</v>
      </c>
      <c r="D236" s="21" t="s">
        <v>216</v>
      </c>
      <c r="E236" s="21" t="s">
        <v>688</v>
      </c>
      <c r="F236" s="21" t="s">
        <v>424</v>
      </c>
      <c r="G236" s="22" t="s">
        <v>268</v>
      </c>
      <c r="H236" s="22" t="s">
        <v>268</v>
      </c>
      <c r="I236" s="22" t="s">
        <v>268</v>
      </c>
      <c r="J236" s="22" t="s">
        <v>268</v>
      </c>
      <c r="K236" s="22" t="s">
        <v>268</v>
      </c>
      <c r="L236" s="22" t="s">
        <v>268</v>
      </c>
      <c r="M236" s="22" t="s">
        <v>268</v>
      </c>
      <c r="N236" s="22" t="s">
        <v>268</v>
      </c>
      <c r="O236" s="22" t="s">
        <v>268</v>
      </c>
      <c r="P236" s="22" t="s">
        <v>268</v>
      </c>
      <c r="Q236" s="22" t="s">
        <v>268</v>
      </c>
    </row>
    <row r="237" spans="1:17">
      <c r="A237" s="21" t="s">
        <v>240</v>
      </c>
      <c r="B237" s="21" t="s">
        <v>237</v>
      </c>
      <c r="C237" s="21" t="s">
        <v>265</v>
      </c>
      <c r="D237" s="21" t="s">
        <v>216</v>
      </c>
      <c r="E237" s="21" t="s">
        <v>688</v>
      </c>
      <c r="F237" s="21" t="s">
        <v>425</v>
      </c>
      <c r="G237" s="16">
        <v>723</v>
      </c>
      <c r="H237" s="16">
        <v>39</v>
      </c>
      <c r="I237" s="16">
        <v>38</v>
      </c>
      <c r="J237" s="22" t="s">
        <v>268</v>
      </c>
      <c r="K237" s="16">
        <v>1</v>
      </c>
      <c r="L237" s="16">
        <v>2</v>
      </c>
      <c r="M237" s="16">
        <v>682</v>
      </c>
      <c r="N237" s="22" t="s">
        <v>268</v>
      </c>
      <c r="O237" s="16">
        <v>1</v>
      </c>
      <c r="P237" s="22" t="s">
        <v>268</v>
      </c>
      <c r="Q237" s="22" t="s">
        <v>268</v>
      </c>
    </row>
    <row r="238" spans="1:17">
      <c r="A238" s="21" t="s">
        <v>240</v>
      </c>
      <c r="B238" s="21" t="s">
        <v>237</v>
      </c>
      <c r="C238" s="21" t="s">
        <v>265</v>
      </c>
      <c r="D238" s="21" t="s">
        <v>216</v>
      </c>
      <c r="E238" s="21" t="s">
        <v>688</v>
      </c>
      <c r="F238" s="21" t="s">
        <v>426</v>
      </c>
      <c r="G238" s="16">
        <v>33</v>
      </c>
      <c r="H238" s="16">
        <v>8</v>
      </c>
      <c r="I238" s="16">
        <v>6</v>
      </c>
      <c r="J238" s="22" t="s">
        <v>268</v>
      </c>
      <c r="K238" s="16">
        <v>2</v>
      </c>
      <c r="L238" s="22" t="s">
        <v>268</v>
      </c>
      <c r="M238" s="16">
        <v>25</v>
      </c>
      <c r="N238" s="22" t="s">
        <v>268</v>
      </c>
      <c r="O238" s="16">
        <v>1</v>
      </c>
      <c r="P238" s="22" t="s">
        <v>268</v>
      </c>
      <c r="Q238" s="16">
        <v>25</v>
      </c>
    </row>
    <row r="239" spans="1:17">
      <c r="A239" s="21" t="s">
        <v>240</v>
      </c>
      <c r="B239" s="21" t="s">
        <v>237</v>
      </c>
      <c r="C239" s="21" t="s">
        <v>265</v>
      </c>
      <c r="D239" s="21" t="s">
        <v>216</v>
      </c>
      <c r="E239" s="21" t="s">
        <v>688</v>
      </c>
      <c r="F239" s="21" t="s">
        <v>720</v>
      </c>
      <c r="G239" s="16">
        <v>4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22" t="s">
        <v>268</v>
      </c>
      <c r="M239" s="16">
        <v>4</v>
      </c>
      <c r="N239" s="22" t="s">
        <v>268</v>
      </c>
      <c r="O239" s="22" t="s">
        <v>268</v>
      </c>
      <c r="P239" s="22" t="s">
        <v>268</v>
      </c>
      <c r="Q239" s="22" t="s">
        <v>268</v>
      </c>
    </row>
    <row r="240" spans="1:17">
      <c r="A240" s="21" t="s">
        <v>240</v>
      </c>
      <c r="B240" s="21" t="s">
        <v>237</v>
      </c>
      <c r="C240" s="21" t="s">
        <v>265</v>
      </c>
      <c r="D240" s="21" t="s">
        <v>216</v>
      </c>
      <c r="E240" s="21" t="s">
        <v>688</v>
      </c>
      <c r="F240" s="21" t="s">
        <v>427</v>
      </c>
      <c r="G240" s="16">
        <v>34</v>
      </c>
      <c r="H240" s="16">
        <v>9</v>
      </c>
      <c r="I240" s="16">
        <v>6</v>
      </c>
      <c r="J240" s="22" t="s">
        <v>268</v>
      </c>
      <c r="K240" s="16">
        <v>3</v>
      </c>
      <c r="L240" s="22" t="s">
        <v>268</v>
      </c>
      <c r="M240" s="16">
        <v>25</v>
      </c>
      <c r="N240" s="22" t="s">
        <v>268</v>
      </c>
      <c r="O240" s="16">
        <v>2</v>
      </c>
      <c r="P240" s="22" t="s">
        <v>268</v>
      </c>
      <c r="Q240" s="16">
        <v>25</v>
      </c>
    </row>
    <row r="241" spans="1:17">
      <c r="A241" s="21" t="s">
        <v>240</v>
      </c>
      <c r="B241" s="21" t="s">
        <v>237</v>
      </c>
      <c r="C241" s="21" t="s">
        <v>265</v>
      </c>
      <c r="D241" s="21" t="s">
        <v>216</v>
      </c>
      <c r="E241" s="21" t="s">
        <v>688</v>
      </c>
      <c r="F241" s="21" t="s">
        <v>428</v>
      </c>
      <c r="G241" s="16">
        <v>21</v>
      </c>
      <c r="H241" s="16">
        <v>5</v>
      </c>
      <c r="I241" s="16">
        <v>4</v>
      </c>
      <c r="J241" s="22" t="s">
        <v>268</v>
      </c>
      <c r="K241" s="16">
        <v>1</v>
      </c>
      <c r="L241" s="22" t="s">
        <v>268</v>
      </c>
      <c r="M241" s="16">
        <v>16</v>
      </c>
      <c r="N241" s="22" t="s">
        <v>268</v>
      </c>
      <c r="O241" s="22" t="s">
        <v>268</v>
      </c>
      <c r="P241" s="22" t="s">
        <v>268</v>
      </c>
      <c r="Q241" s="16">
        <v>16</v>
      </c>
    </row>
    <row r="242" spans="1:17">
      <c r="A242" s="21" t="s">
        <v>240</v>
      </c>
      <c r="B242" s="21" t="s">
        <v>237</v>
      </c>
      <c r="C242" s="21" t="s">
        <v>265</v>
      </c>
      <c r="D242" s="21" t="s">
        <v>216</v>
      </c>
      <c r="E242" s="21" t="s">
        <v>688</v>
      </c>
      <c r="F242" s="21" t="s">
        <v>429</v>
      </c>
      <c r="G242" s="16">
        <v>11</v>
      </c>
      <c r="H242" s="16">
        <v>4</v>
      </c>
      <c r="I242" s="16">
        <v>3</v>
      </c>
      <c r="J242" s="22" t="s">
        <v>268</v>
      </c>
      <c r="K242" s="16">
        <v>1</v>
      </c>
      <c r="L242" s="22" t="s">
        <v>268</v>
      </c>
      <c r="M242" s="16">
        <v>7</v>
      </c>
      <c r="N242" s="22" t="s">
        <v>268</v>
      </c>
      <c r="O242" s="22" t="s">
        <v>268</v>
      </c>
      <c r="P242" s="22" t="s">
        <v>268</v>
      </c>
      <c r="Q242" s="16">
        <v>7</v>
      </c>
    </row>
    <row r="243" spans="1:17">
      <c r="A243" s="21" t="s">
        <v>240</v>
      </c>
      <c r="B243" s="21" t="s">
        <v>237</v>
      </c>
      <c r="C243" s="21" t="s">
        <v>265</v>
      </c>
      <c r="D243" s="21" t="s">
        <v>216</v>
      </c>
      <c r="E243" s="21" t="s">
        <v>689</v>
      </c>
      <c r="F243" s="21" t="s">
        <v>214</v>
      </c>
      <c r="G243" s="22" t="s">
        <v>268</v>
      </c>
      <c r="H243" s="22" t="s">
        <v>268</v>
      </c>
      <c r="I243" s="22" t="s">
        <v>268</v>
      </c>
      <c r="J243" s="22" t="s">
        <v>268</v>
      </c>
      <c r="K243" s="22" t="s">
        <v>268</v>
      </c>
      <c r="L243" s="22" t="s">
        <v>268</v>
      </c>
      <c r="M243" s="22" t="s">
        <v>268</v>
      </c>
      <c r="N243" s="22" t="s">
        <v>268</v>
      </c>
      <c r="O243" s="22" t="s">
        <v>268</v>
      </c>
      <c r="P243" s="22" t="s">
        <v>268</v>
      </c>
      <c r="Q243" s="22" t="s">
        <v>268</v>
      </c>
    </row>
    <row r="244" spans="1:17">
      <c r="A244" s="21" t="s">
        <v>240</v>
      </c>
      <c r="B244" s="21" t="s">
        <v>237</v>
      </c>
      <c r="C244" s="21" t="s">
        <v>265</v>
      </c>
      <c r="D244" s="21" t="s">
        <v>216</v>
      </c>
      <c r="E244" s="21" t="s">
        <v>689</v>
      </c>
      <c r="F244" s="21" t="s">
        <v>424</v>
      </c>
      <c r="G244" s="22" t="s">
        <v>268</v>
      </c>
      <c r="H244" s="22" t="s">
        <v>268</v>
      </c>
      <c r="I244" s="22" t="s">
        <v>268</v>
      </c>
      <c r="J244" s="22" t="s">
        <v>268</v>
      </c>
      <c r="K244" s="22" t="s">
        <v>268</v>
      </c>
      <c r="L244" s="22" t="s">
        <v>268</v>
      </c>
      <c r="M244" s="22" t="s">
        <v>268</v>
      </c>
      <c r="N244" s="22" t="s">
        <v>268</v>
      </c>
      <c r="O244" s="22" t="s">
        <v>268</v>
      </c>
      <c r="P244" s="22" t="s">
        <v>268</v>
      </c>
      <c r="Q244" s="22" t="s">
        <v>268</v>
      </c>
    </row>
    <row r="245" spans="1:17">
      <c r="A245" s="21" t="s">
        <v>240</v>
      </c>
      <c r="B245" s="21" t="s">
        <v>237</v>
      </c>
      <c r="C245" s="21" t="s">
        <v>265</v>
      </c>
      <c r="D245" s="21" t="s">
        <v>216</v>
      </c>
      <c r="E245" s="21" t="s">
        <v>689</v>
      </c>
      <c r="F245" s="21" t="s">
        <v>425</v>
      </c>
      <c r="G245" s="22" t="s">
        <v>268</v>
      </c>
      <c r="H245" s="22" t="s">
        <v>268</v>
      </c>
      <c r="I245" s="22" t="s">
        <v>268</v>
      </c>
      <c r="J245" s="22" t="s">
        <v>268</v>
      </c>
      <c r="K245" s="22" t="s">
        <v>268</v>
      </c>
      <c r="L245" s="22" t="s">
        <v>268</v>
      </c>
      <c r="M245" s="22" t="s">
        <v>268</v>
      </c>
      <c r="N245" s="22" t="s">
        <v>268</v>
      </c>
      <c r="O245" s="22" t="s">
        <v>268</v>
      </c>
      <c r="P245" s="22" t="s">
        <v>268</v>
      </c>
      <c r="Q245" s="22" t="s">
        <v>268</v>
      </c>
    </row>
    <row r="246" spans="1:17">
      <c r="A246" s="21" t="s">
        <v>240</v>
      </c>
      <c r="B246" s="21" t="s">
        <v>237</v>
      </c>
      <c r="C246" s="21" t="s">
        <v>265</v>
      </c>
      <c r="D246" s="21" t="s">
        <v>216</v>
      </c>
      <c r="E246" s="21" t="s">
        <v>689</v>
      </c>
      <c r="F246" s="21" t="s">
        <v>426</v>
      </c>
      <c r="G246" s="22" t="s">
        <v>268</v>
      </c>
      <c r="H246" s="22" t="s">
        <v>268</v>
      </c>
      <c r="I246" s="22" t="s">
        <v>268</v>
      </c>
      <c r="J246" s="22" t="s">
        <v>268</v>
      </c>
      <c r="K246" s="22" t="s">
        <v>268</v>
      </c>
      <c r="L246" s="22" t="s">
        <v>268</v>
      </c>
      <c r="M246" s="22" t="s">
        <v>268</v>
      </c>
      <c r="N246" s="22" t="s">
        <v>268</v>
      </c>
      <c r="O246" s="22" t="s">
        <v>268</v>
      </c>
      <c r="P246" s="22" t="s">
        <v>268</v>
      </c>
      <c r="Q246" s="22" t="s">
        <v>268</v>
      </c>
    </row>
    <row r="247" spans="1:17">
      <c r="A247" s="21" t="s">
        <v>240</v>
      </c>
      <c r="B247" s="21" t="s">
        <v>237</v>
      </c>
      <c r="C247" s="21" t="s">
        <v>265</v>
      </c>
      <c r="D247" s="21" t="s">
        <v>216</v>
      </c>
      <c r="E247" s="21" t="s">
        <v>689</v>
      </c>
      <c r="F247" s="21" t="s">
        <v>720</v>
      </c>
      <c r="G247" s="22" t="s">
        <v>268</v>
      </c>
      <c r="H247" s="22" t="s">
        <v>268</v>
      </c>
      <c r="I247" s="22" t="s">
        <v>268</v>
      </c>
      <c r="J247" s="22" t="s">
        <v>268</v>
      </c>
      <c r="K247" s="22" t="s">
        <v>268</v>
      </c>
      <c r="L247" s="22" t="s">
        <v>268</v>
      </c>
      <c r="M247" s="22" t="s">
        <v>268</v>
      </c>
      <c r="N247" s="22" t="s">
        <v>268</v>
      </c>
      <c r="O247" s="22" t="s">
        <v>268</v>
      </c>
      <c r="P247" s="22" t="s">
        <v>268</v>
      </c>
      <c r="Q247" s="22" t="s">
        <v>268</v>
      </c>
    </row>
    <row r="248" spans="1:17">
      <c r="A248" s="21" t="s">
        <v>240</v>
      </c>
      <c r="B248" s="21" t="s">
        <v>237</v>
      </c>
      <c r="C248" s="21" t="s">
        <v>265</v>
      </c>
      <c r="D248" s="21" t="s">
        <v>216</v>
      </c>
      <c r="E248" s="21" t="s">
        <v>689</v>
      </c>
      <c r="F248" s="21" t="s">
        <v>427</v>
      </c>
      <c r="G248" s="22" t="s">
        <v>268</v>
      </c>
      <c r="H248" s="22" t="s">
        <v>268</v>
      </c>
      <c r="I248" s="22" t="s">
        <v>268</v>
      </c>
      <c r="J248" s="22" t="s">
        <v>268</v>
      </c>
      <c r="K248" s="22" t="s">
        <v>268</v>
      </c>
      <c r="L248" s="22" t="s">
        <v>268</v>
      </c>
      <c r="M248" s="22" t="s">
        <v>268</v>
      </c>
      <c r="N248" s="22" t="s">
        <v>268</v>
      </c>
      <c r="O248" s="22" t="s">
        <v>268</v>
      </c>
      <c r="P248" s="22" t="s">
        <v>268</v>
      </c>
      <c r="Q248" s="22" t="s">
        <v>268</v>
      </c>
    </row>
    <row r="249" spans="1:17">
      <c r="A249" s="21" t="s">
        <v>240</v>
      </c>
      <c r="B249" s="21" t="s">
        <v>237</v>
      </c>
      <c r="C249" s="21" t="s">
        <v>265</v>
      </c>
      <c r="D249" s="21" t="s">
        <v>216</v>
      </c>
      <c r="E249" s="21" t="s">
        <v>689</v>
      </c>
      <c r="F249" s="21" t="s">
        <v>428</v>
      </c>
      <c r="G249" s="22" t="s">
        <v>268</v>
      </c>
      <c r="H249" s="22" t="s">
        <v>268</v>
      </c>
      <c r="I249" s="22" t="s">
        <v>268</v>
      </c>
      <c r="J249" s="22" t="s">
        <v>268</v>
      </c>
      <c r="K249" s="22" t="s">
        <v>268</v>
      </c>
      <c r="L249" s="22" t="s">
        <v>268</v>
      </c>
      <c r="M249" s="22" t="s">
        <v>268</v>
      </c>
      <c r="N249" s="22" t="s">
        <v>268</v>
      </c>
      <c r="O249" s="22" t="s">
        <v>268</v>
      </c>
      <c r="P249" s="22" t="s">
        <v>268</v>
      </c>
      <c r="Q249" s="22" t="s">
        <v>268</v>
      </c>
    </row>
    <row r="250" spans="1:17">
      <c r="A250" s="21" t="s">
        <v>240</v>
      </c>
      <c r="B250" s="21" t="s">
        <v>237</v>
      </c>
      <c r="C250" s="21" t="s">
        <v>265</v>
      </c>
      <c r="D250" s="21" t="s">
        <v>216</v>
      </c>
      <c r="E250" s="21" t="s">
        <v>689</v>
      </c>
      <c r="F250" s="21" t="s">
        <v>429</v>
      </c>
      <c r="G250" s="22" t="s">
        <v>268</v>
      </c>
      <c r="H250" s="22" t="s">
        <v>268</v>
      </c>
      <c r="I250" s="22" t="s">
        <v>268</v>
      </c>
      <c r="J250" s="22" t="s">
        <v>268</v>
      </c>
      <c r="K250" s="22" t="s">
        <v>268</v>
      </c>
      <c r="L250" s="22" t="s">
        <v>268</v>
      </c>
      <c r="M250" s="22" t="s">
        <v>268</v>
      </c>
      <c r="N250" s="22" t="s">
        <v>268</v>
      </c>
      <c r="O250" s="22" t="s">
        <v>268</v>
      </c>
      <c r="P250" s="22" t="s">
        <v>268</v>
      </c>
      <c r="Q25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7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5DC31D-E496-48BD-9F4A-F1734548DD69}">
  <sheetPr>
    <pageSetUpPr fitToPage="1"/>
  </sheetPr>
  <dimension ref="A1:AV66"/>
  <sheetViews>
    <sheetView zoomScaleNormal="100" workbookViewId="0">
      <pane xSplit="9" ySplit="12" topLeftCell="J13" activePane="bottomRight" state="frozen"/>
      <selection pane="topRight" activeCell="AD1" sqref="AD1"/>
      <selection pane="bottomLeft" activeCell="A23" sqref="A23"/>
      <selection pane="bottomRight" activeCell="A10" sqref="A10"/>
    </sheetView>
  </sheetViews>
  <sheetFormatPr defaultColWidth="12.625" defaultRowHeight="12" outlineLevelRow="1"/>
  <cols>
    <col min="1" max="1" width="16.25" style="20" customWidth="1"/>
    <col min="2" max="2" width="8.75" style="20" customWidth="1"/>
    <col min="3" max="3" width="2.375" style="20" bestFit="1" customWidth="1"/>
    <col min="4" max="4" width="15.125" style="20" bestFit="1" customWidth="1"/>
    <col min="5" max="5" width="5.875" style="20" bestFit="1" customWidth="1"/>
    <col min="6" max="6" width="5" style="20" bestFit="1" customWidth="1"/>
    <col min="7" max="7" width="15.125" style="20" bestFit="1" customWidth="1"/>
    <col min="8" max="8" width="5.875" style="20" bestFit="1" customWidth="1"/>
    <col min="9" max="9" width="19" style="20" bestFit="1" customWidth="1"/>
    <col min="10" max="16384" width="12.625" style="20"/>
  </cols>
  <sheetData>
    <row r="1" spans="1:48" s="11" customFormat="1">
      <c r="A1" s="11" t="s">
        <v>192</v>
      </c>
    </row>
    <row r="2" spans="1:48" s="11" customFormat="1">
      <c r="A2" s="11" t="s">
        <v>398</v>
      </c>
    </row>
    <row r="3" spans="1:48" s="11" customFormat="1"/>
    <row r="4" spans="1:48" s="11" customFormat="1" outlineLevel="1">
      <c r="A4" s="11" t="s">
        <v>399</v>
      </c>
    </row>
    <row r="5" spans="1:48" s="11" customFormat="1" outlineLevel="1">
      <c r="A5" s="11" t="s">
        <v>278</v>
      </c>
    </row>
    <row r="6" spans="1:48" s="11" customFormat="1" outlineLevel="1">
      <c r="A6" s="11" t="s">
        <v>279</v>
      </c>
    </row>
    <row r="7" spans="1:48" s="11" customFormat="1" ht="24">
      <c r="J7" s="12" t="s">
        <v>200</v>
      </c>
      <c r="K7" s="12" t="s">
        <v>200</v>
      </c>
      <c r="L7" s="12" t="s">
        <v>200</v>
      </c>
      <c r="M7" s="12" t="s">
        <v>200</v>
      </c>
      <c r="N7" s="12" t="s">
        <v>200</v>
      </c>
      <c r="O7" s="12" t="s">
        <v>200</v>
      </c>
      <c r="P7" s="12" t="s">
        <v>200</v>
      </c>
      <c r="Q7" s="12" t="s">
        <v>200</v>
      </c>
      <c r="R7" s="12" t="s">
        <v>200</v>
      </c>
      <c r="S7" s="12" t="s">
        <v>200</v>
      </c>
      <c r="T7" s="12" t="s">
        <v>200</v>
      </c>
      <c r="U7" s="12" t="s">
        <v>200</v>
      </c>
      <c r="V7" s="12" t="s">
        <v>200</v>
      </c>
      <c r="W7" s="12" t="s">
        <v>200</v>
      </c>
      <c r="X7" s="12" t="s">
        <v>200</v>
      </c>
      <c r="Y7" s="12" t="s">
        <v>200</v>
      </c>
      <c r="Z7" s="12" t="s">
        <v>200</v>
      </c>
      <c r="AA7" s="12" t="s">
        <v>200</v>
      </c>
      <c r="AB7" s="12" t="s">
        <v>200</v>
      </c>
      <c r="AC7" s="12" t="s">
        <v>200</v>
      </c>
      <c r="AD7" s="12" t="s">
        <v>200</v>
      </c>
      <c r="AE7" s="12" t="s">
        <v>200</v>
      </c>
      <c r="AF7" s="12" t="s">
        <v>200</v>
      </c>
      <c r="AG7" s="12" t="s">
        <v>200</v>
      </c>
      <c r="AH7" s="12" t="s">
        <v>200</v>
      </c>
      <c r="AI7" s="12" t="s">
        <v>200</v>
      </c>
      <c r="AJ7" s="12" t="s">
        <v>200</v>
      </c>
      <c r="AK7" s="12" t="s">
        <v>200</v>
      </c>
      <c r="AL7" s="12" t="s">
        <v>200</v>
      </c>
      <c r="AM7" s="12" t="s">
        <v>400</v>
      </c>
      <c r="AN7" s="12" t="s">
        <v>400</v>
      </c>
      <c r="AO7" s="12" t="s">
        <v>400</v>
      </c>
      <c r="AP7" s="12" t="s">
        <v>400</v>
      </c>
      <c r="AQ7" s="12" t="s">
        <v>400</v>
      </c>
      <c r="AR7" s="12" t="s">
        <v>400</v>
      </c>
      <c r="AS7" s="12" t="s">
        <v>400</v>
      </c>
      <c r="AT7" s="12" t="s">
        <v>400</v>
      </c>
      <c r="AU7" s="12" t="s">
        <v>280</v>
      </c>
      <c r="AV7" s="12" t="s">
        <v>281</v>
      </c>
    </row>
    <row r="8" spans="1:48" s="11" customFormat="1">
      <c r="J8" s="12" t="s">
        <v>282</v>
      </c>
      <c r="K8" s="12" t="s">
        <v>282</v>
      </c>
      <c r="L8" s="12" t="s">
        <v>282</v>
      </c>
      <c r="M8" s="12" t="s">
        <v>282</v>
      </c>
      <c r="N8" s="12" t="s">
        <v>282</v>
      </c>
      <c r="O8" s="12" t="s">
        <v>282</v>
      </c>
      <c r="P8" s="12" t="s">
        <v>282</v>
      </c>
      <c r="Q8" s="12" t="s">
        <v>282</v>
      </c>
      <c r="R8" s="12" t="s">
        <v>282</v>
      </c>
      <c r="S8" s="12" t="s">
        <v>282</v>
      </c>
      <c r="T8" s="12" t="s">
        <v>282</v>
      </c>
      <c r="U8" s="12" t="s">
        <v>282</v>
      </c>
      <c r="V8" s="12" t="s">
        <v>282</v>
      </c>
      <c r="W8" s="12" t="s">
        <v>282</v>
      </c>
      <c r="X8" s="12" t="s">
        <v>282</v>
      </c>
      <c r="Y8" s="12" t="s">
        <v>282</v>
      </c>
      <c r="Z8" s="12" t="s">
        <v>282</v>
      </c>
      <c r="AA8" s="12" t="s">
        <v>282</v>
      </c>
      <c r="AB8" s="12" t="s">
        <v>282</v>
      </c>
      <c r="AC8" s="12" t="s">
        <v>282</v>
      </c>
      <c r="AD8" s="12" t="s">
        <v>282</v>
      </c>
      <c r="AE8" s="12" t="s">
        <v>282</v>
      </c>
      <c r="AF8" s="12" t="s">
        <v>282</v>
      </c>
      <c r="AG8" s="12" t="s">
        <v>282</v>
      </c>
      <c r="AH8" s="12" t="s">
        <v>282</v>
      </c>
      <c r="AI8" s="12" t="s">
        <v>282</v>
      </c>
      <c r="AJ8" s="12" t="s">
        <v>282</v>
      </c>
      <c r="AK8" s="12" t="s">
        <v>282</v>
      </c>
      <c r="AL8" s="12" t="s">
        <v>282</v>
      </c>
      <c r="AM8" s="12" t="s">
        <v>282</v>
      </c>
      <c r="AN8" s="12" t="s">
        <v>282</v>
      </c>
      <c r="AO8" s="12" t="s">
        <v>282</v>
      </c>
      <c r="AP8" s="12" t="s">
        <v>282</v>
      </c>
      <c r="AQ8" s="12" t="s">
        <v>282</v>
      </c>
      <c r="AR8" s="12" t="s">
        <v>282</v>
      </c>
      <c r="AS8" s="12" t="s">
        <v>282</v>
      </c>
      <c r="AT8" s="12" t="s">
        <v>282</v>
      </c>
      <c r="AU8" s="12"/>
      <c r="AV8" s="12"/>
    </row>
    <row r="9" spans="1:48" s="11" customFormat="1">
      <c r="J9" s="12">
        <v>1</v>
      </c>
      <c r="K9" s="12">
        <v>1</v>
      </c>
      <c r="L9" s="12">
        <v>1</v>
      </c>
      <c r="M9" s="12">
        <v>1</v>
      </c>
      <c r="N9" s="12">
        <v>1</v>
      </c>
      <c r="O9" s="12">
        <v>1</v>
      </c>
      <c r="P9" s="12">
        <v>1</v>
      </c>
      <c r="Q9" s="12">
        <v>1</v>
      </c>
      <c r="R9" s="12">
        <v>1</v>
      </c>
      <c r="S9" s="12">
        <v>1</v>
      </c>
      <c r="T9" s="12">
        <v>1</v>
      </c>
      <c r="U9" s="12">
        <v>1</v>
      </c>
      <c r="V9" s="12">
        <v>1</v>
      </c>
      <c r="W9" s="12">
        <v>1</v>
      </c>
      <c r="X9" s="12">
        <v>1</v>
      </c>
      <c r="Y9" s="12">
        <v>1</v>
      </c>
      <c r="Z9" s="12">
        <v>1</v>
      </c>
      <c r="AA9" s="12">
        <v>1</v>
      </c>
      <c r="AB9" s="12">
        <v>1</v>
      </c>
      <c r="AC9" s="12">
        <v>1</v>
      </c>
      <c r="AD9" s="12">
        <v>1</v>
      </c>
      <c r="AE9" s="12">
        <v>1</v>
      </c>
      <c r="AF9" s="12">
        <v>1</v>
      </c>
      <c r="AG9" s="12">
        <v>1</v>
      </c>
      <c r="AH9" s="12">
        <v>1</v>
      </c>
      <c r="AI9" s="12">
        <v>1</v>
      </c>
      <c r="AJ9" s="12">
        <v>1</v>
      </c>
      <c r="AK9" s="12">
        <v>1</v>
      </c>
      <c r="AL9" s="12">
        <v>1</v>
      </c>
      <c r="AM9" s="12">
        <v>1</v>
      </c>
      <c r="AN9" s="12">
        <v>1</v>
      </c>
      <c r="AO9" s="12">
        <v>1</v>
      </c>
      <c r="AP9" s="12">
        <v>1</v>
      </c>
      <c r="AQ9" s="12">
        <v>1</v>
      </c>
      <c r="AR9" s="12">
        <v>1</v>
      </c>
      <c r="AS9" s="12">
        <v>1</v>
      </c>
      <c r="AT9" s="12">
        <v>1</v>
      </c>
      <c r="AU9" s="12"/>
      <c r="AV9" s="12"/>
    </row>
    <row r="10" spans="1:48" s="11" customFormat="1" ht="24">
      <c r="J10" s="12" t="s">
        <v>401</v>
      </c>
      <c r="K10" s="12" t="s">
        <v>402</v>
      </c>
      <c r="L10" s="12" t="s">
        <v>403</v>
      </c>
      <c r="M10" s="12" t="s">
        <v>404</v>
      </c>
      <c r="N10" s="12" t="s">
        <v>405</v>
      </c>
      <c r="O10" s="12" t="s">
        <v>406</v>
      </c>
      <c r="P10" s="12" t="s">
        <v>407</v>
      </c>
      <c r="Q10" s="12" t="s">
        <v>408</v>
      </c>
      <c r="R10" s="12" t="s">
        <v>409</v>
      </c>
      <c r="S10" s="12" t="s">
        <v>410</v>
      </c>
      <c r="T10" s="12" t="s">
        <v>411</v>
      </c>
      <c r="U10" s="12" t="s">
        <v>412</v>
      </c>
      <c r="V10" s="12" t="s">
        <v>413</v>
      </c>
      <c r="W10" s="12" t="s">
        <v>414</v>
      </c>
      <c r="X10" s="12" t="s">
        <v>415</v>
      </c>
      <c r="Y10" s="12" t="s">
        <v>416</v>
      </c>
      <c r="Z10" s="12" t="s">
        <v>417</v>
      </c>
      <c r="AA10" s="12" t="s">
        <v>418</v>
      </c>
      <c r="AB10" s="12" t="s">
        <v>419</v>
      </c>
      <c r="AC10" s="12" t="s">
        <v>420</v>
      </c>
      <c r="AD10" s="12" t="s">
        <v>421</v>
      </c>
      <c r="AE10" s="12" t="s">
        <v>422</v>
      </c>
      <c r="AF10" s="12" t="s">
        <v>423</v>
      </c>
      <c r="AG10" s="12" t="s">
        <v>386</v>
      </c>
      <c r="AH10" s="12" t="s">
        <v>387</v>
      </c>
      <c r="AI10" s="12" t="s">
        <v>388</v>
      </c>
      <c r="AJ10" s="12" t="s">
        <v>389</v>
      </c>
      <c r="AK10" s="12" t="s">
        <v>390</v>
      </c>
      <c r="AL10" s="12" t="s">
        <v>391</v>
      </c>
      <c r="AM10" s="12" t="s">
        <v>424</v>
      </c>
      <c r="AN10" s="12" t="s">
        <v>425</v>
      </c>
      <c r="AO10" s="12" t="s">
        <v>426</v>
      </c>
      <c r="AP10" s="12" t="s">
        <v>427</v>
      </c>
      <c r="AQ10" s="12" t="s">
        <v>428</v>
      </c>
      <c r="AR10" s="12" t="s">
        <v>429</v>
      </c>
      <c r="AS10" s="12" t="s">
        <v>430</v>
      </c>
      <c r="AT10" s="12" t="s">
        <v>431</v>
      </c>
      <c r="AU10" s="12"/>
      <c r="AV10" s="12"/>
    </row>
    <row r="11" spans="1:48" s="11" customFormat="1">
      <c r="J11" s="13" t="s">
        <v>219</v>
      </c>
      <c r="K11" s="13" t="s">
        <v>219</v>
      </c>
      <c r="L11" s="13" t="s">
        <v>219</v>
      </c>
      <c r="M11" s="13" t="s">
        <v>219</v>
      </c>
      <c r="N11" s="13" t="s">
        <v>219</v>
      </c>
      <c r="O11" s="13" t="s">
        <v>219</v>
      </c>
      <c r="P11" s="13" t="s">
        <v>219</v>
      </c>
      <c r="Q11" s="13" t="s">
        <v>219</v>
      </c>
      <c r="R11" s="13" t="s">
        <v>219</v>
      </c>
      <c r="S11" s="13" t="s">
        <v>219</v>
      </c>
      <c r="T11" s="13" t="s">
        <v>219</v>
      </c>
      <c r="U11" s="13" t="s">
        <v>219</v>
      </c>
      <c r="V11" s="13" t="s">
        <v>219</v>
      </c>
      <c r="W11" s="13" t="s">
        <v>219</v>
      </c>
      <c r="X11" s="13" t="s">
        <v>219</v>
      </c>
      <c r="Y11" s="13" t="s">
        <v>219</v>
      </c>
      <c r="Z11" s="13" t="s">
        <v>219</v>
      </c>
      <c r="AA11" s="13" t="s">
        <v>219</v>
      </c>
      <c r="AB11" s="13" t="s">
        <v>219</v>
      </c>
      <c r="AC11" s="13" t="s">
        <v>219</v>
      </c>
      <c r="AD11" s="13" t="s">
        <v>219</v>
      </c>
      <c r="AE11" s="13" t="s">
        <v>219</v>
      </c>
      <c r="AF11" s="13" t="s">
        <v>219</v>
      </c>
      <c r="AG11" s="13" t="s">
        <v>219</v>
      </c>
      <c r="AH11" s="13" t="s">
        <v>219</v>
      </c>
      <c r="AI11" s="13" t="s">
        <v>219</v>
      </c>
      <c r="AJ11" s="13" t="s">
        <v>219</v>
      </c>
      <c r="AK11" s="13" t="s">
        <v>219</v>
      </c>
      <c r="AL11" s="13" t="s">
        <v>219</v>
      </c>
      <c r="AM11" s="13" t="s">
        <v>220</v>
      </c>
      <c r="AN11" s="13" t="s">
        <v>220</v>
      </c>
      <c r="AO11" s="13" t="s">
        <v>220</v>
      </c>
      <c r="AP11" s="13" t="s">
        <v>220</v>
      </c>
      <c r="AQ11" s="13" t="s">
        <v>220</v>
      </c>
      <c r="AR11" s="13" t="s">
        <v>220</v>
      </c>
      <c r="AS11" s="13" t="s">
        <v>220</v>
      </c>
      <c r="AT11" s="13" t="s">
        <v>220</v>
      </c>
      <c r="AU11" s="13" t="s">
        <v>392</v>
      </c>
      <c r="AV11" s="13" t="s">
        <v>392</v>
      </c>
    </row>
    <row r="12" spans="1:48" s="11" customFormat="1">
      <c r="A12" s="14" t="s">
        <v>393</v>
      </c>
      <c r="B12" s="14" t="s">
        <v>212</v>
      </c>
      <c r="C12" s="14" t="s">
        <v>224</v>
      </c>
      <c r="D12" s="14" t="s">
        <v>225</v>
      </c>
      <c r="E12" s="14" t="s">
        <v>226</v>
      </c>
      <c r="F12" s="14" t="s">
        <v>227</v>
      </c>
      <c r="G12" s="14" t="s">
        <v>228</v>
      </c>
      <c r="H12" s="14" t="s">
        <v>229</v>
      </c>
      <c r="I12" s="14" t="s">
        <v>230</v>
      </c>
      <c r="J12" s="14" t="s">
        <v>231</v>
      </c>
      <c r="K12" s="14"/>
      <c r="L12" s="14"/>
      <c r="M12" s="14"/>
      <c r="N12" s="14"/>
      <c r="O12" s="14"/>
      <c r="P12" s="14"/>
      <c r="Q12" s="14"/>
      <c r="R12" s="14"/>
      <c r="S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E12" s="14"/>
      <c r="AF12" s="14"/>
      <c r="AG12" s="14"/>
      <c r="AH12" s="14"/>
      <c r="AI12" s="14"/>
      <c r="AJ12" s="14"/>
      <c r="AK12" s="14"/>
      <c r="AL12" s="14"/>
      <c r="AM12" s="14"/>
      <c r="AN12" s="14"/>
      <c r="AO12" s="14"/>
      <c r="AP12" s="14"/>
      <c r="AQ12" s="14"/>
      <c r="AR12" s="14"/>
      <c r="AS12" s="14"/>
      <c r="AT12" s="14"/>
      <c r="AU12" s="14"/>
      <c r="AV12" s="14"/>
    </row>
    <row r="13" spans="1:48">
      <c r="A13" s="15" t="s">
        <v>394</v>
      </c>
      <c r="B13" s="15" t="s">
        <v>214</v>
      </c>
      <c r="C13" s="15" t="s">
        <v>232</v>
      </c>
      <c r="D13" s="15" t="s">
        <v>233</v>
      </c>
      <c r="E13" s="15" t="s">
        <v>234</v>
      </c>
      <c r="F13" s="15" t="s">
        <v>235</v>
      </c>
      <c r="G13" s="15" t="s">
        <v>233</v>
      </c>
      <c r="H13" s="15" t="s">
        <v>234</v>
      </c>
      <c r="I13" s="15" t="s">
        <v>236</v>
      </c>
      <c r="J13" s="16">
        <v>126146099</v>
      </c>
      <c r="K13" s="16">
        <v>4516082</v>
      </c>
      <c r="L13" s="16">
        <v>5089093</v>
      </c>
      <c r="M13" s="16">
        <v>5350517</v>
      </c>
      <c r="N13" s="16">
        <v>5617440</v>
      </c>
      <c r="O13" s="16">
        <v>5931306</v>
      </c>
      <c r="P13" s="16">
        <v>6031964</v>
      </c>
      <c r="Q13" s="16">
        <v>6484594</v>
      </c>
      <c r="R13" s="16">
        <v>7311567</v>
      </c>
      <c r="S13" s="16">
        <v>8291077</v>
      </c>
      <c r="T13" s="16">
        <v>9650293</v>
      </c>
      <c r="U13" s="16">
        <v>8539851</v>
      </c>
      <c r="V13" s="16">
        <v>7767482</v>
      </c>
      <c r="W13" s="16">
        <v>7297190</v>
      </c>
      <c r="X13" s="16">
        <v>8075268</v>
      </c>
      <c r="Y13" s="16">
        <v>9011795</v>
      </c>
      <c r="Z13" s="16">
        <v>6930928</v>
      </c>
      <c r="AA13" s="16">
        <v>5296728</v>
      </c>
      <c r="AB13" s="16">
        <v>3669823</v>
      </c>
      <c r="AC13" s="16">
        <v>1779016</v>
      </c>
      <c r="AD13" s="16">
        <v>492724</v>
      </c>
      <c r="AE13" s="16">
        <v>79523</v>
      </c>
      <c r="AF13" s="16">
        <v>2931838</v>
      </c>
      <c r="AG13" s="16">
        <v>14955692</v>
      </c>
      <c r="AH13" s="16">
        <v>72922764</v>
      </c>
      <c r="AI13" s="16">
        <v>35335805</v>
      </c>
      <c r="AJ13" s="16">
        <v>18248742</v>
      </c>
      <c r="AK13" s="16">
        <v>6021086</v>
      </c>
      <c r="AL13" s="16">
        <v>75380592</v>
      </c>
      <c r="AM13" s="17">
        <v>12.13796</v>
      </c>
      <c r="AN13" s="17">
        <v>59.183700000000002</v>
      </c>
      <c r="AO13" s="17">
        <v>28.678339999999999</v>
      </c>
      <c r="AP13" s="17">
        <v>34.600700000000003</v>
      </c>
      <c r="AQ13" s="17">
        <v>14.81058</v>
      </c>
      <c r="AR13" s="17">
        <v>4.8866800000000001</v>
      </c>
      <c r="AS13" s="17">
        <v>6.454E-2</v>
      </c>
      <c r="AT13" s="17">
        <v>61.178460000000001</v>
      </c>
      <c r="AU13" s="17">
        <v>47.660939999999997</v>
      </c>
      <c r="AV13" s="17">
        <v>48.605539999999998</v>
      </c>
    </row>
    <row r="14" spans="1:48">
      <c r="A14" s="21" t="s">
        <v>394</v>
      </c>
      <c r="B14" s="21" t="s">
        <v>214</v>
      </c>
      <c r="C14" s="21" t="s">
        <v>232</v>
      </c>
      <c r="D14" s="21" t="s">
        <v>237</v>
      </c>
      <c r="E14" s="21" t="s">
        <v>238</v>
      </c>
      <c r="F14" s="21" t="s">
        <v>235</v>
      </c>
      <c r="G14" s="21" t="s">
        <v>237</v>
      </c>
      <c r="H14" s="21" t="s">
        <v>238</v>
      </c>
      <c r="I14" s="21" t="s">
        <v>239</v>
      </c>
      <c r="J14" s="16">
        <v>1738301</v>
      </c>
      <c r="K14" s="16">
        <v>69041</v>
      </c>
      <c r="L14" s="16">
        <v>78543</v>
      </c>
      <c r="M14" s="16">
        <v>80782</v>
      </c>
      <c r="N14" s="16">
        <v>79371</v>
      </c>
      <c r="O14" s="16">
        <v>69827</v>
      </c>
      <c r="P14" s="16">
        <v>71763</v>
      </c>
      <c r="Q14" s="16">
        <v>83016</v>
      </c>
      <c r="R14" s="16">
        <v>97054</v>
      </c>
      <c r="S14" s="16">
        <v>106373</v>
      </c>
      <c r="T14" s="16">
        <v>112345</v>
      </c>
      <c r="U14" s="16">
        <v>101844</v>
      </c>
      <c r="V14" s="16">
        <v>106541</v>
      </c>
      <c r="W14" s="16">
        <v>116064</v>
      </c>
      <c r="X14" s="16">
        <v>129764</v>
      </c>
      <c r="Y14" s="16">
        <v>128314</v>
      </c>
      <c r="Z14" s="16">
        <v>92608</v>
      </c>
      <c r="AA14" s="16">
        <v>80999</v>
      </c>
      <c r="AB14" s="16">
        <v>63319</v>
      </c>
      <c r="AC14" s="16">
        <v>33610</v>
      </c>
      <c r="AD14" s="16">
        <v>10215</v>
      </c>
      <c r="AE14" s="16">
        <v>1709</v>
      </c>
      <c r="AF14" s="16">
        <v>25199</v>
      </c>
      <c r="AG14" s="16">
        <v>228366</v>
      </c>
      <c r="AH14" s="16">
        <v>944198</v>
      </c>
      <c r="AI14" s="16">
        <v>540538</v>
      </c>
      <c r="AJ14" s="16">
        <v>282460</v>
      </c>
      <c r="AK14" s="16">
        <v>108853</v>
      </c>
      <c r="AL14" s="16">
        <v>994591</v>
      </c>
      <c r="AM14" s="17">
        <v>13.330550000000001</v>
      </c>
      <c r="AN14" s="17">
        <v>55.11627</v>
      </c>
      <c r="AO14" s="17">
        <v>31.553170000000001</v>
      </c>
      <c r="AP14" s="17">
        <v>38.328249999999997</v>
      </c>
      <c r="AQ14" s="17">
        <v>16.488219999999998</v>
      </c>
      <c r="AR14" s="17">
        <v>6.3541499999999997</v>
      </c>
      <c r="AS14" s="17">
        <v>9.9760000000000001E-2</v>
      </c>
      <c r="AT14" s="17">
        <v>58.057899999999997</v>
      </c>
      <c r="AU14" s="17">
        <v>48.644739999999999</v>
      </c>
      <c r="AV14" s="17">
        <v>50.410589999999999</v>
      </c>
    </row>
    <row r="15" spans="1:48">
      <c r="A15" s="21" t="s">
        <v>394</v>
      </c>
      <c r="B15" s="21" t="s">
        <v>214</v>
      </c>
      <c r="C15" s="21" t="s">
        <v>240</v>
      </c>
      <c r="D15" s="21" t="s">
        <v>237</v>
      </c>
      <c r="E15" s="21" t="s">
        <v>241</v>
      </c>
      <c r="F15" s="21"/>
      <c r="G15" s="21" t="s">
        <v>237</v>
      </c>
      <c r="H15" s="21" t="s">
        <v>241</v>
      </c>
      <c r="I15" s="21" t="s">
        <v>242</v>
      </c>
      <c r="J15" s="16">
        <v>123067</v>
      </c>
      <c r="K15" s="16">
        <v>4334</v>
      </c>
      <c r="L15" s="16">
        <v>5122</v>
      </c>
      <c r="M15" s="16">
        <v>5223</v>
      </c>
      <c r="N15" s="16">
        <v>5769</v>
      </c>
      <c r="O15" s="16">
        <v>4392</v>
      </c>
      <c r="P15" s="16">
        <v>4790</v>
      </c>
      <c r="Q15" s="16">
        <v>5519</v>
      </c>
      <c r="R15" s="16">
        <v>6360</v>
      </c>
      <c r="S15" s="16">
        <v>6914</v>
      </c>
      <c r="T15" s="16">
        <v>7620</v>
      </c>
      <c r="U15" s="16">
        <v>7331</v>
      </c>
      <c r="V15" s="16">
        <v>7793</v>
      </c>
      <c r="W15" s="16">
        <v>8558</v>
      </c>
      <c r="X15" s="16">
        <v>9712</v>
      </c>
      <c r="Y15" s="16">
        <v>9800</v>
      </c>
      <c r="Z15" s="16">
        <v>7564</v>
      </c>
      <c r="AA15" s="16">
        <v>6531</v>
      </c>
      <c r="AB15" s="16">
        <v>5155</v>
      </c>
      <c r="AC15" s="16">
        <v>2579</v>
      </c>
      <c r="AD15" s="16">
        <v>698</v>
      </c>
      <c r="AE15" s="16">
        <v>92</v>
      </c>
      <c r="AF15" s="16">
        <v>1211</v>
      </c>
      <c r="AG15" s="16">
        <v>14679</v>
      </c>
      <c r="AH15" s="16">
        <v>65046</v>
      </c>
      <c r="AI15" s="16">
        <v>42131</v>
      </c>
      <c r="AJ15" s="16">
        <v>22619</v>
      </c>
      <c r="AK15" s="16">
        <v>8524</v>
      </c>
      <c r="AL15" s="16">
        <v>68989</v>
      </c>
      <c r="AM15" s="17">
        <v>12.046189999999999</v>
      </c>
      <c r="AN15" s="17">
        <v>53.379399999999997</v>
      </c>
      <c r="AO15" s="17">
        <v>34.574420000000003</v>
      </c>
      <c r="AP15" s="17">
        <v>41.597459999999998</v>
      </c>
      <c r="AQ15" s="17">
        <v>18.562069999999999</v>
      </c>
      <c r="AR15" s="17">
        <v>6.9951400000000001</v>
      </c>
      <c r="AS15" s="17">
        <v>7.5499999999999998E-2</v>
      </c>
      <c r="AT15" s="17">
        <v>56.615189999999998</v>
      </c>
      <c r="AU15" s="17">
        <v>50.416980000000002</v>
      </c>
      <c r="AV15" s="17">
        <v>53.261710000000001</v>
      </c>
    </row>
    <row r="16" spans="1:48">
      <c r="A16" s="21" t="s">
        <v>394</v>
      </c>
      <c r="B16" s="21" t="s">
        <v>214</v>
      </c>
      <c r="C16" s="21" t="s">
        <v>243</v>
      </c>
      <c r="D16" s="21" t="s">
        <v>237</v>
      </c>
      <c r="E16" s="21" t="s">
        <v>241</v>
      </c>
      <c r="F16" s="21" t="s">
        <v>235</v>
      </c>
      <c r="G16" s="21" t="s">
        <v>237</v>
      </c>
      <c r="H16" s="21" t="s">
        <v>241</v>
      </c>
      <c r="I16" s="21" t="s">
        <v>244</v>
      </c>
      <c r="J16" s="16">
        <v>96597</v>
      </c>
      <c r="K16" s="16">
        <v>3464</v>
      </c>
      <c r="L16" s="16">
        <v>4016</v>
      </c>
      <c r="M16" s="16">
        <v>4113</v>
      </c>
      <c r="N16" s="16">
        <v>4779</v>
      </c>
      <c r="O16" s="16">
        <v>3560</v>
      </c>
      <c r="P16" s="16">
        <v>3952</v>
      </c>
      <c r="Q16" s="16">
        <v>4433</v>
      </c>
      <c r="R16" s="16">
        <v>5091</v>
      </c>
      <c r="S16" s="16">
        <v>5555</v>
      </c>
      <c r="T16" s="16">
        <v>6154</v>
      </c>
      <c r="U16" s="16">
        <v>5830</v>
      </c>
      <c r="V16" s="16">
        <v>6040</v>
      </c>
      <c r="W16" s="16">
        <v>6538</v>
      </c>
      <c r="X16" s="16">
        <v>7475</v>
      </c>
      <c r="Y16" s="16">
        <v>7554</v>
      </c>
      <c r="Z16" s="16">
        <v>5707</v>
      </c>
      <c r="AA16" s="16">
        <v>4819</v>
      </c>
      <c r="AB16" s="16">
        <v>3874</v>
      </c>
      <c r="AC16" s="16">
        <v>1954</v>
      </c>
      <c r="AD16" s="16">
        <v>529</v>
      </c>
      <c r="AE16" s="16">
        <v>71</v>
      </c>
      <c r="AF16" s="16">
        <v>1089</v>
      </c>
      <c r="AG16" s="16">
        <v>11593</v>
      </c>
      <c r="AH16" s="16">
        <v>51932</v>
      </c>
      <c r="AI16" s="16">
        <v>31983</v>
      </c>
      <c r="AJ16" s="16">
        <v>16954</v>
      </c>
      <c r="AK16" s="16">
        <v>6428</v>
      </c>
      <c r="AL16" s="16">
        <v>54628</v>
      </c>
      <c r="AM16" s="17">
        <v>12.138249999999999</v>
      </c>
      <c r="AN16" s="17">
        <v>54.374499999999998</v>
      </c>
      <c r="AO16" s="17">
        <v>33.487250000000003</v>
      </c>
      <c r="AP16" s="17">
        <v>40.332749999999997</v>
      </c>
      <c r="AQ16" s="17">
        <v>17.751390000000001</v>
      </c>
      <c r="AR16" s="17">
        <v>6.7303300000000004</v>
      </c>
      <c r="AS16" s="17">
        <v>7.4340000000000003E-2</v>
      </c>
      <c r="AT16" s="17">
        <v>57.197299999999998</v>
      </c>
      <c r="AU16" s="17">
        <v>49.807279999999999</v>
      </c>
      <c r="AV16" s="17">
        <v>52.237859999999998</v>
      </c>
    </row>
    <row r="17" spans="1:48">
      <c r="A17" s="21" t="s">
        <v>394</v>
      </c>
      <c r="B17" s="21" t="s">
        <v>214</v>
      </c>
      <c r="C17" s="21" t="s">
        <v>243</v>
      </c>
      <c r="D17" s="21" t="s">
        <v>237</v>
      </c>
      <c r="E17" s="21" t="s">
        <v>245</v>
      </c>
      <c r="F17" s="21" t="s">
        <v>235</v>
      </c>
      <c r="G17" s="21" t="s">
        <v>237</v>
      </c>
      <c r="H17" s="21" t="s">
        <v>241</v>
      </c>
      <c r="I17" s="21" t="s">
        <v>246</v>
      </c>
      <c r="J17" s="16">
        <v>2307</v>
      </c>
      <c r="K17" s="16">
        <v>25</v>
      </c>
      <c r="L17" s="16">
        <v>26</v>
      </c>
      <c r="M17" s="16">
        <v>29</v>
      </c>
      <c r="N17" s="16">
        <v>40</v>
      </c>
      <c r="O17" s="16">
        <v>35</v>
      </c>
      <c r="P17" s="16">
        <v>43</v>
      </c>
      <c r="Q17" s="16">
        <v>47</v>
      </c>
      <c r="R17" s="16">
        <v>57</v>
      </c>
      <c r="S17" s="16">
        <v>71</v>
      </c>
      <c r="T17" s="16">
        <v>70</v>
      </c>
      <c r="U17" s="16">
        <v>101</v>
      </c>
      <c r="V17" s="16">
        <v>153</v>
      </c>
      <c r="W17" s="16">
        <v>222</v>
      </c>
      <c r="X17" s="16">
        <v>280</v>
      </c>
      <c r="Y17" s="16">
        <v>289</v>
      </c>
      <c r="Z17" s="16">
        <v>224</v>
      </c>
      <c r="AA17" s="16">
        <v>265</v>
      </c>
      <c r="AB17" s="16">
        <v>194</v>
      </c>
      <c r="AC17" s="16">
        <v>103</v>
      </c>
      <c r="AD17" s="16">
        <v>32</v>
      </c>
      <c r="AE17" s="16">
        <v>1</v>
      </c>
      <c r="AF17" s="22" t="s">
        <v>268</v>
      </c>
      <c r="AG17" s="16">
        <v>80</v>
      </c>
      <c r="AH17" s="16">
        <v>839</v>
      </c>
      <c r="AI17" s="16">
        <v>1388</v>
      </c>
      <c r="AJ17" s="16">
        <v>819</v>
      </c>
      <c r="AK17" s="16">
        <v>330</v>
      </c>
      <c r="AL17" s="16">
        <v>1079</v>
      </c>
      <c r="AM17" s="17">
        <v>3.4677099999999998</v>
      </c>
      <c r="AN17" s="17">
        <v>36.367579999999997</v>
      </c>
      <c r="AO17" s="17">
        <v>60.164720000000003</v>
      </c>
      <c r="AP17" s="17">
        <v>69.787599999999998</v>
      </c>
      <c r="AQ17" s="17">
        <v>35.50065</v>
      </c>
      <c r="AR17" s="17">
        <v>14.30429</v>
      </c>
      <c r="AS17" s="17">
        <v>4.335E-2</v>
      </c>
      <c r="AT17" s="17">
        <v>46.770699999999998</v>
      </c>
      <c r="AU17" s="17">
        <v>65.020589999999999</v>
      </c>
      <c r="AV17" s="17">
        <v>69.289060000000006</v>
      </c>
    </row>
    <row r="18" spans="1:48">
      <c r="A18" s="21" t="s">
        <v>394</v>
      </c>
      <c r="B18" s="21" t="s">
        <v>214</v>
      </c>
      <c r="C18" s="21" t="s">
        <v>243</v>
      </c>
      <c r="D18" s="21" t="s">
        <v>237</v>
      </c>
      <c r="E18" s="21" t="s">
        <v>247</v>
      </c>
      <c r="F18" s="21" t="s">
        <v>235</v>
      </c>
      <c r="G18" s="21" t="s">
        <v>237</v>
      </c>
      <c r="H18" s="21" t="s">
        <v>241</v>
      </c>
      <c r="I18" s="21" t="s">
        <v>248</v>
      </c>
      <c r="J18" s="16">
        <v>7157</v>
      </c>
      <c r="K18" s="16">
        <v>315</v>
      </c>
      <c r="L18" s="16">
        <v>356</v>
      </c>
      <c r="M18" s="16">
        <v>370</v>
      </c>
      <c r="N18" s="16">
        <v>336</v>
      </c>
      <c r="O18" s="16">
        <v>247</v>
      </c>
      <c r="P18" s="16">
        <v>261</v>
      </c>
      <c r="Q18" s="16">
        <v>374</v>
      </c>
      <c r="R18" s="16">
        <v>416</v>
      </c>
      <c r="S18" s="16">
        <v>386</v>
      </c>
      <c r="T18" s="16">
        <v>467</v>
      </c>
      <c r="U18" s="16">
        <v>433</v>
      </c>
      <c r="V18" s="16">
        <v>446</v>
      </c>
      <c r="W18" s="16">
        <v>499</v>
      </c>
      <c r="X18" s="16">
        <v>516</v>
      </c>
      <c r="Y18" s="16">
        <v>498</v>
      </c>
      <c r="Z18" s="16">
        <v>426</v>
      </c>
      <c r="AA18" s="16">
        <v>325</v>
      </c>
      <c r="AB18" s="16">
        <v>259</v>
      </c>
      <c r="AC18" s="16">
        <v>135</v>
      </c>
      <c r="AD18" s="16">
        <v>47</v>
      </c>
      <c r="AE18" s="16">
        <v>8</v>
      </c>
      <c r="AF18" s="16">
        <v>37</v>
      </c>
      <c r="AG18" s="16">
        <v>1041</v>
      </c>
      <c r="AH18" s="16">
        <v>3865</v>
      </c>
      <c r="AI18" s="16">
        <v>2214</v>
      </c>
      <c r="AJ18" s="16">
        <v>1200</v>
      </c>
      <c r="AK18" s="16">
        <v>449</v>
      </c>
      <c r="AL18" s="16">
        <v>4045</v>
      </c>
      <c r="AM18" s="17">
        <v>14.62079</v>
      </c>
      <c r="AN18" s="17">
        <v>54.283709999999999</v>
      </c>
      <c r="AO18" s="17">
        <v>31.095510000000001</v>
      </c>
      <c r="AP18" s="17">
        <v>38.103929999999998</v>
      </c>
      <c r="AQ18" s="17">
        <v>16.853929999999998</v>
      </c>
      <c r="AR18" s="17">
        <v>6.3061800000000003</v>
      </c>
      <c r="AS18" s="17">
        <v>0.11236</v>
      </c>
      <c r="AT18" s="17">
        <v>56.811799999999998</v>
      </c>
      <c r="AU18" s="17">
        <v>48.262360000000001</v>
      </c>
      <c r="AV18" s="17">
        <v>50.340429999999998</v>
      </c>
    </row>
    <row r="19" spans="1:48">
      <c r="A19" s="21" t="s">
        <v>394</v>
      </c>
      <c r="B19" s="21" t="s">
        <v>214</v>
      </c>
      <c r="C19" s="21" t="s">
        <v>243</v>
      </c>
      <c r="D19" s="21" t="s">
        <v>237</v>
      </c>
      <c r="E19" s="21" t="s">
        <v>249</v>
      </c>
      <c r="F19" s="21" t="s">
        <v>235</v>
      </c>
      <c r="G19" s="21" t="s">
        <v>237</v>
      </c>
      <c r="H19" s="21" t="s">
        <v>241</v>
      </c>
      <c r="I19" s="21" t="s">
        <v>250</v>
      </c>
      <c r="J19" s="16">
        <v>13591</v>
      </c>
      <c r="K19" s="16">
        <v>474</v>
      </c>
      <c r="L19" s="16">
        <v>646</v>
      </c>
      <c r="M19" s="16">
        <v>608</v>
      </c>
      <c r="N19" s="16">
        <v>508</v>
      </c>
      <c r="O19" s="16">
        <v>472</v>
      </c>
      <c r="P19" s="16">
        <v>474</v>
      </c>
      <c r="Q19" s="16">
        <v>586</v>
      </c>
      <c r="R19" s="16">
        <v>696</v>
      </c>
      <c r="S19" s="16">
        <v>780</v>
      </c>
      <c r="T19" s="16">
        <v>779</v>
      </c>
      <c r="U19" s="16">
        <v>785</v>
      </c>
      <c r="V19" s="16">
        <v>893</v>
      </c>
      <c r="W19" s="16">
        <v>997</v>
      </c>
      <c r="X19" s="16">
        <v>1082</v>
      </c>
      <c r="Y19" s="16">
        <v>1098</v>
      </c>
      <c r="Z19" s="16">
        <v>880</v>
      </c>
      <c r="AA19" s="16">
        <v>782</v>
      </c>
      <c r="AB19" s="16">
        <v>618</v>
      </c>
      <c r="AC19" s="16">
        <v>272</v>
      </c>
      <c r="AD19" s="16">
        <v>69</v>
      </c>
      <c r="AE19" s="16">
        <v>8</v>
      </c>
      <c r="AF19" s="16">
        <v>84</v>
      </c>
      <c r="AG19" s="16">
        <v>1728</v>
      </c>
      <c r="AH19" s="16">
        <v>6970</v>
      </c>
      <c r="AI19" s="16">
        <v>4809</v>
      </c>
      <c r="AJ19" s="16">
        <v>2629</v>
      </c>
      <c r="AK19" s="16">
        <v>967</v>
      </c>
      <c r="AL19" s="16">
        <v>7544</v>
      </c>
      <c r="AM19" s="17">
        <v>12.793369999999999</v>
      </c>
      <c r="AN19" s="17">
        <v>51.602870000000003</v>
      </c>
      <c r="AO19" s="17">
        <v>35.603760000000001</v>
      </c>
      <c r="AP19" s="17">
        <v>42.985120000000002</v>
      </c>
      <c r="AQ19" s="17">
        <v>19.463979999999999</v>
      </c>
      <c r="AR19" s="17">
        <v>7.1592500000000001</v>
      </c>
      <c r="AS19" s="17">
        <v>5.9229999999999998E-2</v>
      </c>
      <c r="AT19" s="17">
        <v>55.852519999999998</v>
      </c>
      <c r="AU19" s="17">
        <v>50.972270000000002</v>
      </c>
      <c r="AV19" s="17">
        <v>54.641449999999999</v>
      </c>
    </row>
    <row r="20" spans="1:48">
      <c r="A20" s="21" t="s">
        <v>394</v>
      </c>
      <c r="B20" s="21" t="s">
        <v>214</v>
      </c>
      <c r="C20" s="21" t="s">
        <v>243</v>
      </c>
      <c r="D20" s="21" t="s">
        <v>237</v>
      </c>
      <c r="E20" s="21" t="s">
        <v>251</v>
      </c>
      <c r="F20" s="21" t="s">
        <v>235</v>
      </c>
      <c r="G20" s="21" t="s">
        <v>237</v>
      </c>
      <c r="H20" s="21" t="s">
        <v>241</v>
      </c>
      <c r="I20" s="21" t="s">
        <v>252</v>
      </c>
      <c r="J20" s="16">
        <v>1864</v>
      </c>
      <c r="K20" s="16">
        <v>36</v>
      </c>
      <c r="L20" s="16">
        <v>47</v>
      </c>
      <c r="M20" s="16">
        <v>61</v>
      </c>
      <c r="N20" s="16">
        <v>59</v>
      </c>
      <c r="O20" s="16">
        <v>55</v>
      </c>
      <c r="P20" s="16">
        <v>39</v>
      </c>
      <c r="Q20" s="16">
        <v>40</v>
      </c>
      <c r="R20" s="16">
        <v>55</v>
      </c>
      <c r="S20" s="16">
        <v>67</v>
      </c>
      <c r="T20" s="16">
        <v>89</v>
      </c>
      <c r="U20" s="16">
        <v>97</v>
      </c>
      <c r="V20" s="16">
        <v>158</v>
      </c>
      <c r="W20" s="16">
        <v>175</v>
      </c>
      <c r="X20" s="16">
        <v>196</v>
      </c>
      <c r="Y20" s="16">
        <v>169</v>
      </c>
      <c r="Z20" s="16">
        <v>162</v>
      </c>
      <c r="AA20" s="16">
        <v>159</v>
      </c>
      <c r="AB20" s="16">
        <v>118</v>
      </c>
      <c r="AC20" s="16">
        <v>61</v>
      </c>
      <c r="AD20" s="16">
        <v>17</v>
      </c>
      <c r="AE20" s="16">
        <v>4</v>
      </c>
      <c r="AF20" s="22" t="s">
        <v>268</v>
      </c>
      <c r="AG20" s="16">
        <v>144</v>
      </c>
      <c r="AH20" s="16">
        <v>834</v>
      </c>
      <c r="AI20" s="16">
        <v>886</v>
      </c>
      <c r="AJ20" s="16">
        <v>521</v>
      </c>
      <c r="AK20" s="16">
        <v>200</v>
      </c>
      <c r="AL20" s="16">
        <v>971</v>
      </c>
      <c r="AM20" s="17">
        <v>7.72532</v>
      </c>
      <c r="AN20" s="17">
        <v>44.742489999999997</v>
      </c>
      <c r="AO20" s="17">
        <v>47.53219</v>
      </c>
      <c r="AP20" s="17">
        <v>56.9206</v>
      </c>
      <c r="AQ20" s="17">
        <v>27.95064</v>
      </c>
      <c r="AR20" s="17">
        <v>10.729609999999999</v>
      </c>
      <c r="AS20" s="17">
        <v>0.21459</v>
      </c>
      <c r="AT20" s="17">
        <v>52.092269999999999</v>
      </c>
      <c r="AU20" s="17">
        <v>58.582619999999999</v>
      </c>
      <c r="AV20" s="17">
        <v>64</v>
      </c>
    </row>
    <row r="21" spans="1:48">
      <c r="A21" s="21" t="s">
        <v>394</v>
      </c>
      <c r="B21" s="21" t="s">
        <v>214</v>
      </c>
      <c r="C21" s="21" t="s">
        <v>243</v>
      </c>
      <c r="D21" s="21" t="s">
        <v>237</v>
      </c>
      <c r="E21" s="21" t="s">
        <v>253</v>
      </c>
      <c r="F21" s="21" t="s">
        <v>235</v>
      </c>
      <c r="G21" s="21" t="s">
        <v>237</v>
      </c>
      <c r="H21" s="21" t="s">
        <v>241</v>
      </c>
      <c r="I21" s="21" t="s">
        <v>254</v>
      </c>
      <c r="J21" s="16">
        <v>1551</v>
      </c>
      <c r="K21" s="16">
        <v>20</v>
      </c>
      <c r="L21" s="16">
        <v>31</v>
      </c>
      <c r="M21" s="16">
        <v>42</v>
      </c>
      <c r="N21" s="16">
        <v>47</v>
      </c>
      <c r="O21" s="16">
        <v>23</v>
      </c>
      <c r="P21" s="16">
        <v>21</v>
      </c>
      <c r="Q21" s="16">
        <v>39</v>
      </c>
      <c r="R21" s="16">
        <v>45</v>
      </c>
      <c r="S21" s="16">
        <v>55</v>
      </c>
      <c r="T21" s="16">
        <v>61</v>
      </c>
      <c r="U21" s="16">
        <v>85</v>
      </c>
      <c r="V21" s="16">
        <v>103</v>
      </c>
      <c r="W21" s="16">
        <v>127</v>
      </c>
      <c r="X21" s="16">
        <v>163</v>
      </c>
      <c r="Y21" s="16">
        <v>192</v>
      </c>
      <c r="Z21" s="16">
        <v>165</v>
      </c>
      <c r="AA21" s="16">
        <v>181</v>
      </c>
      <c r="AB21" s="16">
        <v>92</v>
      </c>
      <c r="AC21" s="16">
        <v>54</v>
      </c>
      <c r="AD21" s="16">
        <v>4</v>
      </c>
      <c r="AE21" s="22" t="s">
        <v>268</v>
      </c>
      <c r="AF21" s="16">
        <v>1</v>
      </c>
      <c r="AG21" s="16">
        <v>93</v>
      </c>
      <c r="AH21" s="16">
        <v>606</v>
      </c>
      <c r="AI21" s="16">
        <v>851</v>
      </c>
      <c r="AJ21" s="16">
        <v>496</v>
      </c>
      <c r="AK21" s="16">
        <v>150</v>
      </c>
      <c r="AL21" s="16">
        <v>722</v>
      </c>
      <c r="AM21" s="17">
        <v>6</v>
      </c>
      <c r="AN21" s="17">
        <v>39.096769999999999</v>
      </c>
      <c r="AO21" s="17">
        <v>54.903230000000001</v>
      </c>
      <c r="AP21" s="17">
        <v>63.096769999999999</v>
      </c>
      <c r="AQ21" s="17">
        <v>32</v>
      </c>
      <c r="AR21" s="17">
        <v>9.6774199999999997</v>
      </c>
      <c r="AS21" s="17">
        <v>0</v>
      </c>
      <c r="AT21" s="17">
        <v>46.580649999999999</v>
      </c>
      <c r="AU21" s="17">
        <v>61.487740000000002</v>
      </c>
      <c r="AV21" s="17">
        <v>67.333330000000004</v>
      </c>
    </row>
    <row r="22" spans="1:48">
      <c r="A22" s="21" t="s">
        <v>394</v>
      </c>
      <c r="B22" s="21" t="s">
        <v>215</v>
      </c>
      <c r="C22" s="21" t="s">
        <v>232</v>
      </c>
      <c r="D22" s="21" t="s">
        <v>233</v>
      </c>
      <c r="E22" s="21" t="s">
        <v>234</v>
      </c>
      <c r="F22" s="21" t="s">
        <v>235</v>
      </c>
      <c r="G22" s="21" t="s">
        <v>233</v>
      </c>
      <c r="H22" s="21" t="s">
        <v>234</v>
      </c>
      <c r="I22" s="21" t="s">
        <v>236</v>
      </c>
      <c r="J22" s="16">
        <v>61349581</v>
      </c>
      <c r="K22" s="16">
        <v>2311189</v>
      </c>
      <c r="L22" s="16">
        <v>2606651</v>
      </c>
      <c r="M22" s="16">
        <v>2742131</v>
      </c>
      <c r="N22" s="16">
        <v>2880029</v>
      </c>
      <c r="O22" s="16">
        <v>3017869</v>
      </c>
      <c r="P22" s="16">
        <v>3074087</v>
      </c>
      <c r="Q22" s="16">
        <v>3297031</v>
      </c>
      <c r="R22" s="16">
        <v>3696855</v>
      </c>
      <c r="S22" s="16">
        <v>4189446</v>
      </c>
      <c r="T22" s="16">
        <v>4862990</v>
      </c>
      <c r="U22" s="16">
        <v>4277003</v>
      </c>
      <c r="V22" s="16">
        <v>3865303</v>
      </c>
      <c r="W22" s="16">
        <v>3592903</v>
      </c>
      <c r="X22" s="16">
        <v>3910060</v>
      </c>
      <c r="Y22" s="16">
        <v>4249286</v>
      </c>
      <c r="Z22" s="16">
        <v>3092860</v>
      </c>
      <c r="AA22" s="16">
        <v>2196093</v>
      </c>
      <c r="AB22" s="16">
        <v>1303473</v>
      </c>
      <c r="AC22" s="16">
        <v>491303</v>
      </c>
      <c r="AD22" s="16">
        <v>92110</v>
      </c>
      <c r="AE22" s="16">
        <v>9766</v>
      </c>
      <c r="AF22" s="16">
        <v>1591143</v>
      </c>
      <c r="AG22" s="16">
        <v>7659971</v>
      </c>
      <c r="AH22" s="16">
        <v>36753516</v>
      </c>
      <c r="AI22" s="16">
        <v>15344951</v>
      </c>
      <c r="AJ22" s="16">
        <v>7185605</v>
      </c>
      <c r="AK22" s="16">
        <v>1896652</v>
      </c>
      <c r="AL22" s="16">
        <v>37783547</v>
      </c>
      <c r="AM22" s="17">
        <v>12.81822</v>
      </c>
      <c r="AN22" s="17">
        <v>61.503480000000003</v>
      </c>
      <c r="AO22" s="17">
        <v>25.6783</v>
      </c>
      <c r="AP22" s="17">
        <v>31.69068</v>
      </c>
      <c r="AQ22" s="17">
        <v>12.024419999999999</v>
      </c>
      <c r="AR22" s="17">
        <v>3.1738599999999999</v>
      </c>
      <c r="AS22" s="17">
        <v>1.634E-2</v>
      </c>
      <c r="AT22" s="17">
        <v>63.227130000000002</v>
      </c>
      <c r="AU22" s="17">
        <v>46.012610000000002</v>
      </c>
      <c r="AV22" s="17">
        <v>47.140790000000003</v>
      </c>
    </row>
    <row r="23" spans="1:48">
      <c r="A23" s="21" t="s">
        <v>394</v>
      </c>
      <c r="B23" s="21" t="s">
        <v>215</v>
      </c>
      <c r="C23" s="21" t="s">
        <v>232</v>
      </c>
      <c r="D23" s="21" t="s">
        <v>237</v>
      </c>
      <c r="E23" s="21" t="s">
        <v>238</v>
      </c>
      <c r="F23" s="21" t="s">
        <v>235</v>
      </c>
      <c r="G23" s="21" t="s">
        <v>237</v>
      </c>
      <c r="H23" s="21" t="s">
        <v>238</v>
      </c>
      <c r="I23" s="21" t="s">
        <v>239</v>
      </c>
      <c r="J23" s="16">
        <v>822481</v>
      </c>
      <c r="K23" s="16">
        <v>35224</v>
      </c>
      <c r="L23" s="16">
        <v>40390</v>
      </c>
      <c r="M23" s="16">
        <v>41225</v>
      </c>
      <c r="N23" s="16">
        <v>40826</v>
      </c>
      <c r="O23" s="16">
        <v>34749</v>
      </c>
      <c r="P23" s="16">
        <v>35403</v>
      </c>
      <c r="Q23" s="16">
        <v>40814</v>
      </c>
      <c r="R23" s="16">
        <v>47873</v>
      </c>
      <c r="S23" s="16">
        <v>52642</v>
      </c>
      <c r="T23" s="16">
        <v>55101</v>
      </c>
      <c r="U23" s="16">
        <v>48527</v>
      </c>
      <c r="V23" s="16">
        <v>50787</v>
      </c>
      <c r="W23" s="16">
        <v>55927</v>
      </c>
      <c r="X23" s="16">
        <v>62734</v>
      </c>
      <c r="Y23" s="16">
        <v>60885</v>
      </c>
      <c r="Z23" s="16">
        <v>40059</v>
      </c>
      <c r="AA23" s="16">
        <v>32217</v>
      </c>
      <c r="AB23" s="16">
        <v>22066</v>
      </c>
      <c r="AC23" s="16">
        <v>9200</v>
      </c>
      <c r="AD23" s="16">
        <v>1821</v>
      </c>
      <c r="AE23" s="16">
        <v>205</v>
      </c>
      <c r="AF23" s="16">
        <v>13806</v>
      </c>
      <c r="AG23" s="16">
        <v>116839</v>
      </c>
      <c r="AH23" s="16">
        <v>462649</v>
      </c>
      <c r="AI23" s="16">
        <v>229187</v>
      </c>
      <c r="AJ23" s="16">
        <v>105568</v>
      </c>
      <c r="AK23" s="16">
        <v>33292</v>
      </c>
      <c r="AL23" s="16">
        <v>484557</v>
      </c>
      <c r="AM23" s="17">
        <v>14.4482</v>
      </c>
      <c r="AN23" s="17">
        <v>57.210749999999997</v>
      </c>
      <c r="AO23" s="17">
        <v>28.341049999999999</v>
      </c>
      <c r="AP23" s="17">
        <v>35.256929999999997</v>
      </c>
      <c r="AQ23" s="17">
        <v>13.05444</v>
      </c>
      <c r="AR23" s="17">
        <v>4.11686</v>
      </c>
      <c r="AS23" s="17">
        <v>2.5350000000000001E-2</v>
      </c>
      <c r="AT23" s="17">
        <v>59.919870000000003</v>
      </c>
      <c r="AU23" s="17">
        <v>46.606650000000002</v>
      </c>
      <c r="AV23" s="17">
        <v>48.138890000000004</v>
      </c>
    </row>
    <row r="24" spans="1:48">
      <c r="A24" s="21" t="s">
        <v>394</v>
      </c>
      <c r="B24" s="21" t="s">
        <v>215</v>
      </c>
      <c r="C24" s="21" t="s">
        <v>240</v>
      </c>
      <c r="D24" s="21" t="s">
        <v>237</v>
      </c>
      <c r="E24" s="21" t="s">
        <v>241</v>
      </c>
      <c r="F24" s="21"/>
      <c r="G24" s="21" t="s">
        <v>237</v>
      </c>
      <c r="H24" s="21" t="s">
        <v>241</v>
      </c>
      <c r="I24" s="21" t="s">
        <v>242</v>
      </c>
      <c r="J24" s="16">
        <v>57298</v>
      </c>
      <c r="K24" s="16">
        <v>2220</v>
      </c>
      <c r="L24" s="16">
        <v>2580</v>
      </c>
      <c r="M24" s="16">
        <v>2687</v>
      </c>
      <c r="N24" s="16">
        <v>2978</v>
      </c>
      <c r="O24" s="16">
        <v>2025</v>
      </c>
      <c r="P24" s="16">
        <v>2260</v>
      </c>
      <c r="Q24" s="16">
        <v>2608</v>
      </c>
      <c r="R24" s="16">
        <v>3096</v>
      </c>
      <c r="S24" s="16">
        <v>3404</v>
      </c>
      <c r="T24" s="16">
        <v>3711</v>
      </c>
      <c r="U24" s="16">
        <v>3557</v>
      </c>
      <c r="V24" s="16">
        <v>3769</v>
      </c>
      <c r="W24" s="16">
        <v>4158</v>
      </c>
      <c r="X24" s="16">
        <v>4667</v>
      </c>
      <c r="Y24" s="16">
        <v>4635</v>
      </c>
      <c r="Z24" s="16">
        <v>3209</v>
      </c>
      <c r="AA24" s="16">
        <v>2532</v>
      </c>
      <c r="AB24" s="16">
        <v>1771</v>
      </c>
      <c r="AC24" s="16">
        <v>708</v>
      </c>
      <c r="AD24" s="16">
        <v>115</v>
      </c>
      <c r="AE24" s="16">
        <v>10</v>
      </c>
      <c r="AF24" s="16">
        <v>598</v>
      </c>
      <c r="AG24" s="16">
        <v>7487</v>
      </c>
      <c r="AH24" s="16">
        <v>31566</v>
      </c>
      <c r="AI24" s="16">
        <v>17647</v>
      </c>
      <c r="AJ24" s="16">
        <v>8345</v>
      </c>
      <c r="AK24" s="16">
        <v>2604</v>
      </c>
      <c r="AL24" s="16">
        <v>33255</v>
      </c>
      <c r="AM24" s="17">
        <v>13.20459</v>
      </c>
      <c r="AN24" s="17">
        <v>55.671959999999999</v>
      </c>
      <c r="AO24" s="17">
        <v>31.123460000000001</v>
      </c>
      <c r="AP24" s="17">
        <v>38.456789999999998</v>
      </c>
      <c r="AQ24" s="17">
        <v>14.71781</v>
      </c>
      <c r="AR24" s="17">
        <v>4.5925900000000004</v>
      </c>
      <c r="AS24" s="17">
        <v>1.7639999999999999E-2</v>
      </c>
      <c r="AT24" s="17">
        <v>58.650790000000001</v>
      </c>
      <c r="AU24" s="17">
        <v>48.388219999999997</v>
      </c>
      <c r="AV24" s="17">
        <v>51.070030000000003</v>
      </c>
    </row>
    <row r="25" spans="1:48">
      <c r="A25" s="21" t="s">
        <v>394</v>
      </c>
      <c r="B25" s="21" t="s">
        <v>215</v>
      </c>
      <c r="C25" s="21" t="s">
        <v>243</v>
      </c>
      <c r="D25" s="21" t="s">
        <v>237</v>
      </c>
      <c r="E25" s="21" t="s">
        <v>241</v>
      </c>
      <c r="F25" s="21" t="s">
        <v>235</v>
      </c>
      <c r="G25" s="21" t="s">
        <v>237</v>
      </c>
      <c r="H25" s="21" t="s">
        <v>241</v>
      </c>
      <c r="I25" s="21" t="s">
        <v>244</v>
      </c>
      <c r="J25" s="16">
        <v>44897</v>
      </c>
      <c r="K25" s="16">
        <v>1734</v>
      </c>
      <c r="L25" s="16">
        <v>2019</v>
      </c>
      <c r="M25" s="16">
        <v>2098</v>
      </c>
      <c r="N25" s="16">
        <v>2470</v>
      </c>
      <c r="O25" s="16">
        <v>1662</v>
      </c>
      <c r="P25" s="16">
        <v>1857</v>
      </c>
      <c r="Q25" s="16">
        <v>2109</v>
      </c>
      <c r="R25" s="16">
        <v>2478</v>
      </c>
      <c r="S25" s="16">
        <v>2731</v>
      </c>
      <c r="T25" s="16">
        <v>3007</v>
      </c>
      <c r="U25" s="16">
        <v>2785</v>
      </c>
      <c r="V25" s="16">
        <v>2894</v>
      </c>
      <c r="W25" s="16">
        <v>3156</v>
      </c>
      <c r="X25" s="16">
        <v>3558</v>
      </c>
      <c r="Y25" s="16">
        <v>3533</v>
      </c>
      <c r="Z25" s="16">
        <v>2441</v>
      </c>
      <c r="AA25" s="16">
        <v>1867</v>
      </c>
      <c r="AB25" s="16">
        <v>1318</v>
      </c>
      <c r="AC25" s="16">
        <v>538</v>
      </c>
      <c r="AD25" s="16">
        <v>97</v>
      </c>
      <c r="AE25" s="16">
        <v>7</v>
      </c>
      <c r="AF25" s="16">
        <v>538</v>
      </c>
      <c r="AG25" s="16">
        <v>5851</v>
      </c>
      <c r="AH25" s="16">
        <v>25149</v>
      </c>
      <c r="AI25" s="16">
        <v>13359</v>
      </c>
      <c r="AJ25" s="16">
        <v>6268</v>
      </c>
      <c r="AK25" s="16">
        <v>1960</v>
      </c>
      <c r="AL25" s="16">
        <v>26237</v>
      </c>
      <c r="AM25" s="17">
        <v>13.190110000000001</v>
      </c>
      <c r="AN25" s="17">
        <v>56.694240000000001</v>
      </c>
      <c r="AO25" s="17">
        <v>30.115649999999999</v>
      </c>
      <c r="AP25" s="17">
        <v>37.230330000000002</v>
      </c>
      <c r="AQ25" s="17">
        <v>14.13017</v>
      </c>
      <c r="AR25" s="17">
        <v>4.4184900000000003</v>
      </c>
      <c r="AS25" s="17">
        <v>1.5779999999999999E-2</v>
      </c>
      <c r="AT25" s="17">
        <v>59.14696</v>
      </c>
      <c r="AU25" s="17">
        <v>47.825209999999998</v>
      </c>
      <c r="AV25" s="17">
        <v>50.025620000000004</v>
      </c>
    </row>
    <row r="26" spans="1:48">
      <c r="A26" s="21" t="s">
        <v>394</v>
      </c>
      <c r="B26" s="21" t="s">
        <v>215</v>
      </c>
      <c r="C26" s="21" t="s">
        <v>243</v>
      </c>
      <c r="D26" s="21" t="s">
        <v>237</v>
      </c>
      <c r="E26" s="21" t="s">
        <v>245</v>
      </c>
      <c r="F26" s="21" t="s">
        <v>235</v>
      </c>
      <c r="G26" s="21" t="s">
        <v>237</v>
      </c>
      <c r="H26" s="21" t="s">
        <v>241</v>
      </c>
      <c r="I26" s="21" t="s">
        <v>246</v>
      </c>
      <c r="J26" s="16">
        <v>1070</v>
      </c>
      <c r="K26" s="16">
        <v>12</v>
      </c>
      <c r="L26" s="16">
        <v>9</v>
      </c>
      <c r="M26" s="16">
        <v>17</v>
      </c>
      <c r="N26" s="16">
        <v>17</v>
      </c>
      <c r="O26" s="16">
        <v>15</v>
      </c>
      <c r="P26" s="16">
        <v>27</v>
      </c>
      <c r="Q26" s="16">
        <v>24</v>
      </c>
      <c r="R26" s="16">
        <v>33</v>
      </c>
      <c r="S26" s="16">
        <v>39</v>
      </c>
      <c r="T26" s="16">
        <v>34</v>
      </c>
      <c r="U26" s="16">
        <v>49</v>
      </c>
      <c r="V26" s="16">
        <v>80</v>
      </c>
      <c r="W26" s="16">
        <v>116</v>
      </c>
      <c r="X26" s="16">
        <v>152</v>
      </c>
      <c r="Y26" s="16">
        <v>149</v>
      </c>
      <c r="Z26" s="16">
        <v>91</v>
      </c>
      <c r="AA26" s="16">
        <v>103</v>
      </c>
      <c r="AB26" s="16">
        <v>65</v>
      </c>
      <c r="AC26" s="16">
        <v>35</v>
      </c>
      <c r="AD26" s="16">
        <v>3</v>
      </c>
      <c r="AE26" s="22" t="s">
        <v>268</v>
      </c>
      <c r="AF26" s="22" t="s">
        <v>268</v>
      </c>
      <c r="AG26" s="16">
        <v>38</v>
      </c>
      <c r="AH26" s="16">
        <v>434</v>
      </c>
      <c r="AI26" s="16">
        <v>598</v>
      </c>
      <c r="AJ26" s="16">
        <v>297</v>
      </c>
      <c r="AK26" s="16">
        <v>103</v>
      </c>
      <c r="AL26" s="16">
        <v>569</v>
      </c>
      <c r="AM26" s="17">
        <v>3.5514000000000001</v>
      </c>
      <c r="AN26" s="17">
        <v>40.560749999999999</v>
      </c>
      <c r="AO26" s="17">
        <v>55.88785</v>
      </c>
      <c r="AP26" s="17">
        <v>66.728970000000004</v>
      </c>
      <c r="AQ26" s="17">
        <v>27.757010000000001</v>
      </c>
      <c r="AR26" s="17">
        <v>9.6261700000000001</v>
      </c>
      <c r="AS26" s="17">
        <v>0</v>
      </c>
      <c r="AT26" s="17">
        <v>53.177570000000003</v>
      </c>
      <c r="AU26" s="17">
        <v>62.779440000000001</v>
      </c>
      <c r="AV26" s="17">
        <v>67.068969999999993</v>
      </c>
    </row>
    <row r="27" spans="1:48">
      <c r="A27" s="21" t="s">
        <v>394</v>
      </c>
      <c r="B27" s="21" t="s">
        <v>215</v>
      </c>
      <c r="C27" s="21" t="s">
        <v>243</v>
      </c>
      <c r="D27" s="21" t="s">
        <v>237</v>
      </c>
      <c r="E27" s="21" t="s">
        <v>247</v>
      </c>
      <c r="F27" s="21" t="s">
        <v>235</v>
      </c>
      <c r="G27" s="21" t="s">
        <v>237</v>
      </c>
      <c r="H27" s="21" t="s">
        <v>241</v>
      </c>
      <c r="I27" s="21" t="s">
        <v>248</v>
      </c>
      <c r="J27" s="16">
        <v>3349</v>
      </c>
      <c r="K27" s="16">
        <v>174</v>
      </c>
      <c r="L27" s="16">
        <v>171</v>
      </c>
      <c r="M27" s="16">
        <v>188</v>
      </c>
      <c r="N27" s="16">
        <v>163</v>
      </c>
      <c r="O27" s="16">
        <v>106</v>
      </c>
      <c r="P27" s="16">
        <v>123</v>
      </c>
      <c r="Q27" s="16">
        <v>178</v>
      </c>
      <c r="R27" s="16">
        <v>201</v>
      </c>
      <c r="S27" s="16">
        <v>187</v>
      </c>
      <c r="T27" s="16">
        <v>227</v>
      </c>
      <c r="U27" s="16">
        <v>225</v>
      </c>
      <c r="V27" s="16">
        <v>218</v>
      </c>
      <c r="W27" s="16">
        <v>245</v>
      </c>
      <c r="X27" s="16">
        <v>250</v>
      </c>
      <c r="Y27" s="16">
        <v>251</v>
      </c>
      <c r="Z27" s="16">
        <v>187</v>
      </c>
      <c r="AA27" s="16">
        <v>115</v>
      </c>
      <c r="AB27" s="16">
        <v>85</v>
      </c>
      <c r="AC27" s="16">
        <v>34</v>
      </c>
      <c r="AD27" s="16">
        <v>4</v>
      </c>
      <c r="AE27" s="16">
        <v>1</v>
      </c>
      <c r="AF27" s="16">
        <v>16</v>
      </c>
      <c r="AG27" s="16">
        <v>533</v>
      </c>
      <c r="AH27" s="16">
        <v>1873</v>
      </c>
      <c r="AI27" s="16">
        <v>927</v>
      </c>
      <c r="AJ27" s="16">
        <v>426</v>
      </c>
      <c r="AK27" s="16">
        <v>124</v>
      </c>
      <c r="AL27" s="16">
        <v>1960</v>
      </c>
      <c r="AM27" s="17">
        <v>15.9916</v>
      </c>
      <c r="AN27" s="17">
        <v>56.195619999999998</v>
      </c>
      <c r="AO27" s="17">
        <v>27.81278</v>
      </c>
      <c r="AP27" s="17">
        <v>35.163519999999998</v>
      </c>
      <c r="AQ27" s="17">
        <v>12.781280000000001</v>
      </c>
      <c r="AR27" s="17">
        <v>3.72037</v>
      </c>
      <c r="AS27" s="17">
        <v>0.03</v>
      </c>
      <c r="AT27" s="17">
        <v>58.805880000000002</v>
      </c>
      <c r="AU27" s="17">
        <v>46.350589999999997</v>
      </c>
      <c r="AV27" s="17">
        <v>48.63</v>
      </c>
    </row>
    <row r="28" spans="1:48">
      <c r="A28" s="21" t="s">
        <v>394</v>
      </c>
      <c r="B28" s="21" t="s">
        <v>215</v>
      </c>
      <c r="C28" s="21" t="s">
        <v>243</v>
      </c>
      <c r="D28" s="21" t="s">
        <v>237</v>
      </c>
      <c r="E28" s="21" t="s">
        <v>249</v>
      </c>
      <c r="F28" s="21" t="s">
        <v>235</v>
      </c>
      <c r="G28" s="21" t="s">
        <v>237</v>
      </c>
      <c r="H28" s="21" t="s">
        <v>241</v>
      </c>
      <c r="I28" s="21" t="s">
        <v>250</v>
      </c>
      <c r="J28" s="16">
        <v>6331</v>
      </c>
      <c r="K28" s="16">
        <v>275</v>
      </c>
      <c r="L28" s="16">
        <v>340</v>
      </c>
      <c r="M28" s="16">
        <v>331</v>
      </c>
      <c r="N28" s="16">
        <v>270</v>
      </c>
      <c r="O28" s="16">
        <v>204</v>
      </c>
      <c r="P28" s="16">
        <v>225</v>
      </c>
      <c r="Q28" s="16">
        <v>261</v>
      </c>
      <c r="R28" s="16">
        <v>335</v>
      </c>
      <c r="S28" s="16">
        <v>377</v>
      </c>
      <c r="T28" s="16">
        <v>372</v>
      </c>
      <c r="U28" s="16">
        <v>394</v>
      </c>
      <c r="V28" s="16">
        <v>436</v>
      </c>
      <c r="W28" s="16">
        <v>478</v>
      </c>
      <c r="X28" s="16">
        <v>514</v>
      </c>
      <c r="Y28" s="16">
        <v>513</v>
      </c>
      <c r="Z28" s="16">
        <v>362</v>
      </c>
      <c r="AA28" s="16">
        <v>295</v>
      </c>
      <c r="AB28" s="16">
        <v>226</v>
      </c>
      <c r="AC28" s="16">
        <v>69</v>
      </c>
      <c r="AD28" s="16">
        <v>8</v>
      </c>
      <c r="AE28" s="16">
        <v>2</v>
      </c>
      <c r="AF28" s="16">
        <v>44</v>
      </c>
      <c r="AG28" s="16">
        <v>946</v>
      </c>
      <c r="AH28" s="16">
        <v>3352</v>
      </c>
      <c r="AI28" s="16">
        <v>1989</v>
      </c>
      <c r="AJ28" s="16">
        <v>962</v>
      </c>
      <c r="AK28" s="16">
        <v>305</v>
      </c>
      <c r="AL28" s="16">
        <v>3596</v>
      </c>
      <c r="AM28" s="17">
        <v>15.04692</v>
      </c>
      <c r="AN28" s="17">
        <v>53.316369999999999</v>
      </c>
      <c r="AO28" s="17">
        <v>31.636710000000001</v>
      </c>
      <c r="AP28" s="17">
        <v>39.239699999999999</v>
      </c>
      <c r="AQ28" s="17">
        <v>15.30142</v>
      </c>
      <c r="AR28" s="17">
        <v>4.85128</v>
      </c>
      <c r="AS28" s="17">
        <v>3.1809999999999998E-2</v>
      </c>
      <c r="AT28" s="17">
        <v>57.197389999999999</v>
      </c>
      <c r="AU28" s="17">
        <v>48.446719999999999</v>
      </c>
      <c r="AV28" s="17">
        <v>52.02</v>
      </c>
    </row>
    <row r="29" spans="1:48">
      <c r="A29" s="21" t="s">
        <v>394</v>
      </c>
      <c r="B29" s="21" t="s">
        <v>215</v>
      </c>
      <c r="C29" s="21" t="s">
        <v>243</v>
      </c>
      <c r="D29" s="21" t="s">
        <v>237</v>
      </c>
      <c r="E29" s="21" t="s">
        <v>251</v>
      </c>
      <c r="F29" s="21" t="s">
        <v>235</v>
      </c>
      <c r="G29" s="21" t="s">
        <v>237</v>
      </c>
      <c r="H29" s="21" t="s">
        <v>241</v>
      </c>
      <c r="I29" s="21" t="s">
        <v>252</v>
      </c>
      <c r="J29" s="16">
        <v>887</v>
      </c>
      <c r="K29" s="16">
        <v>14</v>
      </c>
      <c r="L29" s="16">
        <v>29</v>
      </c>
      <c r="M29" s="16">
        <v>32</v>
      </c>
      <c r="N29" s="16">
        <v>32</v>
      </c>
      <c r="O29" s="16">
        <v>23</v>
      </c>
      <c r="P29" s="16">
        <v>19</v>
      </c>
      <c r="Q29" s="16">
        <v>19</v>
      </c>
      <c r="R29" s="16">
        <v>22</v>
      </c>
      <c r="S29" s="16">
        <v>39</v>
      </c>
      <c r="T29" s="16">
        <v>36</v>
      </c>
      <c r="U29" s="16">
        <v>51</v>
      </c>
      <c r="V29" s="16">
        <v>85</v>
      </c>
      <c r="W29" s="16">
        <v>96</v>
      </c>
      <c r="X29" s="16">
        <v>109</v>
      </c>
      <c r="Y29" s="16">
        <v>88</v>
      </c>
      <c r="Z29" s="16">
        <v>65</v>
      </c>
      <c r="AA29" s="16">
        <v>71</v>
      </c>
      <c r="AB29" s="16">
        <v>42</v>
      </c>
      <c r="AC29" s="16">
        <v>13</v>
      </c>
      <c r="AD29" s="16">
        <v>2</v>
      </c>
      <c r="AE29" s="22" t="s">
        <v>268</v>
      </c>
      <c r="AF29" s="22" t="s">
        <v>268</v>
      </c>
      <c r="AG29" s="16">
        <v>75</v>
      </c>
      <c r="AH29" s="16">
        <v>422</v>
      </c>
      <c r="AI29" s="16">
        <v>390</v>
      </c>
      <c r="AJ29" s="16">
        <v>193</v>
      </c>
      <c r="AK29" s="16">
        <v>57</v>
      </c>
      <c r="AL29" s="16">
        <v>499</v>
      </c>
      <c r="AM29" s="17">
        <v>8.45547</v>
      </c>
      <c r="AN29" s="17">
        <v>47.576099999999997</v>
      </c>
      <c r="AO29" s="17">
        <v>43.968429999999998</v>
      </c>
      <c r="AP29" s="17">
        <v>54.791429999999998</v>
      </c>
      <c r="AQ29" s="17">
        <v>21.75874</v>
      </c>
      <c r="AR29" s="17">
        <v>6.4261600000000003</v>
      </c>
      <c r="AS29" s="17">
        <v>0</v>
      </c>
      <c r="AT29" s="17">
        <v>56.25705</v>
      </c>
      <c r="AU29" s="17">
        <v>56.654449999999997</v>
      </c>
      <c r="AV29" s="17">
        <v>62.361109999999996</v>
      </c>
    </row>
    <row r="30" spans="1:48">
      <c r="A30" s="21" t="s">
        <v>394</v>
      </c>
      <c r="B30" s="21" t="s">
        <v>215</v>
      </c>
      <c r="C30" s="21" t="s">
        <v>243</v>
      </c>
      <c r="D30" s="21" t="s">
        <v>237</v>
      </c>
      <c r="E30" s="21" t="s">
        <v>253</v>
      </c>
      <c r="F30" s="21" t="s">
        <v>235</v>
      </c>
      <c r="G30" s="21" t="s">
        <v>237</v>
      </c>
      <c r="H30" s="21" t="s">
        <v>241</v>
      </c>
      <c r="I30" s="21" t="s">
        <v>254</v>
      </c>
      <c r="J30" s="16">
        <v>764</v>
      </c>
      <c r="K30" s="16">
        <v>11</v>
      </c>
      <c r="L30" s="16">
        <v>12</v>
      </c>
      <c r="M30" s="16">
        <v>21</v>
      </c>
      <c r="N30" s="16">
        <v>26</v>
      </c>
      <c r="O30" s="16">
        <v>15</v>
      </c>
      <c r="P30" s="16">
        <v>9</v>
      </c>
      <c r="Q30" s="16">
        <v>17</v>
      </c>
      <c r="R30" s="16">
        <v>27</v>
      </c>
      <c r="S30" s="16">
        <v>31</v>
      </c>
      <c r="T30" s="16">
        <v>35</v>
      </c>
      <c r="U30" s="16">
        <v>53</v>
      </c>
      <c r="V30" s="16">
        <v>56</v>
      </c>
      <c r="W30" s="16">
        <v>67</v>
      </c>
      <c r="X30" s="16">
        <v>84</v>
      </c>
      <c r="Y30" s="16">
        <v>101</v>
      </c>
      <c r="Z30" s="16">
        <v>63</v>
      </c>
      <c r="AA30" s="16">
        <v>81</v>
      </c>
      <c r="AB30" s="16">
        <v>35</v>
      </c>
      <c r="AC30" s="16">
        <v>19</v>
      </c>
      <c r="AD30" s="16">
        <v>1</v>
      </c>
      <c r="AE30" s="22" t="s">
        <v>268</v>
      </c>
      <c r="AF30" s="22" t="s">
        <v>268</v>
      </c>
      <c r="AG30" s="16">
        <v>44</v>
      </c>
      <c r="AH30" s="16">
        <v>336</v>
      </c>
      <c r="AI30" s="16">
        <v>384</v>
      </c>
      <c r="AJ30" s="16">
        <v>199</v>
      </c>
      <c r="AK30" s="16">
        <v>55</v>
      </c>
      <c r="AL30" s="16">
        <v>394</v>
      </c>
      <c r="AM30" s="17">
        <v>5.7591599999999996</v>
      </c>
      <c r="AN30" s="17">
        <v>43.979059999999997</v>
      </c>
      <c r="AO30" s="17">
        <v>50.261780000000002</v>
      </c>
      <c r="AP30" s="17">
        <v>59.031410000000001</v>
      </c>
      <c r="AQ30" s="17">
        <v>26.04712</v>
      </c>
      <c r="AR30" s="17">
        <v>7.19895</v>
      </c>
      <c r="AS30" s="17">
        <v>0</v>
      </c>
      <c r="AT30" s="17">
        <v>51.570680000000003</v>
      </c>
      <c r="AU30" s="17">
        <v>59.732979999999998</v>
      </c>
      <c r="AV30" s="17">
        <v>65.133330000000001</v>
      </c>
    </row>
    <row r="31" spans="1:48">
      <c r="A31" s="21" t="s">
        <v>394</v>
      </c>
      <c r="B31" s="21" t="s">
        <v>216</v>
      </c>
      <c r="C31" s="21" t="s">
        <v>232</v>
      </c>
      <c r="D31" s="21" t="s">
        <v>233</v>
      </c>
      <c r="E31" s="21" t="s">
        <v>234</v>
      </c>
      <c r="F31" s="21" t="s">
        <v>235</v>
      </c>
      <c r="G31" s="21" t="s">
        <v>233</v>
      </c>
      <c r="H31" s="21" t="s">
        <v>234</v>
      </c>
      <c r="I31" s="21" t="s">
        <v>236</v>
      </c>
      <c r="J31" s="16">
        <v>64796518</v>
      </c>
      <c r="K31" s="16">
        <v>2204893</v>
      </c>
      <c r="L31" s="16">
        <v>2482442</v>
      </c>
      <c r="M31" s="16">
        <v>2608386</v>
      </c>
      <c r="N31" s="16">
        <v>2737411</v>
      </c>
      <c r="O31" s="16">
        <v>2913437</v>
      </c>
      <c r="P31" s="16">
        <v>2957877</v>
      </c>
      <c r="Q31" s="16">
        <v>3187563</v>
      </c>
      <c r="R31" s="16">
        <v>3614712</v>
      </c>
      <c r="S31" s="16">
        <v>4101631</v>
      </c>
      <c r="T31" s="16">
        <v>4787303</v>
      </c>
      <c r="U31" s="16">
        <v>4262848</v>
      </c>
      <c r="V31" s="16">
        <v>3902179</v>
      </c>
      <c r="W31" s="16">
        <v>3704287</v>
      </c>
      <c r="X31" s="16">
        <v>4165208</v>
      </c>
      <c r="Y31" s="16">
        <v>4762509</v>
      </c>
      <c r="Z31" s="16">
        <v>3838068</v>
      </c>
      <c r="AA31" s="16">
        <v>3100635</v>
      </c>
      <c r="AB31" s="16">
        <v>2366350</v>
      </c>
      <c r="AC31" s="16">
        <v>1287713</v>
      </c>
      <c r="AD31" s="16">
        <v>400614</v>
      </c>
      <c r="AE31" s="16">
        <v>69757</v>
      </c>
      <c r="AF31" s="16">
        <v>1340695</v>
      </c>
      <c r="AG31" s="16">
        <v>7295721</v>
      </c>
      <c r="AH31" s="16">
        <v>36169248</v>
      </c>
      <c r="AI31" s="16">
        <v>19990854</v>
      </c>
      <c r="AJ31" s="16">
        <v>11063137</v>
      </c>
      <c r="AK31" s="16">
        <v>4124434</v>
      </c>
      <c r="AL31" s="16">
        <v>37597045</v>
      </c>
      <c r="AM31" s="17">
        <v>11.49732</v>
      </c>
      <c r="AN31" s="17">
        <v>56.999099999999999</v>
      </c>
      <c r="AO31" s="17">
        <v>31.503579999999999</v>
      </c>
      <c r="AP31" s="17">
        <v>37.341160000000002</v>
      </c>
      <c r="AQ31" s="17">
        <v>17.43439</v>
      </c>
      <c r="AR31" s="17">
        <v>6.4996900000000002</v>
      </c>
      <c r="AS31" s="17">
        <v>0.10993</v>
      </c>
      <c r="AT31" s="17">
        <v>59.249160000000003</v>
      </c>
      <c r="AU31" s="17">
        <v>49.213230000000003</v>
      </c>
      <c r="AV31" s="17">
        <v>50.144640000000003</v>
      </c>
    </row>
    <row r="32" spans="1:48">
      <c r="A32" s="21" t="s">
        <v>394</v>
      </c>
      <c r="B32" s="21" t="s">
        <v>216</v>
      </c>
      <c r="C32" s="21" t="s">
        <v>232</v>
      </c>
      <c r="D32" s="21" t="s">
        <v>237</v>
      </c>
      <c r="E32" s="21" t="s">
        <v>238</v>
      </c>
      <c r="F32" s="21" t="s">
        <v>235</v>
      </c>
      <c r="G32" s="21" t="s">
        <v>237</v>
      </c>
      <c r="H32" s="21" t="s">
        <v>238</v>
      </c>
      <c r="I32" s="21" t="s">
        <v>239</v>
      </c>
      <c r="J32" s="16">
        <v>915820</v>
      </c>
      <c r="K32" s="16">
        <v>33817</v>
      </c>
      <c r="L32" s="16">
        <v>38153</v>
      </c>
      <c r="M32" s="16">
        <v>39557</v>
      </c>
      <c r="N32" s="16">
        <v>38545</v>
      </c>
      <c r="O32" s="16">
        <v>35078</v>
      </c>
      <c r="P32" s="16">
        <v>36360</v>
      </c>
      <c r="Q32" s="16">
        <v>42202</v>
      </c>
      <c r="R32" s="16">
        <v>49181</v>
      </c>
      <c r="S32" s="16">
        <v>53731</v>
      </c>
      <c r="T32" s="16">
        <v>57244</v>
      </c>
      <c r="U32" s="16">
        <v>53317</v>
      </c>
      <c r="V32" s="16">
        <v>55754</v>
      </c>
      <c r="W32" s="16">
        <v>60137</v>
      </c>
      <c r="X32" s="16">
        <v>67030</v>
      </c>
      <c r="Y32" s="16">
        <v>67429</v>
      </c>
      <c r="Z32" s="16">
        <v>52549</v>
      </c>
      <c r="AA32" s="16">
        <v>48782</v>
      </c>
      <c r="AB32" s="16">
        <v>41253</v>
      </c>
      <c r="AC32" s="16">
        <v>24410</v>
      </c>
      <c r="AD32" s="16">
        <v>8394</v>
      </c>
      <c r="AE32" s="16">
        <v>1504</v>
      </c>
      <c r="AF32" s="16">
        <v>11393</v>
      </c>
      <c r="AG32" s="16">
        <v>111527</v>
      </c>
      <c r="AH32" s="16">
        <v>481549</v>
      </c>
      <c r="AI32" s="16">
        <v>311351</v>
      </c>
      <c r="AJ32" s="16">
        <v>176892</v>
      </c>
      <c r="AK32" s="16">
        <v>75561</v>
      </c>
      <c r="AL32" s="16">
        <v>510034</v>
      </c>
      <c r="AM32" s="17">
        <v>12.33123</v>
      </c>
      <c r="AN32" s="17">
        <v>53.243549999999999</v>
      </c>
      <c r="AO32" s="17">
        <v>34.425220000000003</v>
      </c>
      <c r="AP32" s="17">
        <v>41.074399999999997</v>
      </c>
      <c r="AQ32" s="17">
        <v>19.55846</v>
      </c>
      <c r="AR32" s="17">
        <v>8.3545700000000007</v>
      </c>
      <c r="AS32" s="17">
        <v>0.16628999999999999</v>
      </c>
      <c r="AT32" s="17">
        <v>56.393050000000002</v>
      </c>
      <c r="AU32" s="17">
        <v>50.46707</v>
      </c>
      <c r="AV32" s="17">
        <v>52.632170000000002</v>
      </c>
    </row>
    <row r="33" spans="1:48">
      <c r="A33" s="21" t="s">
        <v>394</v>
      </c>
      <c r="B33" s="21" t="s">
        <v>216</v>
      </c>
      <c r="C33" s="21" t="s">
        <v>240</v>
      </c>
      <c r="D33" s="21" t="s">
        <v>237</v>
      </c>
      <c r="E33" s="21" t="s">
        <v>241</v>
      </c>
      <c r="F33" s="21"/>
      <c r="G33" s="21" t="s">
        <v>237</v>
      </c>
      <c r="H33" s="21" t="s">
        <v>241</v>
      </c>
      <c r="I33" s="21" t="s">
        <v>242</v>
      </c>
      <c r="J33" s="16">
        <v>65769</v>
      </c>
      <c r="K33" s="16">
        <v>2114</v>
      </c>
      <c r="L33" s="16">
        <v>2542</v>
      </c>
      <c r="M33" s="16">
        <v>2536</v>
      </c>
      <c r="N33" s="16">
        <v>2791</v>
      </c>
      <c r="O33" s="16">
        <v>2367</v>
      </c>
      <c r="P33" s="16">
        <v>2530</v>
      </c>
      <c r="Q33" s="16">
        <v>2911</v>
      </c>
      <c r="R33" s="16">
        <v>3264</v>
      </c>
      <c r="S33" s="16">
        <v>3510</v>
      </c>
      <c r="T33" s="16">
        <v>3909</v>
      </c>
      <c r="U33" s="16">
        <v>3774</v>
      </c>
      <c r="V33" s="16">
        <v>4024</v>
      </c>
      <c r="W33" s="16">
        <v>4400</v>
      </c>
      <c r="X33" s="16">
        <v>5045</v>
      </c>
      <c r="Y33" s="16">
        <v>5165</v>
      </c>
      <c r="Z33" s="16">
        <v>4355</v>
      </c>
      <c r="AA33" s="16">
        <v>3999</v>
      </c>
      <c r="AB33" s="16">
        <v>3384</v>
      </c>
      <c r="AC33" s="16">
        <v>1871</v>
      </c>
      <c r="AD33" s="16">
        <v>583</v>
      </c>
      <c r="AE33" s="16">
        <v>82</v>
      </c>
      <c r="AF33" s="16">
        <v>613</v>
      </c>
      <c r="AG33" s="16">
        <v>7192</v>
      </c>
      <c r="AH33" s="16">
        <v>33480</v>
      </c>
      <c r="AI33" s="16">
        <v>24484</v>
      </c>
      <c r="AJ33" s="16">
        <v>14274</v>
      </c>
      <c r="AK33" s="16">
        <v>5920</v>
      </c>
      <c r="AL33" s="16">
        <v>35734</v>
      </c>
      <c r="AM33" s="17">
        <v>11.038119999999999</v>
      </c>
      <c r="AN33" s="17">
        <v>51.384369999999997</v>
      </c>
      <c r="AO33" s="17">
        <v>37.577509999999997</v>
      </c>
      <c r="AP33" s="17">
        <v>44.330530000000003</v>
      </c>
      <c r="AQ33" s="17">
        <v>21.907419999999998</v>
      </c>
      <c r="AR33" s="17">
        <v>9.0858899999999991</v>
      </c>
      <c r="AS33" s="17">
        <v>0.12584999999999999</v>
      </c>
      <c r="AT33" s="17">
        <v>54.843760000000003</v>
      </c>
      <c r="AU33" s="17">
        <v>52.18244</v>
      </c>
      <c r="AV33" s="17">
        <v>55.399520000000003</v>
      </c>
    </row>
    <row r="34" spans="1:48">
      <c r="A34" s="21" t="s">
        <v>394</v>
      </c>
      <c r="B34" s="21" t="s">
        <v>216</v>
      </c>
      <c r="C34" s="21" t="s">
        <v>243</v>
      </c>
      <c r="D34" s="21" t="s">
        <v>237</v>
      </c>
      <c r="E34" s="21" t="s">
        <v>241</v>
      </c>
      <c r="F34" s="21" t="s">
        <v>235</v>
      </c>
      <c r="G34" s="21" t="s">
        <v>237</v>
      </c>
      <c r="H34" s="21" t="s">
        <v>241</v>
      </c>
      <c r="I34" s="21" t="s">
        <v>244</v>
      </c>
      <c r="J34" s="16">
        <v>51700</v>
      </c>
      <c r="K34" s="16">
        <v>1730</v>
      </c>
      <c r="L34" s="16">
        <v>1997</v>
      </c>
      <c r="M34" s="16">
        <v>2015</v>
      </c>
      <c r="N34" s="16">
        <v>2309</v>
      </c>
      <c r="O34" s="16">
        <v>1898</v>
      </c>
      <c r="P34" s="16">
        <v>2095</v>
      </c>
      <c r="Q34" s="16">
        <v>2324</v>
      </c>
      <c r="R34" s="16">
        <v>2613</v>
      </c>
      <c r="S34" s="16">
        <v>2824</v>
      </c>
      <c r="T34" s="16">
        <v>3147</v>
      </c>
      <c r="U34" s="16">
        <v>3045</v>
      </c>
      <c r="V34" s="16">
        <v>3146</v>
      </c>
      <c r="W34" s="16">
        <v>3382</v>
      </c>
      <c r="X34" s="16">
        <v>3917</v>
      </c>
      <c r="Y34" s="16">
        <v>4021</v>
      </c>
      <c r="Z34" s="16">
        <v>3266</v>
      </c>
      <c r="AA34" s="16">
        <v>2952</v>
      </c>
      <c r="AB34" s="16">
        <v>2556</v>
      </c>
      <c r="AC34" s="16">
        <v>1416</v>
      </c>
      <c r="AD34" s="16">
        <v>432</v>
      </c>
      <c r="AE34" s="16">
        <v>64</v>
      </c>
      <c r="AF34" s="16">
        <v>551</v>
      </c>
      <c r="AG34" s="16">
        <v>5742</v>
      </c>
      <c r="AH34" s="16">
        <v>26783</v>
      </c>
      <c r="AI34" s="16">
        <v>18624</v>
      </c>
      <c r="AJ34" s="16">
        <v>10686</v>
      </c>
      <c r="AK34" s="16">
        <v>4468</v>
      </c>
      <c r="AL34" s="16">
        <v>28391</v>
      </c>
      <c r="AM34" s="17">
        <v>11.22603</v>
      </c>
      <c r="AN34" s="17">
        <v>52.36271</v>
      </c>
      <c r="AO34" s="17">
        <v>36.411270000000002</v>
      </c>
      <c r="AP34" s="17">
        <v>43.023319999999998</v>
      </c>
      <c r="AQ34" s="17">
        <v>20.8919</v>
      </c>
      <c r="AR34" s="17">
        <v>8.7352600000000002</v>
      </c>
      <c r="AS34" s="17">
        <v>0.12512000000000001</v>
      </c>
      <c r="AT34" s="17">
        <v>55.506459999999997</v>
      </c>
      <c r="AU34" s="17">
        <v>51.526240000000001</v>
      </c>
      <c r="AV34" s="17">
        <v>54.174799999999998</v>
      </c>
    </row>
    <row r="35" spans="1:48">
      <c r="A35" s="21" t="s">
        <v>394</v>
      </c>
      <c r="B35" s="21" t="s">
        <v>216</v>
      </c>
      <c r="C35" s="21" t="s">
        <v>243</v>
      </c>
      <c r="D35" s="21" t="s">
        <v>237</v>
      </c>
      <c r="E35" s="21" t="s">
        <v>245</v>
      </c>
      <c r="F35" s="21" t="s">
        <v>235</v>
      </c>
      <c r="G35" s="21" t="s">
        <v>237</v>
      </c>
      <c r="H35" s="21" t="s">
        <v>241</v>
      </c>
      <c r="I35" s="21" t="s">
        <v>246</v>
      </c>
      <c r="J35" s="16">
        <v>1237</v>
      </c>
      <c r="K35" s="16">
        <v>13</v>
      </c>
      <c r="L35" s="16">
        <v>17</v>
      </c>
      <c r="M35" s="16">
        <v>12</v>
      </c>
      <c r="N35" s="16">
        <v>23</v>
      </c>
      <c r="O35" s="16">
        <v>20</v>
      </c>
      <c r="P35" s="16">
        <v>16</v>
      </c>
      <c r="Q35" s="16">
        <v>23</v>
      </c>
      <c r="R35" s="16">
        <v>24</v>
      </c>
      <c r="S35" s="16">
        <v>32</v>
      </c>
      <c r="T35" s="16">
        <v>36</v>
      </c>
      <c r="U35" s="16">
        <v>52</v>
      </c>
      <c r="V35" s="16">
        <v>73</v>
      </c>
      <c r="W35" s="16">
        <v>106</v>
      </c>
      <c r="X35" s="16">
        <v>128</v>
      </c>
      <c r="Y35" s="16">
        <v>140</v>
      </c>
      <c r="Z35" s="16">
        <v>133</v>
      </c>
      <c r="AA35" s="16">
        <v>162</v>
      </c>
      <c r="AB35" s="16">
        <v>129</v>
      </c>
      <c r="AC35" s="16">
        <v>68</v>
      </c>
      <c r="AD35" s="16">
        <v>29</v>
      </c>
      <c r="AE35" s="16">
        <v>1</v>
      </c>
      <c r="AF35" s="22" t="s">
        <v>268</v>
      </c>
      <c r="AG35" s="16">
        <v>42</v>
      </c>
      <c r="AH35" s="16">
        <v>405</v>
      </c>
      <c r="AI35" s="16">
        <v>790</v>
      </c>
      <c r="AJ35" s="16">
        <v>522</v>
      </c>
      <c r="AK35" s="16">
        <v>227</v>
      </c>
      <c r="AL35" s="16">
        <v>510</v>
      </c>
      <c r="AM35" s="17">
        <v>3.3953099999999998</v>
      </c>
      <c r="AN35" s="17">
        <v>32.740499999999997</v>
      </c>
      <c r="AO35" s="17">
        <v>63.864190000000001</v>
      </c>
      <c r="AP35" s="17">
        <v>72.433310000000006</v>
      </c>
      <c r="AQ35" s="17">
        <v>42.198869999999999</v>
      </c>
      <c r="AR35" s="17">
        <v>18.350850000000001</v>
      </c>
      <c r="AS35" s="17">
        <v>8.0839999999999995E-2</v>
      </c>
      <c r="AT35" s="17">
        <v>41.22878</v>
      </c>
      <c r="AU35" s="17">
        <v>66.959180000000003</v>
      </c>
      <c r="AV35" s="17">
        <v>71.306449999999998</v>
      </c>
    </row>
    <row r="36" spans="1:48">
      <c r="A36" s="21" t="s">
        <v>394</v>
      </c>
      <c r="B36" s="21" t="s">
        <v>216</v>
      </c>
      <c r="C36" s="21" t="s">
        <v>243</v>
      </c>
      <c r="D36" s="21" t="s">
        <v>237</v>
      </c>
      <c r="E36" s="21" t="s">
        <v>247</v>
      </c>
      <c r="F36" s="21" t="s">
        <v>235</v>
      </c>
      <c r="G36" s="21" t="s">
        <v>237</v>
      </c>
      <c r="H36" s="21" t="s">
        <v>241</v>
      </c>
      <c r="I36" s="21" t="s">
        <v>248</v>
      </c>
      <c r="J36" s="16">
        <v>3808</v>
      </c>
      <c r="K36" s="16">
        <v>141</v>
      </c>
      <c r="L36" s="16">
        <v>185</v>
      </c>
      <c r="M36" s="16">
        <v>182</v>
      </c>
      <c r="N36" s="16">
        <v>173</v>
      </c>
      <c r="O36" s="16">
        <v>141</v>
      </c>
      <c r="P36" s="16">
        <v>138</v>
      </c>
      <c r="Q36" s="16">
        <v>196</v>
      </c>
      <c r="R36" s="16">
        <v>215</v>
      </c>
      <c r="S36" s="16">
        <v>199</v>
      </c>
      <c r="T36" s="16">
        <v>240</v>
      </c>
      <c r="U36" s="16">
        <v>208</v>
      </c>
      <c r="V36" s="16">
        <v>228</v>
      </c>
      <c r="W36" s="16">
        <v>254</v>
      </c>
      <c r="X36" s="16">
        <v>266</v>
      </c>
      <c r="Y36" s="16">
        <v>247</v>
      </c>
      <c r="Z36" s="16">
        <v>239</v>
      </c>
      <c r="AA36" s="16">
        <v>210</v>
      </c>
      <c r="AB36" s="16">
        <v>174</v>
      </c>
      <c r="AC36" s="16">
        <v>101</v>
      </c>
      <c r="AD36" s="16">
        <v>43</v>
      </c>
      <c r="AE36" s="16">
        <v>7</v>
      </c>
      <c r="AF36" s="16">
        <v>21</v>
      </c>
      <c r="AG36" s="16">
        <v>508</v>
      </c>
      <c r="AH36" s="16">
        <v>1992</v>
      </c>
      <c r="AI36" s="16">
        <v>1287</v>
      </c>
      <c r="AJ36" s="16">
        <v>774</v>
      </c>
      <c r="AK36" s="16">
        <v>325</v>
      </c>
      <c r="AL36" s="16">
        <v>2085</v>
      </c>
      <c r="AM36" s="17">
        <v>13.41431</v>
      </c>
      <c r="AN36" s="17">
        <v>52.600999999999999</v>
      </c>
      <c r="AO36" s="17">
        <v>33.984679999999997</v>
      </c>
      <c r="AP36" s="17">
        <v>40.691839999999999</v>
      </c>
      <c r="AQ36" s="17">
        <v>20.43834</v>
      </c>
      <c r="AR36" s="17">
        <v>8.5819899999999993</v>
      </c>
      <c r="AS36" s="17">
        <v>0.18484</v>
      </c>
      <c r="AT36" s="17">
        <v>55.05677</v>
      </c>
      <c r="AU36" s="17">
        <v>49.944940000000003</v>
      </c>
      <c r="AV36" s="17">
        <v>51.776789999999998</v>
      </c>
    </row>
    <row r="37" spans="1:48">
      <c r="A37" s="21" t="s">
        <v>394</v>
      </c>
      <c r="B37" s="21" t="s">
        <v>216</v>
      </c>
      <c r="C37" s="21" t="s">
        <v>243</v>
      </c>
      <c r="D37" s="21" t="s">
        <v>237</v>
      </c>
      <c r="E37" s="21" t="s">
        <v>249</v>
      </c>
      <c r="F37" s="21" t="s">
        <v>235</v>
      </c>
      <c r="G37" s="21" t="s">
        <v>237</v>
      </c>
      <c r="H37" s="21" t="s">
        <v>241</v>
      </c>
      <c r="I37" s="21" t="s">
        <v>250</v>
      </c>
      <c r="J37" s="16">
        <v>7260</v>
      </c>
      <c r="K37" s="16">
        <v>199</v>
      </c>
      <c r="L37" s="16">
        <v>306</v>
      </c>
      <c r="M37" s="16">
        <v>277</v>
      </c>
      <c r="N37" s="16">
        <v>238</v>
      </c>
      <c r="O37" s="16">
        <v>268</v>
      </c>
      <c r="P37" s="16">
        <v>249</v>
      </c>
      <c r="Q37" s="16">
        <v>325</v>
      </c>
      <c r="R37" s="16">
        <v>361</v>
      </c>
      <c r="S37" s="16">
        <v>403</v>
      </c>
      <c r="T37" s="16">
        <v>407</v>
      </c>
      <c r="U37" s="16">
        <v>391</v>
      </c>
      <c r="V37" s="16">
        <v>457</v>
      </c>
      <c r="W37" s="16">
        <v>519</v>
      </c>
      <c r="X37" s="16">
        <v>568</v>
      </c>
      <c r="Y37" s="16">
        <v>585</v>
      </c>
      <c r="Z37" s="16">
        <v>518</v>
      </c>
      <c r="AA37" s="16">
        <v>487</v>
      </c>
      <c r="AB37" s="16">
        <v>392</v>
      </c>
      <c r="AC37" s="16">
        <v>203</v>
      </c>
      <c r="AD37" s="16">
        <v>61</v>
      </c>
      <c r="AE37" s="16">
        <v>6</v>
      </c>
      <c r="AF37" s="16">
        <v>40</v>
      </c>
      <c r="AG37" s="16">
        <v>782</v>
      </c>
      <c r="AH37" s="16">
        <v>3618</v>
      </c>
      <c r="AI37" s="16">
        <v>2820</v>
      </c>
      <c r="AJ37" s="16">
        <v>1667</v>
      </c>
      <c r="AK37" s="16">
        <v>662</v>
      </c>
      <c r="AL37" s="16">
        <v>3948</v>
      </c>
      <c r="AM37" s="17">
        <v>10.831020000000001</v>
      </c>
      <c r="AN37" s="17">
        <v>50.110799999999998</v>
      </c>
      <c r="AO37" s="17">
        <v>39.058169999999997</v>
      </c>
      <c r="AP37" s="17">
        <v>46.246540000000003</v>
      </c>
      <c r="AQ37" s="17">
        <v>23.088640000000002</v>
      </c>
      <c r="AR37" s="17">
        <v>9.1689799999999995</v>
      </c>
      <c r="AS37" s="17">
        <v>8.3099999999999993E-2</v>
      </c>
      <c r="AT37" s="17">
        <v>54.681440000000002</v>
      </c>
      <c r="AU37" s="17">
        <v>53.171469999999999</v>
      </c>
      <c r="AV37" s="17">
        <v>57.102269999999997</v>
      </c>
    </row>
    <row r="38" spans="1:48">
      <c r="A38" s="21" t="s">
        <v>394</v>
      </c>
      <c r="B38" s="21" t="s">
        <v>216</v>
      </c>
      <c r="C38" s="21" t="s">
        <v>243</v>
      </c>
      <c r="D38" s="21" t="s">
        <v>237</v>
      </c>
      <c r="E38" s="21" t="s">
        <v>251</v>
      </c>
      <c r="F38" s="21" t="s">
        <v>235</v>
      </c>
      <c r="G38" s="21" t="s">
        <v>237</v>
      </c>
      <c r="H38" s="21" t="s">
        <v>241</v>
      </c>
      <c r="I38" s="21" t="s">
        <v>252</v>
      </c>
      <c r="J38" s="16">
        <v>977</v>
      </c>
      <c r="K38" s="16">
        <v>22</v>
      </c>
      <c r="L38" s="16">
        <v>18</v>
      </c>
      <c r="M38" s="16">
        <v>29</v>
      </c>
      <c r="N38" s="16">
        <v>27</v>
      </c>
      <c r="O38" s="16">
        <v>32</v>
      </c>
      <c r="P38" s="16">
        <v>20</v>
      </c>
      <c r="Q38" s="16">
        <v>21</v>
      </c>
      <c r="R38" s="16">
        <v>33</v>
      </c>
      <c r="S38" s="16">
        <v>28</v>
      </c>
      <c r="T38" s="16">
        <v>53</v>
      </c>
      <c r="U38" s="16">
        <v>46</v>
      </c>
      <c r="V38" s="16">
        <v>73</v>
      </c>
      <c r="W38" s="16">
        <v>79</v>
      </c>
      <c r="X38" s="16">
        <v>87</v>
      </c>
      <c r="Y38" s="16">
        <v>81</v>
      </c>
      <c r="Z38" s="16">
        <v>97</v>
      </c>
      <c r="AA38" s="16">
        <v>88</v>
      </c>
      <c r="AB38" s="16">
        <v>76</v>
      </c>
      <c r="AC38" s="16">
        <v>48</v>
      </c>
      <c r="AD38" s="16">
        <v>15</v>
      </c>
      <c r="AE38" s="16">
        <v>4</v>
      </c>
      <c r="AF38" s="22" t="s">
        <v>268</v>
      </c>
      <c r="AG38" s="16">
        <v>69</v>
      </c>
      <c r="AH38" s="16">
        <v>412</v>
      </c>
      <c r="AI38" s="16">
        <v>496</v>
      </c>
      <c r="AJ38" s="16">
        <v>328</v>
      </c>
      <c r="AK38" s="16">
        <v>143</v>
      </c>
      <c r="AL38" s="16">
        <v>472</v>
      </c>
      <c r="AM38" s="17">
        <v>7.0624399999999996</v>
      </c>
      <c r="AN38" s="17">
        <v>42.169910000000002</v>
      </c>
      <c r="AO38" s="17">
        <v>50.767659999999999</v>
      </c>
      <c r="AP38" s="17">
        <v>58.853630000000003</v>
      </c>
      <c r="AQ38" s="17">
        <v>33.572159999999997</v>
      </c>
      <c r="AR38" s="17">
        <v>14.63664</v>
      </c>
      <c r="AS38" s="17">
        <v>0.40942000000000001</v>
      </c>
      <c r="AT38" s="17">
        <v>48.311160000000001</v>
      </c>
      <c r="AU38" s="17">
        <v>60.333159999999999</v>
      </c>
      <c r="AV38" s="17">
        <v>65.394739999999999</v>
      </c>
    </row>
    <row r="39" spans="1:48">
      <c r="A39" s="21" t="s">
        <v>394</v>
      </c>
      <c r="B39" s="21" t="s">
        <v>216</v>
      </c>
      <c r="C39" s="21" t="s">
        <v>243</v>
      </c>
      <c r="D39" s="21" t="s">
        <v>237</v>
      </c>
      <c r="E39" s="21" t="s">
        <v>253</v>
      </c>
      <c r="F39" s="21" t="s">
        <v>235</v>
      </c>
      <c r="G39" s="21" t="s">
        <v>237</v>
      </c>
      <c r="H39" s="21" t="s">
        <v>241</v>
      </c>
      <c r="I39" s="21" t="s">
        <v>254</v>
      </c>
      <c r="J39" s="16">
        <v>787</v>
      </c>
      <c r="K39" s="16">
        <v>9</v>
      </c>
      <c r="L39" s="16">
        <v>19</v>
      </c>
      <c r="M39" s="16">
        <v>21</v>
      </c>
      <c r="N39" s="16">
        <v>21</v>
      </c>
      <c r="O39" s="16">
        <v>8</v>
      </c>
      <c r="P39" s="16">
        <v>12</v>
      </c>
      <c r="Q39" s="16">
        <v>22</v>
      </c>
      <c r="R39" s="16">
        <v>18</v>
      </c>
      <c r="S39" s="16">
        <v>24</v>
      </c>
      <c r="T39" s="16">
        <v>26</v>
      </c>
      <c r="U39" s="16">
        <v>32</v>
      </c>
      <c r="V39" s="16">
        <v>47</v>
      </c>
      <c r="W39" s="16">
        <v>60</v>
      </c>
      <c r="X39" s="16">
        <v>79</v>
      </c>
      <c r="Y39" s="16">
        <v>91</v>
      </c>
      <c r="Z39" s="16">
        <v>102</v>
      </c>
      <c r="AA39" s="16">
        <v>100</v>
      </c>
      <c r="AB39" s="16">
        <v>57</v>
      </c>
      <c r="AC39" s="16">
        <v>35</v>
      </c>
      <c r="AD39" s="16">
        <v>3</v>
      </c>
      <c r="AE39" s="22" t="s">
        <v>268</v>
      </c>
      <c r="AF39" s="16">
        <v>1</v>
      </c>
      <c r="AG39" s="16">
        <v>49</v>
      </c>
      <c r="AH39" s="16">
        <v>270</v>
      </c>
      <c r="AI39" s="16">
        <v>467</v>
      </c>
      <c r="AJ39" s="16">
        <v>297</v>
      </c>
      <c r="AK39" s="16">
        <v>95</v>
      </c>
      <c r="AL39" s="16">
        <v>328</v>
      </c>
      <c r="AM39" s="17">
        <v>6.2340999999999998</v>
      </c>
      <c r="AN39" s="17">
        <v>34.351149999999997</v>
      </c>
      <c r="AO39" s="17">
        <v>59.414760000000001</v>
      </c>
      <c r="AP39" s="17">
        <v>67.048349999999999</v>
      </c>
      <c r="AQ39" s="17">
        <v>37.786259999999999</v>
      </c>
      <c r="AR39" s="17">
        <v>12.086510000000001</v>
      </c>
      <c r="AS39" s="17">
        <v>0</v>
      </c>
      <c r="AT39" s="17">
        <v>41.73028</v>
      </c>
      <c r="AU39" s="17">
        <v>63.193379999999998</v>
      </c>
      <c r="AV39" s="17">
        <v>69.583330000000004</v>
      </c>
    </row>
    <row r="40" spans="1:48">
      <c r="A40" s="21" t="s">
        <v>395</v>
      </c>
      <c r="B40" s="21" t="s">
        <v>214</v>
      </c>
      <c r="C40" s="21" t="s">
        <v>232</v>
      </c>
      <c r="D40" s="21" t="s">
        <v>233</v>
      </c>
      <c r="E40" s="21" t="s">
        <v>234</v>
      </c>
      <c r="F40" s="21" t="s">
        <v>235</v>
      </c>
      <c r="G40" s="21" t="s">
        <v>233</v>
      </c>
      <c r="H40" s="21" t="s">
        <v>234</v>
      </c>
      <c r="I40" s="21" t="s">
        <v>236</v>
      </c>
      <c r="J40" s="16">
        <v>121541155</v>
      </c>
      <c r="K40" s="16">
        <v>4424105</v>
      </c>
      <c r="L40" s="16">
        <v>5003731</v>
      </c>
      <c r="M40" s="16">
        <v>5280076</v>
      </c>
      <c r="N40" s="16">
        <v>5529345</v>
      </c>
      <c r="O40" s="16">
        <v>5592715</v>
      </c>
      <c r="P40" s="16">
        <v>5667309</v>
      </c>
      <c r="Q40" s="16">
        <v>6179323</v>
      </c>
      <c r="R40" s="16">
        <v>7069081</v>
      </c>
      <c r="S40" s="16">
        <v>8093834</v>
      </c>
      <c r="T40" s="16">
        <v>9476480</v>
      </c>
      <c r="U40" s="16">
        <v>8385191</v>
      </c>
      <c r="V40" s="16">
        <v>7648608</v>
      </c>
      <c r="W40" s="16">
        <v>7215153</v>
      </c>
      <c r="X40" s="16">
        <v>8014003</v>
      </c>
      <c r="Y40" s="16">
        <v>8965680</v>
      </c>
      <c r="Z40" s="16">
        <v>6898696</v>
      </c>
      <c r="AA40" s="16">
        <v>5275289</v>
      </c>
      <c r="AB40" s="16">
        <v>3657911</v>
      </c>
      <c r="AC40" s="16">
        <v>1773894</v>
      </c>
      <c r="AD40" s="16">
        <v>491488</v>
      </c>
      <c r="AE40" s="16">
        <v>79327</v>
      </c>
      <c r="AF40" s="16">
        <v>819916</v>
      </c>
      <c r="AG40" s="16">
        <v>14707912</v>
      </c>
      <c r="AH40" s="16">
        <v>70857039</v>
      </c>
      <c r="AI40" s="16">
        <v>35156288</v>
      </c>
      <c r="AJ40" s="16">
        <v>18176605</v>
      </c>
      <c r="AK40" s="16">
        <v>6002620</v>
      </c>
      <c r="AL40" s="16">
        <v>73341697</v>
      </c>
      <c r="AM40" s="17">
        <v>12.18337</v>
      </c>
      <c r="AN40" s="17">
        <v>58.694760000000002</v>
      </c>
      <c r="AO40" s="17">
        <v>29.121870000000001</v>
      </c>
      <c r="AP40" s="17">
        <v>35.098579999999998</v>
      </c>
      <c r="AQ40" s="17">
        <v>15.05668</v>
      </c>
      <c r="AR40" s="17">
        <v>4.9722999999999997</v>
      </c>
      <c r="AS40" s="17">
        <v>6.5710000000000005E-2</v>
      </c>
      <c r="AT40" s="17">
        <v>60.752940000000002</v>
      </c>
      <c r="AU40" s="17">
        <v>47.89978</v>
      </c>
      <c r="AV40" s="17">
        <v>48.950980000000001</v>
      </c>
    </row>
    <row r="41" spans="1:48">
      <c r="A41" s="21" t="s">
        <v>395</v>
      </c>
      <c r="B41" s="21" t="s">
        <v>214</v>
      </c>
      <c r="C41" s="21" t="s">
        <v>232</v>
      </c>
      <c r="D41" s="21" t="s">
        <v>237</v>
      </c>
      <c r="E41" s="21" t="s">
        <v>238</v>
      </c>
      <c r="F41" s="21" t="s">
        <v>235</v>
      </c>
      <c r="G41" s="21" t="s">
        <v>237</v>
      </c>
      <c r="H41" s="21" t="s">
        <v>238</v>
      </c>
      <c r="I41" s="21" t="s">
        <v>239</v>
      </c>
      <c r="J41" s="16">
        <v>1705205</v>
      </c>
      <c r="K41" s="16">
        <v>68787</v>
      </c>
      <c r="L41" s="16">
        <v>78302</v>
      </c>
      <c r="M41" s="16">
        <v>80548</v>
      </c>
      <c r="N41" s="16">
        <v>78930</v>
      </c>
      <c r="O41" s="16">
        <v>66069</v>
      </c>
      <c r="P41" s="16">
        <v>68458</v>
      </c>
      <c r="Q41" s="16">
        <v>80949</v>
      </c>
      <c r="R41" s="16">
        <v>95722</v>
      </c>
      <c r="S41" s="16">
        <v>105442</v>
      </c>
      <c r="T41" s="16">
        <v>111537</v>
      </c>
      <c r="U41" s="16">
        <v>101204</v>
      </c>
      <c r="V41" s="16">
        <v>106150</v>
      </c>
      <c r="W41" s="16">
        <v>115791</v>
      </c>
      <c r="X41" s="16">
        <v>129577</v>
      </c>
      <c r="Y41" s="16">
        <v>128142</v>
      </c>
      <c r="Z41" s="16">
        <v>92506</v>
      </c>
      <c r="AA41" s="16">
        <v>80894</v>
      </c>
      <c r="AB41" s="16">
        <v>63261</v>
      </c>
      <c r="AC41" s="16">
        <v>33572</v>
      </c>
      <c r="AD41" s="16">
        <v>10208</v>
      </c>
      <c r="AE41" s="16">
        <v>1709</v>
      </c>
      <c r="AF41" s="16">
        <v>7447</v>
      </c>
      <c r="AG41" s="16">
        <v>227637</v>
      </c>
      <c r="AH41" s="16">
        <v>930252</v>
      </c>
      <c r="AI41" s="16">
        <v>539869</v>
      </c>
      <c r="AJ41" s="16">
        <v>282150</v>
      </c>
      <c r="AK41" s="16">
        <v>108750</v>
      </c>
      <c r="AL41" s="16">
        <v>980899</v>
      </c>
      <c r="AM41" s="17">
        <v>13.40809</v>
      </c>
      <c r="AN41" s="17">
        <v>54.792969999999997</v>
      </c>
      <c r="AO41" s="17">
        <v>31.798940000000002</v>
      </c>
      <c r="AP41" s="17">
        <v>38.619169999999997</v>
      </c>
      <c r="AQ41" s="17">
        <v>16.618980000000001</v>
      </c>
      <c r="AR41" s="17">
        <v>6.4055099999999996</v>
      </c>
      <c r="AS41" s="17">
        <v>0.10066</v>
      </c>
      <c r="AT41" s="17">
        <v>57.776139999999998</v>
      </c>
      <c r="AU41" s="17">
        <v>48.785809999999998</v>
      </c>
      <c r="AV41" s="17">
        <v>50.694249999999997</v>
      </c>
    </row>
    <row r="42" spans="1:48">
      <c r="A42" s="21" t="s">
        <v>395</v>
      </c>
      <c r="B42" s="21" t="s">
        <v>214</v>
      </c>
      <c r="C42" s="21" t="s">
        <v>240</v>
      </c>
      <c r="D42" s="21" t="s">
        <v>237</v>
      </c>
      <c r="E42" s="21" t="s">
        <v>241</v>
      </c>
      <c r="F42" s="21"/>
      <c r="G42" s="21" t="s">
        <v>237</v>
      </c>
      <c r="H42" s="21" t="s">
        <v>241</v>
      </c>
      <c r="I42" s="21" t="s">
        <v>242</v>
      </c>
      <c r="J42" s="16">
        <v>120072</v>
      </c>
      <c r="K42" s="16">
        <v>4322</v>
      </c>
      <c r="L42" s="16">
        <v>5115</v>
      </c>
      <c r="M42" s="16">
        <v>5213</v>
      </c>
      <c r="N42" s="16">
        <v>5719</v>
      </c>
      <c r="O42" s="16">
        <v>3829</v>
      </c>
      <c r="P42" s="16">
        <v>4208</v>
      </c>
      <c r="Q42" s="16">
        <v>5176</v>
      </c>
      <c r="R42" s="16">
        <v>6201</v>
      </c>
      <c r="S42" s="16">
        <v>6821</v>
      </c>
      <c r="T42" s="16">
        <v>7524</v>
      </c>
      <c r="U42" s="16">
        <v>7272</v>
      </c>
      <c r="V42" s="16">
        <v>7765</v>
      </c>
      <c r="W42" s="16">
        <v>8545</v>
      </c>
      <c r="X42" s="16">
        <v>9697</v>
      </c>
      <c r="Y42" s="16">
        <v>9793</v>
      </c>
      <c r="Z42" s="16">
        <v>7556</v>
      </c>
      <c r="AA42" s="16">
        <v>6528</v>
      </c>
      <c r="AB42" s="16">
        <v>5154</v>
      </c>
      <c r="AC42" s="16">
        <v>2579</v>
      </c>
      <c r="AD42" s="16">
        <v>697</v>
      </c>
      <c r="AE42" s="16">
        <v>92</v>
      </c>
      <c r="AF42" s="16">
        <v>266</v>
      </c>
      <c r="AG42" s="16">
        <v>14650</v>
      </c>
      <c r="AH42" s="16">
        <v>63060</v>
      </c>
      <c r="AI42" s="16">
        <v>42096</v>
      </c>
      <c r="AJ42" s="16">
        <v>22606</v>
      </c>
      <c r="AK42" s="16">
        <v>8522</v>
      </c>
      <c r="AL42" s="16">
        <v>67038</v>
      </c>
      <c r="AM42" s="17">
        <v>12.2281</v>
      </c>
      <c r="AN42" s="17">
        <v>52.635089999999998</v>
      </c>
      <c r="AO42" s="17">
        <v>35.136800000000001</v>
      </c>
      <c r="AP42" s="17">
        <v>42.269170000000003</v>
      </c>
      <c r="AQ42" s="17">
        <v>18.868839999999999</v>
      </c>
      <c r="AR42" s="17">
        <v>7.1131700000000002</v>
      </c>
      <c r="AS42" s="17">
        <v>7.6789999999999997E-2</v>
      </c>
      <c r="AT42" s="17">
        <v>55.955460000000002</v>
      </c>
      <c r="AU42" s="17">
        <v>50.752029999999998</v>
      </c>
      <c r="AV42" s="17">
        <v>53.85031</v>
      </c>
    </row>
    <row r="43" spans="1:48">
      <c r="A43" s="21" t="s">
        <v>395</v>
      </c>
      <c r="B43" s="21" t="s">
        <v>214</v>
      </c>
      <c r="C43" s="21" t="s">
        <v>243</v>
      </c>
      <c r="D43" s="21" t="s">
        <v>237</v>
      </c>
      <c r="E43" s="21" t="s">
        <v>241</v>
      </c>
      <c r="F43" s="21" t="s">
        <v>235</v>
      </c>
      <c r="G43" s="21" t="s">
        <v>237</v>
      </c>
      <c r="H43" s="21" t="s">
        <v>241</v>
      </c>
      <c r="I43" s="21" t="s">
        <v>244</v>
      </c>
      <c r="J43" s="16">
        <v>94182</v>
      </c>
      <c r="K43" s="16">
        <v>3452</v>
      </c>
      <c r="L43" s="16">
        <v>4009</v>
      </c>
      <c r="M43" s="16">
        <v>4103</v>
      </c>
      <c r="N43" s="16">
        <v>4737</v>
      </c>
      <c r="O43" s="16">
        <v>3161</v>
      </c>
      <c r="P43" s="16">
        <v>3498</v>
      </c>
      <c r="Q43" s="16">
        <v>4176</v>
      </c>
      <c r="R43" s="16">
        <v>4974</v>
      </c>
      <c r="S43" s="16">
        <v>5480</v>
      </c>
      <c r="T43" s="16">
        <v>6073</v>
      </c>
      <c r="U43" s="16">
        <v>5775</v>
      </c>
      <c r="V43" s="16">
        <v>6016</v>
      </c>
      <c r="W43" s="16">
        <v>6527</v>
      </c>
      <c r="X43" s="16">
        <v>7464</v>
      </c>
      <c r="Y43" s="16">
        <v>7547</v>
      </c>
      <c r="Z43" s="16">
        <v>5701</v>
      </c>
      <c r="AA43" s="16">
        <v>4816</v>
      </c>
      <c r="AB43" s="16">
        <v>3873</v>
      </c>
      <c r="AC43" s="16">
        <v>1954</v>
      </c>
      <c r="AD43" s="16">
        <v>528</v>
      </c>
      <c r="AE43" s="16">
        <v>71</v>
      </c>
      <c r="AF43" s="16">
        <v>247</v>
      </c>
      <c r="AG43" s="16">
        <v>11564</v>
      </c>
      <c r="AH43" s="16">
        <v>50417</v>
      </c>
      <c r="AI43" s="16">
        <v>31954</v>
      </c>
      <c r="AJ43" s="16">
        <v>16943</v>
      </c>
      <c r="AK43" s="16">
        <v>6426</v>
      </c>
      <c r="AL43" s="16">
        <v>53144</v>
      </c>
      <c r="AM43" s="17">
        <v>12.310639999999999</v>
      </c>
      <c r="AN43" s="17">
        <v>53.672220000000003</v>
      </c>
      <c r="AO43" s="17">
        <v>34.017139999999998</v>
      </c>
      <c r="AP43" s="17">
        <v>40.965560000000004</v>
      </c>
      <c r="AQ43" s="17">
        <v>18.036940000000001</v>
      </c>
      <c r="AR43" s="17">
        <v>6.8409000000000004</v>
      </c>
      <c r="AS43" s="17">
        <v>7.5579999999999994E-2</v>
      </c>
      <c r="AT43" s="17">
        <v>56.575290000000003</v>
      </c>
      <c r="AU43" s="17">
        <v>50.118679999999998</v>
      </c>
      <c r="AV43" s="17">
        <v>52.820099999999996</v>
      </c>
    </row>
    <row r="44" spans="1:48">
      <c r="A44" s="21" t="s">
        <v>395</v>
      </c>
      <c r="B44" s="21" t="s">
        <v>214</v>
      </c>
      <c r="C44" s="21" t="s">
        <v>243</v>
      </c>
      <c r="D44" s="21" t="s">
        <v>237</v>
      </c>
      <c r="E44" s="21" t="s">
        <v>245</v>
      </c>
      <c r="F44" s="21" t="s">
        <v>235</v>
      </c>
      <c r="G44" s="21" t="s">
        <v>237</v>
      </c>
      <c r="H44" s="21" t="s">
        <v>241</v>
      </c>
      <c r="I44" s="21" t="s">
        <v>246</v>
      </c>
      <c r="J44" s="16">
        <v>2305</v>
      </c>
      <c r="K44" s="16">
        <v>25</v>
      </c>
      <c r="L44" s="16">
        <v>26</v>
      </c>
      <c r="M44" s="16">
        <v>29</v>
      </c>
      <c r="N44" s="16">
        <v>40</v>
      </c>
      <c r="O44" s="16">
        <v>35</v>
      </c>
      <c r="P44" s="16">
        <v>43</v>
      </c>
      <c r="Q44" s="16">
        <v>47</v>
      </c>
      <c r="R44" s="16">
        <v>57</v>
      </c>
      <c r="S44" s="16">
        <v>70</v>
      </c>
      <c r="T44" s="16">
        <v>69</v>
      </c>
      <c r="U44" s="16">
        <v>101</v>
      </c>
      <c r="V44" s="16">
        <v>153</v>
      </c>
      <c r="W44" s="16">
        <v>222</v>
      </c>
      <c r="X44" s="16">
        <v>280</v>
      </c>
      <c r="Y44" s="16">
        <v>289</v>
      </c>
      <c r="Z44" s="16">
        <v>224</v>
      </c>
      <c r="AA44" s="16">
        <v>265</v>
      </c>
      <c r="AB44" s="16">
        <v>194</v>
      </c>
      <c r="AC44" s="16">
        <v>103</v>
      </c>
      <c r="AD44" s="16">
        <v>32</v>
      </c>
      <c r="AE44" s="16">
        <v>1</v>
      </c>
      <c r="AF44" s="22" t="s">
        <v>268</v>
      </c>
      <c r="AG44" s="16">
        <v>80</v>
      </c>
      <c r="AH44" s="16">
        <v>837</v>
      </c>
      <c r="AI44" s="16">
        <v>1388</v>
      </c>
      <c r="AJ44" s="16">
        <v>819</v>
      </c>
      <c r="AK44" s="16">
        <v>330</v>
      </c>
      <c r="AL44" s="16">
        <v>1077</v>
      </c>
      <c r="AM44" s="17">
        <v>3.47072</v>
      </c>
      <c r="AN44" s="17">
        <v>36.312359999999998</v>
      </c>
      <c r="AO44" s="17">
        <v>60.216920000000002</v>
      </c>
      <c r="AP44" s="17">
        <v>69.848159999999993</v>
      </c>
      <c r="AQ44" s="17">
        <v>35.53145</v>
      </c>
      <c r="AR44" s="17">
        <v>14.316700000000001</v>
      </c>
      <c r="AS44" s="17">
        <v>4.3380000000000002E-2</v>
      </c>
      <c r="AT44" s="17">
        <v>46.724510000000002</v>
      </c>
      <c r="AU44" s="17">
        <v>65.037959999999998</v>
      </c>
      <c r="AV44" s="17">
        <v>69.304689999999994</v>
      </c>
    </row>
    <row r="45" spans="1:48">
      <c r="A45" s="21" t="s">
        <v>395</v>
      </c>
      <c r="B45" s="21" t="s">
        <v>214</v>
      </c>
      <c r="C45" s="21" t="s">
        <v>243</v>
      </c>
      <c r="D45" s="21" t="s">
        <v>237</v>
      </c>
      <c r="E45" s="21" t="s">
        <v>247</v>
      </c>
      <c r="F45" s="21" t="s">
        <v>235</v>
      </c>
      <c r="G45" s="21" t="s">
        <v>237</v>
      </c>
      <c r="H45" s="21" t="s">
        <v>241</v>
      </c>
      <c r="I45" s="21" t="s">
        <v>248</v>
      </c>
      <c r="J45" s="16">
        <v>7023</v>
      </c>
      <c r="K45" s="16">
        <v>315</v>
      </c>
      <c r="L45" s="16">
        <v>356</v>
      </c>
      <c r="M45" s="16">
        <v>370</v>
      </c>
      <c r="N45" s="16">
        <v>334</v>
      </c>
      <c r="O45" s="16">
        <v>195</v>
      </c>
      <c r="P45" s="16">
        <v>234</v>
      </c>
      <c r="Q45" s="16">
        <v>363</v>
      </c>
      <c r="R45" s="16">
        <v>412</v>
      </c>
      <c r="S45" s="16">
        <v>386</v>
      </c>
      <c r="T45" s="16">
        <v>465</v>
      </c>
      <c r="U45" s="16">
        <v>431</v>
      </c>
      <c r="V45" s="16">
        <v>445</v>
      </c>
      <c r="W45" s="16">
        <v>497</v>
      </c>
      <c r="X45" s="16">
        <v>515</v>
      </c>
      <c r="Y45" s="16">
        <v>498</v>
      </c>
      <c r="Z45" s="16">
        <v>426</v>
      </c>
      <c r="AA45" s="16">
        <v>325</v>
      </c>
      <c r="AB45" s="16">
        <v>259</v>
      </c>
      <c r="AC45" s="16">
        <v>135</v>
      </c>
      <c r="AD45" s="16">
        <v>47</v>
      </c>
      <c r="AE45" s="16">
        <v>8</v>
      </c>
      <c r="AF45" s="16">
        <v>7</v>
      </c>
      <c r="AG45" s="16">
        <v>1041</v>
      </c>
      <c r="AH45" s="16">
        <v>3762</v>
      </c>
      <c r="AI45" s="16">
        <v>2213</v>
      </c>
      <c r="AJ45" s="16">
        <v>1200</v>
      </c>
      <c r="AK45" s="16">
        <v>449</v>
      </c>
      <c r="AL45" s="16">
        <v>3943</v>
      </c>
      <c r="AM45" s="17">
        <v>14.83751</v>
      </c>
      <c r="AN45" s="17">
        <v>53.6203</v>
      </c>
      <c r="AO45" s="17">
        <v>31.542190000000002</v>
      </c>
      <c r="AP45" s="17">
        <v>38.625999999999998</v>
      </c>
      <c r="AQ45" s="17">
        <v>17.103760000000001</v>
      </c>
      <c r="AR45" s="17">
        <v>6.3996599999999999</v>
      </c>
      <c r="AS45" s="17">
        <v>0.11403000000000001</v>
      </c>
      <c r="AT45" s="17">
        <v>56.200110000000002</v>
      </c>
      <c r="AU45" s="17">
        <v>48.567419999999998</v>
      </c>
      <c r="AV45" s="17">
        <v>50.829790000000003</v>
      </c>
    </row>
    <row r="46" spans="1:48">
      <c r="A46" s="21" t="s">
        <v>395</v>
      </c>
      <c r="B46" s="21" t="s">
        <v>214</v>
      </c>
      <c r="C46" s="21" t="s">
        <v>243</v>
      </c>
      <c r="D46" s="21" t="s">
        <v>237</v>
      </c>
      <c r="E46" s="21" t="s">
        <v>249</v>
      </c>
      <c r="F46" s="21" t="s">
        <v>235</v>
      </c>
      <c r="G46" s="21" t="s">
        <v>237</v>
      </c>
      <c r="H46" s="21" t="s">
        <v>241</v>
      </c>
      <c r="I46" s="21" t="s">
        <v>250</v>
      </c>
      <c r="J46" s="16">
        <v>13162</v>
      </c>
      <c r="K46" s="16">
        <v>474</v>
      </c>
      <c r="L46" s="16">
        <v>646</v>
      </c>
      <c r="M46" s="16">
        <v>608</v>
      </c>
      <c r="N46" s="16">
        <v>502</v>
      </c>
      <c r="O46" s="16">
        <v>364</v>
      </c>
      <c r="P46" s="16">
        <v>378</v>
      </c>
      <c r="Q46" s="16">
        <v>512</v>
      </c>
      <c r="R46" s="16">
        <v>658</v>
      </c>
      <c r="S46" s="16">
        <v>764</v>
      </c>
      <c r="T46" s="16">
        <v>768</v>
      </c>
      <c r="U46" s="16">
        <v>784</v>
      </c>
      <c r="V46" s="16">
        <v>890</v>
      </c>
      <c r="W46" s="16">
        <v>997</v>
      </c>
      <c r="X46" s="16">
        <v>1080</v>
      </c>
      <c r="Y46" s="16">
        <v>1098</v>
      </c>
      <c r="Z46" s="16">
        <v>878</v>
      </c>
      <c r="AA46" s="16">
        <v>782</v>
      </c>
      <c r="AB46" s="16">
        <v>618</v>
      </c>
      <c r="AC46" s="16">
        <v>272</v>
      </c>
      <c r="AD46" s="16">
        <v>69</v>
      </c>
      <c r="AE46" s="16">
        <v>8</v>
      </c>
      <c r="AF46" s="16">
        <v>12</v>
      </c>
      <c r="AG46" s="16">
        <v>1728</v>
      </c>
      <c r="AH46" s="16">
        <v>6617</v>
      </c>
      <c r="AI46" s="16">
        <v>4805</v>
      </c>
      <c r="AJ46" s="16">
        <v>2627</v>
      </c>
      <c r="AK46" s="16">
        <v>967</v>
      </c>
      <c r="AL46" s="16">
        <v>7195</v>
      </c>
      <c r="AM46" s="17">
        <v>13.14068</v>
      </c>
      <c r="AN46" s="17">
        <v>50.319389999999999</v>
      </c>
      <c r="AO46" s="17">
        <v>36.539920000000002</v>
      </c>
      <c r="AP46" s="17">
        <v>44.121670000000002</v>
      </c>
      <c r="AQ46" s="17">
        <v>19.97719</v>
      </c>
      <c r="AR46" s="17">
        <v>7.3536099999999998</v>
      </c>
      <c r="AS46" s="17">
        <v>6.0839999999999998E-2</v>
      </c>
      <c r="AT46" s="17">
        <v>54.714829999999999</v>
      </c>
      <c r="AU46" s="17">
        <v>51.544330000000002</v>
      </c>
      <c r="AV46" s="17">
        <v>55.713410000000003</v>
      </c>
    </row>
    <row r="47" spans="1:48">
      <c r="A47" s="21" t="s">
        <v>395</v>
      </c>
      <c r="B47" s="21" t="s">
        <v>214</v>
      </c>
      <c r="C47" s="21" t="s">
        <v>243</v>
      </c>
      <c r="D47" s="21" t="s">
        <v>237</v>
      </c>
      <c r="E47" s="21" t="s">
        <v>251</v>
      </c>
      <c r="F47" s="21" t="s">
        <v>235</v>
      </c>
      <c r="G47" s="21" t="s">
        <v>237</v>
      </c>
      <c r="H47" s="21" t="s">
        <v>241</v>
      </c>
      <c r="I47" s="21" t="s">
        <v>252</v>
      </c>
      <c r="J47" s="16">
        <v>1856</v>
      </c>
      <c r="K47" s="16">
        <v>36</v>
      </c>
      <c r="L47" s="16">
        <v>47</v>
      </c>
      <c r="M47" s="16">
        <v>61</v>
      </c>
      <c r="N47" s="16">
        <v>59</v>
      </c>
      <c r="O47" s="16">
        <v>53</v>
      </c>
      <c r="P47" s="16">
        <v>36</v>
      </c>
      <c r="Q47" s="16">
        <v>40</v>
      </c>
      <c r="R47" s="16">
        <v>55</v>
      </c>
      <c r="S47" s="16">
        <v>66</v>
      </c>
      <c r="T47" s="16">
        <v>88</v>
      </c>
      <c r="U47" s="16">
        <v>97</v>
      </c>
      <c r="V47" s="16">
        <v>158</v>
      </c>
      <c r="W47" s="16">
        <v>175</v>
      </c>
      <c r="X47" s="16">
        <v>195</v>
      </c>
      <c r="Y47" s="16">
        <v>169</v>
      </c>
      <c r="Z47" s="16">
        <v>162</v>
      </c>
      <c r="AA47" s="16">
        <v>159</v>
      </c>
      <c r="AB47" s="16">
        <v>118</v>
      </c>
      <c r="AC47" s="16">
        <v>61</v>
      </c>
      <c r="AD47" s="16">
        <v>17</v>
      </c>
      <c r="AE47" s="16">
        <v>4</v>
      </c>
      <c r="AF47" s="22" t="s">
        <v>268</v>
      </c>
      <c r="AG47" s="16">
        <v>144</v>
      </c>
      <c r="AH47" s="16">
        <v>827</v>
      </c>
      <c r="AI47" s="16">
        <v>885</v>
      </c>
      <c r="AJ47" s="16">
        <v>521</v>
      </c>
      <c r="AK47" s="16">
        <v>200</v>
      </c>
      <c r="AL47" s="16">
        <v>963</v>
      </c>
      <c r="AM47" s="17">
        <v>7.7586199999999996</v>
      </c>
      <c r="AN47" s="17">
        <v>44.558190000000003</v>
      </c>
      <c r="AO47" s="17">
        <v>47.683190000000003</v>
      </c>
      <c r="AP47" s="17">
        <v>57.112070000000003</v>
      </c>
      <c r="AQ47" s="17">
        <v>28.071120000000001</v>
      </c>
      <c r="AR47" s="17">
        <v>10.77586</v>
      </c>
      <c r="AS47" s="17">
        <v>0.21551999999999999</v>
      </c>
      <c r="AT47" s="17">
        <v>51.885779999999997</v>
      </c>
      <c r="AU47" s="17">
        <v>58.67942</v>
      </c>
      <c r="AV47" s="17">
        <v>64.065219999999997</v>
      </c>
    </row>
    <row r="48" spans="1:48">
      <c r="A48" s="21" t="s">
        <v>395</v>
      </c>
      <c r="B48" s="21" t="s">
        <v>214</v>
      </c>
      <c r="C48" s="21" t="s">
        <v>243</v>
      </c>
      <c r="D48" s="21" t="s">
        <v>237</v>
      </c>
      <c r="E48" s="21" t="s">
        <v>253</v>
      </c>
      <c r="F48" s="21" t="s">
        <v>235</v>
      </c>
      <c r="G48" s="21" t="s">
        <v>237</v>
      </c>
      <c r="H48" s="21" t="s">
        <v>241</v>
      </c>
      <c r="I48" s="21" t="s">
        <v>254</v>
      </c>
      <c r="J48" s="16">
        <v>1544</v>
      </c>
      <c r="K48" s="16">
        <v>20</v>
      </c>
      <c r="L48" s="16">
        <v>31</v>
      </c>
      <c r="M48" s="16">
        <v>42</v>
      </c>
      <c r="N48" s="16">
        <v>47</v>
      </c>
      <c r="O48" s="16">
        <v>21</v>
      </c>
      <c r="P48" s="16">
        <v>19</v>
      </c>
      <c r="Q48" s="16">
        <v>38</v>
      </c>
      <c r="R48" s="16">
        <v>45</v>
      </c>
      <c r="S48" s="16">
        <v>55</v>
      </c>
      <c r="T48" s="16">
        <v>61</v>
      </c>
      <c r="U48" s="16">
        <v>84</v>
      </c>
      <c r="V48" s="16">
        <v>103</v>
      </c>
      <c r="W48" s="16">
        <v>127</v>
      </c>
      <c r="X48" s="16">
        <v>163</v>
      </c>
      <c r="Y48" s="16">
        <v>192</v>
      </c>
      <c r="Z48" s="16">
        <v>165</v>
      </c>
      <c r="AA48" s="16">
        <v>181</v>
      </c>
      <c r="AB48" s="16">
        <v>92</v>
      </c>
      <c r="AC48" s="16">
        <v>54</v>
      </c>
      <c r="AD48" s="16">
        <v>4</v>
      </c>
      <c r="AE48" s="22" t="s">
        <v>268</v>
      </c>
      <c r="AF48" s="22" t="s">
        <v>268</v>
      </c>
      <c r="AG48" s="16">
        <v>93</v>
      </c>
      <c r="AH48" s="16">
        <v>600</v>
      </c>
      <c r="AI48" s="16">
        <v>851</v>
      </c>
      <c r="AJ48" s="16">
        <v>496</v>
      </c>
      <c r="AK48" s="16">
        <v>150</v>
      </c>
      <c r="AL48" s="16">
        <v>716</v>
      </c>
      <c r="AM48" s="17">
        <v>6.02332</v>
      </c>
      <c r="AN48" s="17">
        <v>38.860100000000003</v>
      </c>
      <c r="AO48" s="17">
        <v>55.116579999999999</v>
      </c>
      <c r="AP48" s="17">
        <v>63.341970000000003</v>
      </c>
      <c r="AQ48" s="17">
        <v>32.12435</v>
      </c>
      <c r="AR48" s="17">
        <v>9.7150300000000005</v>
      </c>
      <c r="AS48" s="17">
        <v>0</v>
      </c>
      <c r="AT48" s="17">
        <v>46.373060000000002</v>
      </c>
      <c r="AU48" s="17">
        <v>61.606870000000001</v>
      </c>
      <c r="AV48" s="17">
        <v>67.416669999999996</v>
      </c>
    </row>
    <row r="49" spans="1:48">
      <c r="A49" s="21" t="s">
        <v>395</v>
      </c>
      <c r="B49" s="21" t="s">
        <v>215</v>
      </c>
      <c r="C49" s="21" t="s">
        <v>232</v>
      </c>
      <c r="D49" s="21" t="s">
        <v>233</v>
      </c>
      <c r="E49" s="21" t="s">
        <v>234</v>
      </c>
      <c r="F49" s="21" t="s">
        <v>235</v>
      </c>
      <c r="G49" s="21" t="s">
        <v>233</v>
      </c>
      <c r="H49" s="21" t="s">
        <v>234</v>
      </c>
      <c r="I49" s="21" t="s">
        <v>236</v>
      </c>
      <c r="J49" s="16">
        <v>59075539</v>
      </c>
      <c r="K49" s="16">
        <v>2264145</v>
      </c>
      <c r="L49" s="16">
        <v>2562581</v>
      </c>
      <c r="M49" s="16">
        <v>2705865</v>
      </c>
      <c r="N49" s="16">
        <v>2835255</v>
      </c>
      <c r="O49" s="16">
        <v>2838832</v>
      </c>
      <c r="P49" s="16">
        <v>2875451</v>
      </c>
      <c r="Q49" s="16">
        <v>3138230</v>
      </c>
      <c r="R49" s="16">
        <v>3583229</v>
      </c>
      <c r="S49" s="16">
        <v>4104771</v>
      </c>
      <c r="T49" s="16">
        <v>4792505</v>
      </c>
      <c r="U49" s="16">
        <v>4217400</v>
      </c>
      <c r="V49" s="16">
        <v>3817458</v>
      </c>
      <c r="W49" s="16">
        <v>3558734</v>
      </c>
      <c r="X49" s="16">
        <v>3883159</v>
      </c>
      <c r="Y49" s="16">
        <v>4228188</v>
      </c>
      <c r="Z49" s="16">
        <v>3079388</v>
      </c>
      <c r="AA49" s="16">
        <v>2187890</v>
      </c>
      <c r="AB49" s="16">
        <v>1299513</v>
      </c>
      <c r="AC49" s="16">
        <v>489648</v>
      </c>
      <c r="AD49" s="16">
        <v>91813</v>
      </c>
      <c r="AE49" s="16">
        <v>9719</v>
      </c>
      <c r="AF49" s="16">
        <v>511765</v>
      </c>
      <c r="AG49" s="16">
        <v>7532591</v>
      </c>
      <c r="AH49" s="16">
        <v>35761865</v>
      </c>
      <c r="AI49" s="16">
        <v>15269318</v>
      </c>
      <c r="AJ49" s="16">
        <v>7157971</v>
      </c>
      <c r="AK49" s="16">
        <v>1890693</v>
      </c>
      <c r="AL49" s="16">
        <v>36809769</v>
      </c>
      <c r="AM49" s="17">
        <v>12.8622</v>
      </c>
      <c r="AN49" s="17">
        <v>61.064819999999997</v>
      </c>
      <c r="AO49" s="17">
        <v>26.072970000000002</v>
      </c>
      <c r="AP49" s="17">
        <v>32.149659999999997</v>
      </c>
      <c r="AQ49" s="17">
        <v>12.222519999999999</v>
      </c>
      <c r="AR49" s="17">
        <v>3.2284299999999999</v>
      </c>
      <c r="AS49" s="17">
        <v>1.66E-2</v>
      </c>
      <c r="AT49" s="17">
        <v>62.85416</v>
      </c>
      <c r="AU49" s="17">
        <v>46.249090000000002</v>
      </c>
      <c r="AV49" s="17">
        <v>47.48556</v>
      </c>
    </row>
    <row r="50" spans="1:48">
      <c r="A50" s="21" t="s">
        <v>395</v>
      </c>
      <c r="B50" s="21" t="s">
        <v>215</v>
      </c>
      <c r="C50" s="21" t="s">
        <v>232</v>
      </c>
      <c r="D50" s="21" t="s">
        <v>237</v>
      </c>
      <c r="E50" s="21" t="s">
        <v>238</v>
      </c>
      <c r="F50" s="21" t="s">
        <v>235</v>
      </c>
      <c r="G50" s="21" t="s">
        <v>237</v>
      </c>
      <c r="H50" s="21" t="s">
        <v>238</v>
      </c>
      <c r="I50" s="21" t="s">
        <v>239</v>
      </c>
      <c r="J50" s="16">
        <v>806900</v>
      </c>
      <c r="K50" s="16">
        <v>35086</v>
      </c>
      <c r="L50" s="16">
        <v>40287</v>
      </c>
      <c r="M50" s="16">
        <v>41111</v>
      </c>
      <c r="N50" s="16">
        <v>40645</v>
      </c>
      <c r="O50" s="16">
        <v>33041</v>
      </c>
      <c r="P50" s="16">
        <v>33845</v>
      </c>
      <c r="Q50" s="16">
        <v>39877</v>
      </c>
      <c r="R50" s="16">
        <v>47310</v>
      </c>
      <c r="S50" s="16">
        <v>52356</v>
      </c>
      <c r="T50" s="16">
        <v>54917</v>
      </c>
      <c r="U50" s="16">
        <v>48363</v>
      </c>
      <c r="V50" s="16">
        <v>50665</v>
      </c>
      <c r="W50" s="16">
        <v>55817</v>
      </c>
      <c r="X50" s="16">
        <v>62650</v>
      </c>
      <c r="Y50" s="16">
        <v>60819</v>
      </c>
      <c r="Z50" s="16">
        <v>40016</v>
      </c>
      <c r="AA50" s="16">
        <v>32179</v>
      </c>
      <c r="AB50" s="16">
        <v>22042</v>
      </c>
      <c r="AC50" s="16">
        <v>9188</v>
      </c>
      <c r="AD50" s="16">
        <v>1820</v>
      </c>
      <c r="AE50" s="16">
        <v>205</v>
      </c>
      <c r="AF50" s="16">
        <v>4661</v>
      </c>
      <c r="AG50" s="16">
        <v>116484</v>
      </c>
      <c r="AH50" s="16">
        <v>456836</v>
      </c>
      <c r="AI50" s="16">
        <v>228919</v>
      </c>
      <c r="AJ50" s="16">
        <v>105450</v>
      </c>
      <c r="AK50" s="16">
        <v>33255</v>
      </c>
      <c r="AL50" s="16">
        <v>478841</v>
      </c>
      <c r="AM50" s="17">
        <v>14.51986</v>
      </c>
      <c r="AN50" s="17">
        <v>56.945120000000003</v>
      </c>
      <c r="AO50" s="17">
        <v>28.53501</v>
      </c>
      <c r="AP50" s="17">
        <v>35.492660000000001</v>
      </c>
      <c r="AQ50" s="17">
        <v>13.14446</v>
      </c>
      <c r="AR50" s="17">
        <v>4.14527</v>
      </c>
      <c r="AS50" s="17">
        <v>2.555E-2</v>
      </c>
      <c r="AT50" s="17">
        <v>59.688070000000003</v>
      </c>
      <c r="AU50" s="17">
        <v>46.72871</v>
      </c>
      <c r="AV50" s="17">
        <v>48.363480000000003</v>
      </c>
    </row>
    <row r="51" spans="1:48">
      <c r="A51" s="21" t="s">
        <v>395</v>
      </c>
      <c r="B51" s="21" t="s">
        <v>215</v>
      </c>
      <c r="C51" s="21" t="s">
        <v>240</v>
      </c>
      <c r="D51" s="21" t="s">
        <v>237</v>
      </c>
      <c r="E51" s="21" t="s">
        <v>241</v>
      </c>
      <c r="F51" s="21"/>
      <c r="G51" s="21" t="s">
        <v>237</v>
      </c>
      <c r="H51" s="21" t="s">
        <v>241</v>
      </c>
      <c r="I51" s="21" t="s">
        <v>242</v>
      </c>
      <c r="J51" s="16">
        <v>56474</v>
      </c>
      <c r="K51" s="16">
        <v>2211</v>
      </c>
      <c r="L51" s="16">
        <v>2578</v>
      </c>
      <c r="M51" s="16">
        <v>2681</v>
      </c>
      <c r="N51" s="16">
        <v>2964</v>
      </c>
      <c r="O51" s="16">
        <v>1895</v>
      </c>
      <c r="P51" s="16">
        <v>2132</v>
      </c>
      <c r="Q51" s="16">
        <v>2537</v>
      </c>
      <c r="R51" s="16">
        <v>3074</v>
      </c>
      <c r="S51" s="16">
        <v>3396</v>
      </c>
      <c r="T51" s="16">
        <v>3705</v>
      </c>
      <c r="U51" s="16">
        <v>3552</v>
      </c>
      <c r="V51" s="16">
        <v>3769</v>
      </c>
      <c r="W51" s="16">
        <v>4152</v>
      </c>
      <c r="X51" s="16">
        <v>4662</v>
      </c>
      <c r="Y51" s="16">
        <v>4632</v>
      </c>
      <c r="Z51" s="16">
        <v>3208</v>
      </c>
      <c r="AA51" s="16">
        <v>2531</v>
      </c>
      <c r="AB51" s="16">
        <v>1771</v>
      </c>
      <c r="AC51" s="16">
        <v>708</v>
      </c>
      <c r="AD51" s="16">
        <v>115</v>
      </c>
      <c r="AE51" s="16">
        <v>10</v>
      </c>
      <c r="AF51" s="16">
        <v>191</v>
      </c>
      <c r="AG51" s="16">
        <v>7470</v>
      </c>
      <c r="AH51" s="16">
        <v>31176</v>
      </c>
      <c r="AI51" s="16">
        <v>17637</v>
      </c>
      <c r="AJ51" s="16">
        <v>8343</v>
      </c>
      <c r="AK51" s="16">
        <v>2604</v>
      </c>
      <c r="AL51" s="16">
        <v>32874</v>
      </c>
      <c r="AM51" s="17">
        <v>13.272209999999999</v>
      </c>
      <c r="AN51" s="17">
        <v>55.391500000000001</v>
      </c>
      <c r="AO51" s="17">
        <v>31.336279999999999</v>
      </c>
      <c r="AP51" s="17">
        <v>38.713290000000001</v>
      </c>
      <c r="AQ51" s="17">
        <v>14.8233</v>
      </c>
      <c r="AR51" s="17">
        <v>4.62662</v>
      </c>
      <c r="AS51" s="17">
        <v>1.7770000000000001E-2</v>
      </c>
      <c r="AT51" s="17">
        <v>58.4084</v>
      </c>
      <c r="AU51" s="17">
        <v>48.535620000000002</v>
      </c>
      <c r="AV51" s="17">
        <v>51.334969999999998</v>
      </c>
    </row>
    <row r="52" spans="1:48">
      <c r="A52" s="21" t="s">
        <v>395</v>
      </c>
      <c r="B52" s="21" t="s">
        <v>215</v>
      </c>
      <c r="C52" s="21" t="s">
        <v>243</v>
      </c>
      <c r="D52" s="21" t="s">
        <v>237</v>
      </c>
      <c r="E52" s="21" t="s">
        <v>241</v>
      </c>
      <c r="F52" s="21" t="s">
        <v>235</v>
      </c>
      <c r="G52" s="21" t="s">
        <v>237</v>
      </c>
      <c r="H52" s="21" t="s">
        <v>241</v>
      </c>
      <c r="I52" s="21" t="s">
        <v>244</v>
      </c>
      <c r="J52" s="16">
        <v>44231</v>
      </c>
      <c r="K52" s="16">
        <v>1725</v>
      </c>
      <c r="L52" s="16">
        <v>2017</v>
      </c>
      <c r="M52" s="16">
        <v>2092</v>
      </c>
      <c r="N52" s="16">
        <v>2458</v>
      </c>
      <c r="O52" s="16">
        <v>1578</v>
      </c>
      <c r="P52" s="16">
        <v>1767</v>
      </c>
      <c r="Q52" s="16">
        <v>2060</v>
      </c>
      <c r="R52" s="16">
        <v>2461</v>
      </c>
      <c r="S52" s="16">
        <v>2723</v>
      </c>
      <c r="T52" s="16">
        <v>3001</v>
      </c>
      <c r="U52" s="16">
        <v>2781</v>
      </c>
      <c r="V52" s="16">
        <v>2894</v>
      </c>
      <c r="W52" s="16">
        <v>3152</v>
      </c>
      <c r="X52" s="16">
        <v>3553</v>
      </c>
      <c r="Y52" s="16">
        <v>3530</v>
      </c>
      <c r="Z52" s="16">
        <v>2440</v>
      </c>
      <c r="AA52" s="16">
        <v>1866</v>
      </c>
      <c r="AB52" s="16">
        <v>1318</v>
      </c>
      <c r="AC52" s="16">
        <v>538</v>
      </c>
      <c r="AD52" s="16">
        <v>97</v>
      </c>
      <c r="AE52" s="16">
        <v>7</v>
      </c>
      <c r="AF52" s="16">
        <v>173</v>
      </c>
      <c r="AG52" s="16">
        <v>5834</v>
      </c>
      <c r="AH52" s="16">
        <v>24875</v>
      </c>
      <c r="AI52" s="16">
        <v>13349</v>
      </c>
      <c r="AJ52" s="16">
        <v>6266</v>
      </c>
      <c r="AK52" s="16">
        <v>1960</v>
      </c>
      <c r="AL52" s="16">
        <v>25970</v>
      </c>
      <c r="AM52" s="17">
        <v>13.24164</v>
      </c>
      <c r="AN52" s="17">
        <v>56.459670000000003</v>
      </c>
      <c r="AO52" s="17">
        <v>30.2987</v>
      </c>
      <c r="AP52" s="17">
        <v>37.4529</v>
      </c>
      <c r="AQ52" s="17">
        <v>14.222160000000001</v>
      </c>
      <c r="AR52" s="17">
        <v>4.4486800000000004</v>
      </c>
      <c r="AS52" s="17">
        <v>1.5890000000000001E-2</v>
      </c>
      <c r="AT52" s="17">
        <v>58.945030000000003</v>
      </c>
      <c r="AU52" s="17">
        <v>47.954540000000001</v>
      </c>
      <c r="AV52" s="17">
        <v>50.260179999999998</v>
      </c>
    </row>
    <row r="53" spans="1:48">
      <c r="A53" s="21" t="s">
        <v>395</v>
      </c>
      <c r="B53" s="21" t="s">
        <v>215</v>
      </c>
      <c r="C53" s="21" t="s">
        <v>243</v>
      </c>
      <c r="D53" s="21" t="s">
        <v>237</v>
      </c>
      <c r="E53" s="21" t="s">
        <v>245</v>
      </c>
      <c r="F53" s="21" t="s">
        <v>235</v>
      </c>
      <c r="G53" s="21" t="s">
        <v>237</v>
      </c>
      <c r="H53" s="21" t="s">
        <v>241</v>
      </c>
      <c r="I53" s="21" t="s">
        <v>246</v>
      </c>
      <c r="J53" s="16">
        <v>1070</v>
      </c>
      <c r="K53" s="16">
        <v>12</v>
      </c>
      <c r="L53" s="16">
        <v>9</v>
      </c>
      <c r="M53" s="16">
        <v>17</v>
      </c>
      <c r="N53" s="16">
        <v>17</v>
      </c>
      <c r="O53" s="16">
        <v>15</v>
      </c>
      <c r="P53" s="16">
        <v>27</v>
      </c>
      <c r="Q53" s="16">
        <v>24</v>
      </c>
      <c r="R53" s="16">
        <v>33</v>
      </c>
      <c r="S53" s="16">
        <v>39</v>
      </c>
      <c r="T53" s="16">
        <v>34</v>
      </c>
      <c r="U53" s="16">
        <v>49</v>
      </c>
      <c r="V53" s="16">
        <v>80</v>
      </c>
      <c r="W53" s="16">
        <v>116</v>
      </c>
      <c r="X53" s="16">
        <v>152</v>
      </c>
      <c r="Y53" s="16">
        <v>149</v>
      </c>
      <c r="Z53" s="16">
        <v>91</v>
      </c>
      <c r="AA53" s="16">
        <v>103</v>
      </c>
      <c r="AB53" s="16">
        <v>65</v>
      </c>
      <c r="AC53" s="16">
        <v>35</v>
      </c>
      <c r="AD53" s="16">
        <v>3</v>
      </c>
      <c r="AE53" s="22" t="s">
        <v>268</v>
      </c>
      <c r="AF53" s="22" t="s">
        <v>268</v>
      </c>
      <c r="AG53" s="16">
        <v>38</v>
      </c>
      <c r="AH53" s="16">
        <v>434</v>
      </c>
      <c r="AI53" s="16">
        <v>598</v>
      </c>
      <c r="AJ53" s="16">
        <v>297</v>
      </c>
      <c r="AK53" s="16">
        <v>103</v>
      </c>
      <c r="AL53" s="16">
        <v>569</v>
      </c>
      <c r="AM53" s="17">
        <v>3.5514000000000001</v>
      </c>
      <c r="AN53" s="17">
        <v>40.560749999999999</v>
      </c>
      <c r="AO53" s="17">
        <v>55.88785</v>
      </c>
      <c r="AP53" s="17">
        <v>66.728970000000004</v>
      </c>
      <c r="AQ53" s="17">
        <v>27.757010000000001</v>
      </c>
      <c r="AR53" s="17">
        <v>9.6261700000000001</v>
      </c>
      <c r="AS53" s="17">
        <v>0</v>
      </c>
      <c r="AT53" s="17">
        <v>53.177570000000003</v>
      </c>
      <c r="AU53" s="17">
        <v>62.779440000000001</v>
      </c>
      <c r="AV53" s="17">
        <v>67.068969999999993</v>
      </c>
    </row>
    <row r="54" spans="1:48">
      <c r="A54" s="21" t="s">
        <v>395</v>
      </c>
      <c r="B54" s="21" t="s">
        <v>215</v>
      </c>
      <c r="C54" s="21" t="s">
        <v>243</v>
      </c>
      <c r="D54" s="21" t="s">
        <v>237</v>
      </c>
      <c r="E54" s="21" t="s">
        <v>247</v>
      </c>
      <c r="F54" s="21" t="s">
        <v>235</v>
      </c>
      <c r="G54" s="21" t="s">
        <v>237</v>
      </c>
      <c r="H54" s="21" t="s">
        <v>241</v>
      </c>
      <c r="I54" s="21" t="s">
        <v>248</v>
      </c>
      <c r="J54" s="16">
        <v>3308</v>
      </c>
      <c r="K54" s="16">
        <v>174</v>
      </c>
      <c r="L54" s="16">
        <v>171</v>
      </c>
      <c r="M54" s="16">
        <v>188</v>
      </c>
      <c r="N54" s="16">
        <v>162</v>
      </c>
      <c r="O54" s="16">
        <v>94</v>
      </c>
      <c r="P54" s="16">
        <v>113</v>
      </c>
      <c r="Q54" s="16">
        <v>174</v>
      </c>
      <c r="R54" s="16">
        <v>200</v>
      </c>
      <c r="S54" s="16">
        <v>187</v>
      </c>
      <c r="T54" s="16">
        <v>227</v>
      </c>
      <c r="U54" s="16">
        <v>224</v>
      </c>
      <c r="V54" s="16">
        <v>218</v>
      </c>
      <c r="W54" s="16">
        <v>243</v>
      </c>
      <c r="X54" s="16">
        <v>250</v>
      </c>
      <c r="Y54" s="16">
        <v>251</v>
      </c>
      <c r="Z54" s="16">
        <v>187</v>
      </c>
      <c r="AA54" s="16">
        <v>115</v>
      </c>
      <c r="AB54" s="16">
        <v>85</v>
      </c>
      <c r="AC54" s="16">
        <v>34</v>
      </c>
      <c r="AD54" s="16">
        <v>4</v>
      </c>
      <c r="AE54" s="16">
        <v>1</v>
      </c>
      <c r="AF54" s="16">
        <v>6</v>
      </c>
      <c r="AG54" s="16">
        <v>533</v>
      </c>
      <c r="AH54" s="16">
        <v>1842</v>
      </c>
      <c r="AI54" s="16">
        <v>927</v>
      </c>
      <c r="AJ54" s="16">
        <v>426</v>
      </c>
      <c r="AK54" s="16">
        <v>124</v>
      </c>
      <c r="AL54" s="16">
        <v>1930</v>
      </c>
      <c r="AM54" s="17">
        <v>16.141729999999999</v>
      </c>
      <c r="AN54" s="17">
        <v>55.784370000000003</v>
      </c>
      <c r="AO54" s="17">
        <v>28.073889999999999</v>
      </c>
      <c r="AP54" s="17">
        <v>35.433070000000001</v>
      </c>
      <c r="AQ54" s="17">
        <v>12.90127</v>
      </c>
      <c r="AR54" s="17">
        <v>3.7553000000000001</v>
      </c>
      <c r="AS54" s="17">
        <v>3.0280000000000001E-2</v>
      </c>
      <c r="AT54" s="17">
        <v>58.449420000000003</v>
      </c>
      <c r="AU54" s="17">
        <v>46.507869999999997</v>
      </c>
      <c r="AV54" s="17">
        <v>48.88</v>
      </c>
    </row>
    <row r="55" spans="1:48">
      <c r="A55" s="21" t="s">
        <v>395</v>
      </c>
      <c r="B55" s="21" t="s">
        <v>215</v>
      </c>
      <c r="C55" s="21" t="s">
        <v>243</v>
      </c>
      <c r="D55" s="21" t="s">
        <v>237</v>
      </c>
      <c r="E55" s="21" t="s">
        <v>249</v>
      </c>
      <c r="F55" s="21" t="s">
        <v>235</v>
      </c>
      <c r="G55" s="21" t="s">
        <v>237</v>
      </c>
      <c r="H55" s="21" t="s">
        <v>241</v>
      </c>
      <c r="I55" s="21" t="s">
        <v>250</v>
      </c>
      <c r="J55" s="16">
        <v>6221</v>
      </c>
      <c r="K55" s="16">
        <v>275</v>
      </c>
      <c r="L55" s="16">
        <v>340</v>
      </c>
      <c r="M55" s="16">
        <v>331</v>
      </c>
      <c r="N55" s="16">
        <v>269</v>
      </c>
      <c r="O55" s="16">
        <v>173</v>
      </c>
      <c r="P55" s="16">
        <v>200</v>
      </c>
      <c r="Q55" s="16">
        <v>244</v>
      </c>
      <c r="R55" s="16">
        <v>331</v>
      </c>
      <c r="S55" s="16">
        <v>377</v>
      </c>
      <c r="T55" s="16">
        <v>372</v>
      </c>
      <c r="U55" s="16">
        <v>394</v>
      </c>
      <c r="V55" s="16">
        <v>436</v>
      </c>
      <c r="W55" s="16">
        <v>478</v>
      </c>
      <c r="X55" s="16">
        <v>514</v>
      </c>
      <c r="Y55" s="16">
        <v>513</v>
      </c>
      <c r="Z55" s="16">
        <v>362</v>
      </c>
      <c r="AA55" s="16">
        <v>295</v>
      </c>
      <c r="AB55" s="16">
        <v>226</v>
      </c>
      <c r="AC55" s="16">
        <v>69</v>
      </c>
      <c r="AD55" s="16">
        <v>8</v>
      </c>
      <c r="AE55" s="16">
        <v>2</v>
      </c>
      <c r="AF55" s="16">
        <v>12</v>
      </c>
      <c r="AG55" s="16">
        <v>946</v>
      </c>
      <c r="AH55" s="16">
        <v>3274</v>
      </c>
      <c r="AI55" s="16">
        <v>1989</v>
      </c>
      <c r="AJ55" s="16">
        <v>962</v>
      </c>
      <c r="AK55" s="16">
        <v>305</v>
      </c>
      <c r="AL55" s="16">
        <v>3519</v>
      </c>
      <c r="AM55" s="17">
        <v>15.235950000000001</v>
      </c>
      <c r="AN55" s="17">
        <v>52.729909999999997</v>
      </c>
      <c r="AO55" s="17">
        <v>32.034140000000001</v>
      </c>
      <c r="AP55" s="17">
        <v>39.73265</v>
      </c>
      <c r="AQ55" s="17">
        <v>15.493639999999999</v>
      </c>
      <c r="AR55" s="17">
        <v>4.9122199999999996</v>
      </c>
      <c r="AS55" s="17">
        <v>3.2210000000000003E-2</v>
      </c>
      <c r="AT55" s="17">
        <v>56.675789999999999</v>
      </c>
      <c r="AU55" s="17">
        <v>48.719679999999997</v>
      </c>
      <c r="AV55" s="17">
        <v>52.54</v>
      </c>
    </row>
    <row r="56" spans="1:48">
      <c r="A56" s="21" t="s">
        <v>395</v>
      </c>
      <c r="B56" s="21" t="s">
        <v>215</v>
      </c>
      <c r="C56" s="21" t="s">
        <v>243</v>
      </c>
      <c r="D56" s="21" t="s">
        <v>237</v>
      </c>
      <c r="E56" s="21" t="s">
        <v>251</v>
      </c>
      <c r="F56" s="21" t="s">
        <v>235</v>
      </c>
      <c r="G56" s="21" t="s">
        <v>237</v>
      </c>
      <c r="H56" s="21" t="s">
        <v>241</v>
      </c>
      <c r="I56" s="21" t="s">
        <v>252</v>
      </c>
      <c r="J56" s="16">
        <v>885</v>
      </c>
      <c r="K56" s="16">
        <v>14</v>
      </c>
      <c r="L56" s="16">
        <v>29</v>
      </c>
      <c r="M56" s="16">
        <v>32</v>
      </c>
      <c r="N56" s="16">
        <v>32</v>
      </c>
      <c r="O56" s="16">
        <v>22</v>
      </c>
      <c r="P56" s="16">
        <v>18</v>
      </c>
      <c r="Q56" s="16">
        <v>19</v>
      </c>
      <c r="R56" s="16">
        <v>22</v>
      </c>
      <c r="S56" s="16">
        <v>39</v>
      </c>
      <c r="T56" s="16">
        <v>36</v>
      </c>
      <c r="U56" s="16">
        <v>51</v>
      </c>
      <c r="V56" s="16">
        <v>85</v>
      </c>
      <c r="W56" s="16">
        <v>96</v>
      </c>
      <c r="X56" s="16">
        <v>109</v>
      </c>
      <c r="Y56" s="16">
        <v>88</v>
      </c>
      <c r="Z56" s="16">
        <v>65</v>
      </c>
      <c r="AA56" s="16">
        <v>71</v>
      </c>
      <c r="AB56" s="16">
        <v>42</v>
      </c>
      <c r="AC56" s="16">
        <v>13</v>
      </c>
      <c r="AD56" s="16">
        <v>2</v>
      </c>
      <c r="AE56" s="22" t="s">
        <v>268</v>
      </c>
      <c r="AF56" s="22" t="s">
        <v>268</v>
      </c>
      <c r="AG56" s="16">
        <v>75</v>
      </c>
      <c r="AH56" s="16">
        <v>420</v>
      </c>
      <c r="AI56" s="16">
        <v>390</v>
      </c>
      <c r="AJ56" s="16">
        <v>193</v>
      </c>
      <c r="AK56" s="16">
        <v>57</v>
      </c>
      <c r="AL56" s="16">
        <v>497</v>
      </c>
      <c r="AM56" s="17">
        <v>8.4745799999999996</v>
      </c>
      <c r="AN56" s="17">
        <v>47.457630000000002</v>
      </c>
      <c r="AO56" s="17">
        <v>44.067799999999998</v>
      </c>
      <c r="AP56" s="17">
        <v>54.91525</v>
      </c>
      <c r="AQ56" s="17">
        <v>21.80791</v>
      </c>
      <c r="AR56" s="17">
        <v>6.4406800000000004</v>
      </c>
      <c r="AS56" s="17">
        <v>0</v>
      </c>
      <c r="AT56" s="17">
        <v>56.158189999999998</v>
      </c>
      <c r="AU56" s="17">
        <v>56.72486</v>
      </c>
      <c r="AV56" s="17">
        <v>62.416670000000003</v>
      </c>
    </row>
    <row r="57" spans="1:48">
      <c r="A57" s="21" t="s">
        <v>395</v>
      </c>
      <c r="B57" s="21" t="s">
        <v>215</v>
      </c>
      <c r="C57" s="21" t="s">
        <v>243</v>
      </c>
      <c r="D57" s="21" t="s">
        <v>237</v>
      </c>
      <c r="E57" s="21" t="s">
        <v>253</v>
      </c>
      <c r="F57" s="21" t="s">
        <v>235</v>
      </c>
      <c r="G57" s="21" t="s">
        <v>237</v>
      </c>
      <c r="H57" s="21" t="s">
        <v>241</v>
      </c>
      <c r="I57" s="21" t="s">
        <v>254</v>
      </c>
      <c r="J57" s="16">
        <v>759</v>
      </c>
      <c r="K57" s="16">
        <v>11</v>
      </c>
      <c r="L57" s="16">
        <v>12</v>
      </c>
      <c r="M57" s="16">
        <v>21</v>
      </c>
      <c r="N57" s="16">
        <v>26</v>
      </c>
      <c r="O57" s="16">
        <v>13</v>
      </c>
      <c r="P57" s="16">
        <v>7</v>
      </c>
      <c r="Q57" s="16">
        <v>16</v>
      </c>
      <c r="R57" s="16">
        <v>27</v>
      </c>
      <c r="S57" s="16">
        <v>31</v>
      </c>
      <c r="T57" s="16">
        <v>35</v>
      </c>
      <c r="U57" s="16">
        <v>53</v>
      </c>
      <c r="V57" s="16">
        <v>56</v>
      </c>
      <c r="W57" s="16">
        <v>67</v>
      </c>
      <c r="X57" s="16">
        <v>84</v>
      </c>
      <c r="Y57" s="16">
        <v>101</v>
      </c>
      <c r="Z57" s="16">
        <v>63</v>
      </c>
      <c r="AA57" s="16">
        <v>81</v>
      </c>
      <c r="AB57" s="16">
        <v>35</v>
      </c>
      <c r="AC57" s="16">
        <v>19</v>
      </c>
      <c r="AD57" s="16">
        <v>1</v>
      </c>
      <c r="AE57" s="22" t="s">
        <v>268</v>
      </c>
      <c r="AF57" s="22" t="s">
        <v>268</v>
      </c>
      <c r="AG57" s="16">
        <v>44</v>
      </c>
      <c r="AH57" s="16">
        <v>331</v>
      </c>
      <c r="AI57" s="16">
        <v>384</v>
      </c>
      <c r="AJ57" s="16">
        <v>199</v>
      </c>
      <c r="AK57" s="16">
        <v>55</v>
      </c>
      <c r="AL57" s="16">
        <v>389</v>
      </c>
      <c r="AM57" s="17">
        <v>5.7971000000000004</v>
      </c>
      <c r="AN57" s="17">
        <v>43.610010000000003</v>
      </c>
      <c r="AO57" s="17">
        <v>50.592889999999997</v>
      </c>
      <c r="AP57" s="17">
        <v>59.420290000000001</v>
      </c>
      <c r="AQ57" s="17">
        <v>26.218710000000002</v>
      </c>
      <c r="AR57" s="17">
        <v>7.2463800000000003</v>
      </c>
      <c r="AS57" s="17">
        <v>0</v>
      </c>
      <c r="AT57" s="17">
        <v>51.251649999999998</v>
      </c>
      <c r="AU57" s="17">
        <v>59.953229999999998</v>
      </c>
      <c r="AV57" s="17">
        <v>65.3</v>
      </c>
    </row>
    <row r="58" spans="1:48">
      <c r="A58" s="21" t="s">
        <v>395</v>
      </c>
      <c r="B58" s="21" t="s">
        <v>216</v>
      </c>
      <c r="C58" s="21" t="s">
        <v>232</v>
      </c>
      <c r="D58" s="21" t="s">
        <v>233</v>
      </c>
      <c r="E58" s="21" t="s">
        <v>234</v>
      </c>
      <c r="F58" s="21" t="s">
        <v>235</v>
      </c>
      <c r="G58" s="21" t="s">
        <v>233</v>
      </c>
      <c r="H58" s="21" t="s">
        <v>234</v>
      </c>
      <c r="I58" s="21" t="s">
        <v>236</v>
      </c>
      <c r="J58" s="16">
        <v>62465616</v>
      </c>
      <c r="K58" s="16">
        <v>2159960</v>
      </c>
      <c r="L58" s="16">
        <v>2441150</v>
      </c>
      <c r="M58" s="16">
        <v>2574211</v>
      </c>
      <c r="N58" s="16">
        <v>2694090</v>
      </c>
      <c r="O58" s="16">
        <v>2753883</v>
      </c>
      <c r="P58" s="16">
        <v>2791858</v>
      </c>
      <c r="Q58" s="16">
        <v>3041093</v>
      </c>
      <c r="R58" s="16">
        <v>3485852</v>
      </c>
      <c r="S58" s="16">
        <v>3989063</v>
      </c>
      <c r="T58" s="16">
        <v>4683975</v>
      </c>
      <c r="U58" s="16">
        <v>4167791</v>
      </c>
      <c r="V58" s="16">
        <v>3831150</v>
      </c>
      <c r="W58" s="16">
        <v>3656419</v>
      </c>
      <c r="X58" s="16">
        <v>4130844</v>
      </c>
      <c r="Y58" s="16">
        <v>4737492</v>
      </c>
      <c r="Z58" s="16">
        <v>3819308</v>
      </c>
      <c r="AA58" s="16">
        <v>3087399</v>
      </c>
      <c r="AB58" s="16">
        <v>2358398</v>
      </c>
      <c r="AC58" s="16">
        <v>1284246</v>
      </c>
      <c r="AD58" s="16">
        <v>399675</v>
      </c>
      <c r="AE58" s="16">
        <v>69608</v>
      </c>
      <c r="AF58" s="16">
        <v>308151</v>
      </c>
      <c r="AG58" s="16">
        <v>7175321</v>
      </c>
      <c r="AH58" s="16">
        <v>35095174</v>
      </c>
      <c r="AI58" s="16">
        <v>19886970</v>
      </c>
      <c r="AJ58" s="16">
        <v>11018634</v>
      </c>
      <c r="AK58" s="16">
        <v>4111927</v>
      </c>
      <c r="AL58" s="16">
        <v>36531928</v>
      </c>
      <c r="AM58" s="17">
        <v>11.54378</v>
      </c>
      <c r="AN58" s="17">
        <v>56.46172</v>
      </c>
      <c r="AO58" s="17">
        <v>31.994499999999999</v>
      </c>
      <c r="AP58" s="17">
        <v>37.877009999999999</v>
      </c>
      <c r="AQ58" s="17">
        <v>17.726970000000001</v>
      </c>
      <c r="AR58" s="17">
        <v>6.6153399999999998</v>
      </c>
      <c r="AS58" s="17">
        <v>0.11199000000000001</v>
      </c>
      <c r="AT58" s="17">
        <v>58.77319</v>
      </c>
      <c r="AU58" s="17">
        <v>49.455030000000001</v>
      </c>
      <c r="AV58" s="17">
        <v>50.519060000000003</v>
      </c>
    </row>
    <row r="59" spans="1:48">
      <c r="A59" s="21" t="s">
        <v>395</v>
      </c>
      <c r="B59" s="21" t="s">
        <v>216</v>
      </c>
      <c r="C59" s="21" t="s">
        <v>232</v>
      </c>
      <c r="D59" s="21" t="s">
        <v>237</v>
      </c>
      <c r="E59" s="21" t="s">
        <v>238</v>
      </c>
      <c r="F59" s="21" t="s">
        <v>235</v>
      </c>
      <c r="G59" s="21" t="s">
        <v>237</v>
      </c>
      <c r="H59" s="21" t="s">
        <v>238</v>
      </c>
      <c r="I59" s="21" t="s">
        <v>239</v>
      </c>
      <c r="J59" s="16">
        <v>898305</v>
      </c>
      <c r="K59" s="16">
        <v>33701</v>
      </c>
      <c r="L59" s="16">
        <v>38015</v>
      </c>
      <c r="M59" s="16">
        <v>39437</v>
      </c>
      <c r="N59" s="16">
        <v>38285</v>
      </c>
      <c r="O59" s="16">
        <v>33028</v>
      </c>
      <c r="P59" s="16">
        <v>34613</v>
      </c>
      <c r="Q59" s="16">
        <v>41072</v>
      </c>
      <c r="R59" s="16">
        <v>48412</v>
      </c>
      <c r="S59" s="16">
        <v>53086</v>
      </c>
      <c r="T59" s="16">
        <v>56620</v>
      </c>
      <c r="U59" s="16">
        <v>52841</v>
      </c>
      <c r="V59" s="16">
        <v>55485</v>
      </c>
      <c r="W59" s="16">
        <v>59974</v>
      </c>
      <c r="X59" s="16">
        <v>66927</v>
      </c>
      <c r="Y59" s="16">
        <v>67323</v>
      </c>
      <c r="Z59" s="16">
        <v>52490</v>
      </c>
      <c r="AA59" s="16">
        <v>48715</v>
      </c>
      <c r="AB59" s="16">
        <v>41219</v>
      </c>
      <c r="AC59" s="16">
        <v>24384</v>
      </c>
      <c r="AD59" s="16">
        <v>8388</v>
      </c>
      <c r="AE59" s="16">
        <v>1504</v>
      </c>
      <c r="AF59" s="16">
        <v>2786</v>
      </c>
      <c r="AG59" s="16">
        <v>111153</v>
      </c>
      <c r="AH59" s="16">
        <v>473416</v>
      </c>
      <c r="AI59" s="16">
        <v>310950</v>
      </c>
      <c r="AJ59" s="16">
        <v>176700</v>
      </c>
      <c r="AK59" s="16">
        <v>75495</v>
      </c>
      <c r="AL59" s="16">
        <v>502058</v>
      </c>
      <c r="AM59" s="17">
        <v>12.412129999999999</v>
      </c>
      <c r="AN59" s="17">
        <v>52.864989999999999</v>
      </c>
      <c r="AO59" s="17">
        <v>34.722880000000004</v>
      </c>
      <c r="AP59" s="17">
        <v>41.42</v>
      </c>
      <c r="AQ59" s="17">
        <v>19.731570000000001</v>
      </c>
      <c r="AR59" s="17">
        <v>8.4303100000000004</v>
      </c>
      <c r="AS59" s="17">
        <v>0.16794999999999999</v>
      </c>
      <c r="AT59" s="17">
        <v>56.063360000000003</v>
      </c>
      <c r="AU59" s="17">
        <v>50.628630000000001</v>
      </c>
      <c r="AV59" s="17">
        <v>52.95214</v>
      </c>
    </row>
    <row r="60" spans="1:48">
      <c r="A60" s="21" t="s">
        <v>395</v>
      </c>
      <c r="B60" s="21" t="s">
        <v>216</v>
      </c>
      <c r="C60" s="21" t="s">
        <v>240</v>
      </c>
      <c r="D60" s="21" t="s">
        <v>237</v>
      </c>
      <c r="E60" s="21" t="s">
        <v>241</v>
      </c>
      <c r="F60" s="21"/>
      <c r="G60" s="21" t="s">
        <v>237</v>
      </c>
      <c r="H60" s="21" t="s">
        <v>241</v>
      </c>
      <c r="I60" s="21" t="s">
        <v>242</v>
      </c>
      <c r="J60" s="16">
        <v>63598</v>
      </c>
      <c r="K60" s="16">
        <v>2111</v>
      </c>
      <c r="L60" s="16">
        <v>2537</v>
      </c>
      <c r="M60" s="16">
        <v>2532</v>
      </c>
      <c r="N60" s="16">
        <v>2755</v>
      </c>
      <c r="O60" s="16">
        <v>1934</v>
      </c>
      <c r="P60" s="16">
        <v>2076</v>
      </c>
      <c r="Q60" s="16">
        <v>2639</v>
      </c>
      <c r="R60" s="16">
        <v>3127</v>
      </c>
      <c r="S60" s="16">
        <v>3425</v>
      </c>
      <c r="T60" s="16">
        <v>3819</v>
      </c>
      <c r="U60" s="16">
        <v>3720</v>
      </c>
      <c r="V60" s="16">
        <v>3996</v>
      </c>
      <c r="W60" s="16">
        <v>4393</v>
      </c>
      <c r="X60" s="16">
        <v>5035</v>
      </c>
      <c r="Y60" s="16">
        <v>5161</v>
      </c>
      <c r="Z60" s="16">
        <v>4348</v>
      </c>
      <c r="AA60" s="16">
        <v>3997</v>
      </c>
      <c r="AB60" s="16">
        <v>3383</v>
      </c>
      <c r="AC60" s="16">
        <v>1871</v>
      </c>
      <c r="AD60" s="16">
        <v>582</v>
      </c>
      <c r="AE60" s="16">
        <v>82</v>
      </c>
      <c r="AF60" s="16">
        <v>75</v>
      </c>
      <c r="AG60" s="16">
        <v>7180</v>
      </c>
      <c r="AH60" s="16">
        <v>31884</v>
      </c>
      <c r="AI60" s="16">
        <v>24459</v>
      </c>
      <c r="AJ60" s="16">
        <v>14263</v>
      </c>
      <c r="AK60" s="16">
        <v>5918</v>
      </c>
      <c r="AL60" s="16">
        <v>34164</v>
      </c>
      <c r="AM60" s="17">
        <v>11.302989999999999</v>
      </c>
      <c r="AN60" s="17">
        <v>50.192839999999997</v>
      </c>
      <c r="AO60" s="17">
        <v>38.504159999999999</v>
      </c>
      <c r="AP60" s="17">
        <v>45.41977</v>
      </c>
      <c r="AQ60" s="17">
        <v>22.453279999999999</v>
      </c>
      <c r="AR60" s="17">
        <v>9.3163099999999996</v>
      </c>
      <c r="AS60" s="17">
        <v>0.12909000000000001</v>
      </c>
      <c r="AT60" s="17">
        <v>53.782089999999997</v>
      </c>
      <c r="AU60" s="17">
        <v>52.715829999999997</v>
      </c>
      <c r="AV60" s="17">
        <v>56.333539999999999</v>
      </c>
    </row>
    <row r="61" spans="1:48">
      <c r="A61" s="21" t="s">
        <v>395</v>
      </c>
      <c r="B61" s="21" t="s">
        <v>216</v>
      </c>
      <c r="C61" s="21" t="s">
        <v>243</v>
      </c>
      <c r="D61" s="21" t="s">
        <v>237</v>
      </c>
      <c r="E61" s="21" t="s">
        <v>241</v>
      </c>
      <c r="F61" s="21" t="s">
        <v>235</v>
      </c>
      <c r="G61" s="21" t="s">
        <v>237</v>
      </c>
      <c r="H61" s="21" t="s">
        <v>241</v>
      </c>
      <c r="I61" s="21" t="s">
        <v>244</v>
      </c>
      <c r="J61" s="16">
        <v>49951</v>
      </c>
      <c r="K61" s="16">
        <v>1727</v>
      </c>
      <c r="L61" s="16">
        <v>1992</v>
      </c>
      <c r="M61" s="16">
        <v>2011</v>
      </c>
      <c r="N61" s="16">
        <v>2279</v>
      </c>
      <c r="O61" s="16">
        <v>1583</v>
      </c>
      <c r="P61" s="16">
        <v>1731</v>
      </c>
      <c r="Q61" s="16">
        <v>2116</v>
      </c>
      <c r="R61" s="16">
        <v>2513</v>
      </c>
      <c r="S61" s="16">
        <v>2757</v>
      </c>
      <c r="T61" s="16">
        <v>3072</v>
      </c>
      <c r="U61" s="16">
        <v>2994</v>
      </c>
      <c r="V61" s="16">
        <v>3122</v>
      </c>
      <c r="W61" s="16">
        <v>3375</v>
      </c>
      <c r="X61" s="16">
        <v>3911</v>
      </c>
      <c r="Y61" s="16">
        <v>4017</v>
      </c>
      <c r="Z61" s="16">
        <v>3261</v>
      </c>
      <c r="AA61" s="16">
        <v>2950</v>
      </c>
      <c r="AB61" s="16">
        <v>2555</v>
      </c>
      <c r="AC61" s="16">
        <v>1416</v>
      </c>
      <c r="AD61" s="16">
        <v>431</v>
      </c>
      <c r="AE61" s="16">
        <v>64</v>
      </c>
      <c r="AF61" s="16">
        <v>74</v>
      </c>
      <c r="AG61" s="16">
        <v>5730</v>
      </c>
      <c r="AH61" s="16">
        <v>25542</v>
      </c>
      <c r="AI61" s="16">
        <v>18605</v>
      </c>
      <c r="AJ61" s="16">
        <v>10677</v>
      </c>
      <c r="AK61" s="16">
        <v>4466</v>
      </c>
      <c r="AL61" s="16">
        <v>27174</v>
      </c>
      <c r="AM61" s="17">
        <v>11.48826</v>
      </c>
      <c r="AN61" s="17">
        <v>51.209980000000002</v>
      </c>
      <c r="AO61" s="17">
        <v>37.301760000000002</v>
      </c>
      <c r="AP61" s="17">
        <v>44.06841</v>
      </c>
      <c r="AQ61" s="17">
        <v>21.406659999999999</v>
      </c>
      <c r="AR61" s="17">
        <v>8.9540299999999995</v>
      </c>
      <c r="AS61" s="17">
        <v>0.12831999999999999</v>
      </c>
      <c r="AT61" s="17">
        <v>54.482030000000002</v>
      </c>
      <c r="AU61" s="17">
        <v>52.030340000000002</v>
      </c>
      <c r="AV61" s="17">
        <v>55.252310000000001</v>
      </c>
    </row>
    <row r="62" spans="1:48">
      <c r="A62" s="21" t="s">
        <v>395</v>
      </c>
      <c r="B62" s="21" t="s">
        <v>216</v>
      </c>
      <c r="C62" s="21" t="s">
        <v>243</v>
      </c>
      <c r="D62" s="21" t="s">
        <v>237</v>
      </c>
      <c r="E62" s="21" t="s">
        <v>245</v>
      </c>
      <c r="F62" s="21" t="s">
        <v>235</v>
      </c>
      <c r="G62" s="21" t="s">
        <v>237</v>
      </c>
      <c r="H62" s="21" t="s">
        <v>241</v>
      </c>
      <c r="I62" s="21" t="s">
        <v>246</v>
      </c>
      <c r="J62" s="16">
        <v>1235</v>
      </c>
      <c r="K62" s="16">
        <v>13</v>
      </c>
      <c r="L62" s="16">
        <v>17</v>
      </c>
      <c r="M62" s="16">
        <v>12</v>
      </c>
      <c r="N62" s="16">
        <v>23</v>
      </c>
      <c r="O62" s="16">
        <v>20</v>
      </c>
      <c r="P62" s="16">
        <v>16</v>
      </c>
      <c r="Q62" s="16">
        <v>23</v>
      </c>
      <c r="R62" s="16">
        <v>24</v>
      </c>
      <c r="S62" s="16">
        <v>31</v>
      </c>
      <c r="T62" s="16">
        <v>35</v>
      </c>
      <c r="U62" s="16">
        <v>52</v>
      </c>
      <c r="V62" s="16">
        <v>73</v>
      </c>
      <c r="W62" s="16">
        <v>106</v>
      </c>
      <c r="X62" s="16">
        <v>128</v>
      </c>
      <c r="Y62" s="16">
        <v>140</v>
      </c>
      <c r="Z62" s="16">
        <v>133</v>
      </c>
      <c r="AA62" s="16">
        <v>162</v>
      </c>
      <c r="AB62" s="16">
        <v>129</v>
      </c>
      <c r="AC62" s="16">
        <v>68</v>
      </c>
      <c r="AD62" s="16">
        <v>29</v>
      </c>
      <c r="AE62" s="16">
        <v>1</v>
      </c>
      <c r="AF62" s="22" t="s">
        <v>268</v>
      </c>
      <c r="AG62" s="16">
        <v>42</v>
      </c>
      <c r="AH62" s="16">
        <v>403</v>
      </c>
      <c r="AI62" s="16">
        <v>790</v>
      </c>
      <c r="AJ62" s="16">
        <v>522</v>
      </c>
      <c r="AK62" s="16">
        <v>227</v>
      </c>
      <c r="AL62" s="16">
        <v>508</v>
      </c>
      <c r="AM62" s="17">
        <v>3.4008099999999999</v>
      </c>
      <c r="AN62" s="17">
        <v>32.63158</v>
      </c>
      <c r="AO62" s="17">
        <v>63.967610000000001</v>
      </c>
      <c r="AP62" s="17">
        <v>72.550610000000006</v>
      </c>
      <c r="AQ62" s="17">
        <v>42.267209999999999</v>
      </c>
      <c r="AR62" s="17">
        <v>18.380569999999999</v>
      </c>
      <c r="AS62" s="17">
        <v>8.097E-2</v>
      </c>
      <c r="AT62" s="17">
        <v>41.133600000000001</v>
      </c>
      <c r="AU62" s="17">
        <v>66.994739999999993</v>
      </c>
      <c r="AV62" s="17">
        <v>71.338710000000006</v>
      </c>
    </row>
    <row r="63" spans="1:48">
      <c r="A63" s="21" t="s">
        <v>395</v>
      </c>
      <c r="B63" s="21" t="s">
        <v>216</v>
      </c>
      <c r="C63" s="21" t="s">
        <v>243</v>
      </c>
      <c r="D63" s="21" t="s">
        <v>237</v>
      </c>
      <c r="E63" s="21" t="s">
        <v>247</v>
      </c>
      <c r="F63" s="21" t="s">
        <v>235</v>
      </c>
      <c r="G63" s="21" t="s">
        <v>237</v>
      </c>
      <c r="H63" s="21" t="s">
        <v>241</v>
      </c>
      <c r="I63" s="21" t="s">
        <v>248</v>
      </c>
      <c r="J63" s="16">
        <v>3715</v>
      </c>
      <c r="K63" s="16">
        <v>141</v>
      </c>
      <c r="L63" s="16">
        <v>185</v>
      </c>
      <c r="M63" s="16">
        <v>182</v>
      </c>
      <c r="N63" s="16">
        <v>172</v>
      </c>
      <c r="O63" s="16">
        <v>101</v>
      </c>
      <c r="P63" s="16">
        <v>121</v>
      </c>
      <c r="Q63" s="16">
        <v>189</v>
      </c>
      <c r="R63" s="16">
        <v>212</v>
      </c>
      <c r="S63" s="16">
        <v>199</v>
      </c>
      <c r="T63" s="16">
        <v>238</v>
      </c>
      <c r="U63" s="16">
        <v>207</v>
      </c>
      <c r="V63" s="16">
        <v>227</v>
      </c>
      <c r="W63" s="16">
        <v>254</v>
      </c>
      <c r="X63" s="16">
        <v>265</v>
      </c>
      <c r="Y63" s="16">
        <v>247</v>
      </c>
      <c r="Z63" s="16">
        <v>239</v>
      </c>
      <c r="AA63" s="16">
        <v>210</v>
      </c>
      <c r="AB63" s="16">
        <v>174</v>
      </c>
      <c r="AC63" s="16">
        <v>101</v>
      </c>
      <c r="AD63" s="16">
        <v>43</v>
      </c>
      <c r="AE63" s="16">
        <v>7</v>
      </c>
      <c r="AF63" s="16">
        <v>1</v>
      </c>
      <c r="AG63" s="16">
        <v>508</v>
      </c>
      <c r="AH63" s="16">
        <v>1920</v>
      </c>
      <c r="AI63" s="16">
        <v>1286</v>
      </c>
      <c r="AJ63" s="16">
        <v>774</v>
      </c>
      <c r="AK63" s="16">
        <v>325</v>
      </c>
      <c r="AL63" s="16">
        <v>2013</v>
      </c>
      <c r="AM63" s="17">
        <v>13.67798</v>
      </c>
      <c r="AN63" s="17">
        <v>51.696280000000002</v>
      </c>
      <c r="AO63" s="17">
        <v>34.62574</v>
      </c>
      <c r="AP63" s="17">
        <v>41.464730000000003</v>
      </c>
      <c r="AQ63" s="17">
        <v>20.840060000000001</v>
      </c>
      <c r="AR63" s="17">
        <v>8.7506699999999995</v>
      </c>
      <c r="AS63" s="17">
        <v>0.18848000000000001</v>
      </c>
      <c r="AT63" s="17">
        <v>54.200319999999998</v>
      </c>
      <c r="AU63" s="17">
        <v>50.398490000000002</v>
      </c>
      <c r="AV63" s="17">
        <v>52.536589999999997</v>
      </c>
    </row>
    <row r="64" spans="1:48">
      <c r="A64" s="21" t="s">
        <v>395</v>
      </c>
      <c r="B64" s="21" t="s">
        <v>216</v>
      </c>
      <c r="C64" s="21" t="s">
        <v>243</v>
      </c>
      <c r="D64" s="21" t="s">
        <v>237</v>
      </c>
      <c r="E64" s="21" t="s">
        <v>249</v>
      </c>
      <c r="F64" s="21" t="s">
        <v>235</v>
      </c>
      <c r="G64" s="21" t="s">
        <v>237</v>
      </c>
      <c r="H64" s="21" t="s">
        <v>241</v>
      </c>
      <c r="I64" s="21" t="s">
        <v>250</v>
      </c>
      <c r="J64" s="16">
        <v>6941</v>
      </c>
      <c r="K64" s="16">
        <v>199</v>
      </c>
      <c r="L64" s="16">
        <v>306</v>
      </c>
      <c r="M64" s="16">
        <v>277</v>
      </c>
      <c r="N64" s="16">
        <v>233</v>
      </c>
      <c r="O64" s="16">
        <v>191</v>
      </c>
      <c r="P64" s="16">
        <v>178</v>
      </c>
      <c r="Q64" s="16">
        <v>268</v>
      </c>
      <c r="R64" s="16">
        <v>327</v>
      </c>
      <c r="S64" s="16">
        <v>387</v>
      </c>
      <c r="T64" s="16">
        <v>396</v>
      </c>
      <c r="U64" s="16">
        <v>390</v>
      </c>
      <c r="V64" s="16">
        <v>454</v>
      </c>
      <c r="W64" s="16">
        <v>519</v>
      </c>
      <c r="X64" s="16">
        <v>566</v>
      </c>
      <c r="Y64" s="16">
        <v>585</v>
      </c>
      <c r="Z64" s="16">
        <v>516</v>
      </c>
      <c r="AA64" s="16">
        <v>487</v>
      </c>
      <c r="AB64" s="16">
        <v>392</v>
      </c>
      <c r="AC64" s="16">
        <v>203</v>
      </c>
      <c r="AD64" s="16">
        <v>61</v>
      </c>
      <c r="AE64" s="16">
        <v>6</v>
      </c>
      <c r="AF64" s="22" t="s">
        <v>268</v>
      </c>
      <c r="AG64" s="16">
        <v>782</v>
      </c>
      <c r="AH64" s="16">
        <v>3343</v>
      </c>
      <c r="AI64" s="16">
        <v>2816</v>
      </c>
      <c r="AJ64" s="16">
        <v>1665</v>
      </c>
      <c r="AK64" s="16">
        <v>662</v>
      </c>
      <c r="AL64" s="16">
        <v>3676</v>
      </c>
      <c r="AM64" s="17">
        <v>11.266389999999999</v>
      </c>
      <c r="AN64" s="17">
        <v>48.163089999999997</v>
      </c>
      <c r="AO64" s="17">
        <v>40.570520000000002</v>
      </c>
      <c r="AP64" s="17">
        <v>48.047829999999998</v>
      </c>
      <c r="AQ64" s="17">
        <v>23.9879</v>
      </c>
      <c r="AR64" s="17">
        <v>9.5375300000000003</v>
      </c>
      <c r="AS64" s="17">
        <v>8.6440000000000003E-2</v>
      </c>
      <c r="AT64" s="17">
        <v>52.96067</v>
      </c>
      <c r="AU64" s="17">
        <v>54.071100000000001</v>
      </c>
      <c r="AV64" s="17">
        <v>58.572159999999997</v>
      </c>
    </row>
    <row r="65" spans="1:48">
      <c r="A65" s="21" t="s">
        <v>395</v>
      </c>
      <c r="B65" s="21" t="s">
        <v>216</v>
      </c>
      <c r="C65" s="21" t="s">
        <v>243</v>
      </c>
      <c r="D65" s="21" t="s">
        <v>237</v>
      </c>
      <c r="E65" s="21" t="s">
        <v>251</v>
      </c>
      <c r="F65" s="21" t="s">
        <v>235</v>
      </c>
      <c r="G65" s="21" t="s">
        <v>237</v>
      </c>
      <c r="H65" s="21" t="s">
        <v>241</v>
      </c>
      <c r="I65" s="21" t="s">
        <v>252</v>
      </c>
      <c r="J65" s="16">
        <v>971</v>
      </c>
      <c r="K65" s="16">
        <v>22</v>
      </c>
      <c r="L65" s="16">
        <v>18</v>
      </c>
      <c r="M65" s="16">
        <v>29</v>
      </c>
      <c r="N65" s="16">
        <v>27</v>
      </c>
      <c r="O65" s="16">
        <v>31</v>
      </c>
      <c r="P65" s="16">
        <v>18</v>
      </c>
      <c r="Q65" s="16">
        <v>21</v>
      </c>
      <c r="R65" s="16">
        <v>33</v>
      </c>
      <c r="S65" s="16">
        <v>27</v>
      </c>
      <c r="T65" s="16">
        <v>52</v>
      </c>
      <c r="U65" s="16">
        <v>46</v>
      </c>
      <c r="V65" s="16">
        <v>73</v>
      </c>
      <c r="W65" s="16">
        <v>79</v>
      </c>
      <c r="X65" s="16">
        <v>86</v>
      </c>
      <c r="Y65" s="16">
        <v>81</v>
      </c>
      <c r="Z65" s="16">
        <v>97</v>
      </c>
      <c r="AA65" s="16">
        <v>88</v>
      </c>
      <c r="AB65" s="16">
        <v>76</v>
      </c>
      <c r="AC65" s="16">
        <v>48</v>
      </c>
      <c r="AD65" s="16">
        <v>15</v>
      </c>
      <c r="AE65" s="16">
        <v>4</v>
      </c>
      <c r="AF65" s="22" t="s">
        <v>268</v>
      </c>
      <c r="AG65" s="16">
        <v>69</v>
      </c>
      <c r="AH65" s="16">
        <v>407</v>
      </c>
      <c r="AI65" s="16">
        <v>495</v>
      </c>
      <c r="AJ65" s="16">
        <v>328</v>
      </c>
      <c r="AK65" s="16">
        <v>143</v>
      </c>
      <c r="AL65" s="16">
        <v>466</v>
      </c>
      <c r="AM65" s="17">
        <v>7.1060800000000004</v>
      </c>
      <c r="AN65" s="17">
        <v>41.915550000000003</v>
      </c>
      <c r="AO65" s="17">
        <v>50.978369999999998</v>
      </c>
      <c r="AP65" s="17">
        <v>59.114319999999999</v>
      </c>
      <c r="AQ65" s="17">
        <v>33.779609999999998</v>
      </c>
      <c r="AR65" s="17">
        <v>14.72709</v>
      </c>
      <c r="AS65" s="17">
        <v>0.41194999999999998</v>
      </c>
      <c r="AT65" s="17">
        <v>47.991759999999999</v>
      </c>
      <c r="AU65" s="17">
        <v>60.46087</v>
      </c>
      <c r="AV65" s="17">
        <v>65.5</v>
      </c>
    </row>
    <row r="66" spans="1:48">
      <c r="A66" s="21" t="s">
        <v>395</v>
      </c>
      <c r="B66" s="21" t="s">
        <v>216</v>
      </c>
      <c r="C66" s="21" t="s">
        <v>243</v>
      </c>
      <c r="D66" s="21" t="s">
        <v>237</v>
      </c>
      <c r="E66" s="21" t="s">
        <v>253</v>
      </c>
      <c r="F66" s="21" t="s">
        <v>235</v>
      </c>
      <c r="G66" s="21" t="s">
        <v>237</v>
      </c>
      <c r="H66" s="21" t="s">
        <v>241</v>
      </c>
      <c r="I66" s="21" t="s">
        <v>254</v>
      </c>
      <c r="J66" s="16">
        <v>785</v>
      </c>
      <c r="K66" s="16">
        <v>9</v>
      </c>
      <c r="L66" s="16">
        <v>19</v>
      </c>
      <c r="M66" s="16">
        <v>21</v>
      </c>
      <c r="N66" s="16">
        <v>21</v>
      </c>
      <c r="O66" s="16">
        <v>8</v>
      </c>
      <c r="P66" s="16">
        <v>12</v>
      </c>
      <c r="Q66" s="16">
        <v>22</v>
      </c>
      <c r="R66" s="16">
        <v>18</v>
      </c>
      <c r="S66" s="16">
        <v>24</v>
      </c>
      <c r="T66" s="16">
        <v>26</v>
      </c>
      <c r="U66" s="16">
        <v>31</v>
      </c>
      <c r="V66" s="16">
        <v>47</v>
      </c>
      <c r="W66" s="16">
        <v>60</v>
      </c>
      <c r="X66" s="16">
        <v>79</v>
      </c>
      <c r="Y66" s="16">
        <v>91</v>
      </c>
      <c r="Z66" s="16">
        <v>102</v>
      </c>
      <c r="AA66" s="16">
        <v>100</v>
      </c>
      <c r="AB66" s="16">
        <v>57</v>
      </c>
      <c r="AC66" s="16">
        <v>35</v>
      </c>
      <c r="AD66" s="16">
        <v>3</v>
      </c>
      <c r="AE66" s="22" t="s">
        <v>268</v>
      </c>
      <c r="AF66" s="22" t="s">
        <v>268</v>
      </c>
      <c r="AG66" s="16">
        <v>49</v>
      </c>
      <c r="AH66" s="16">
        <v>269</v>
      </c>
      <c r="AI66" s="16">
        <v>467</v>
      </c>
      <c r="AJ66" s="16">
        <v>297</v>
      </c>
      <c r="AK66" s="16">
        <v>95</v>
      </c>
      <c r="AL66" s="16">
        <v>327</v>
      </c>
      <c r="AM66" s="17">
        <v>6.2420400000000003</v>
      </c>
      <c r="AN66" s="17">
        <v>34.267519999999998</v>
      </c>
      <c r="AO66" s="17">
        <v>59.490450000000003</v>
      </c>
      <c r="AP66" s="17">
        <v>67.133759999999995</v>
      </c>
      <c r="AQ66" s="17">
        <v>37.834389999999999</v>
      </c>
      <c r="AR66" s="17">
        <v>12.10191</v>
      </c>
      <c r="AS66" s="17">
        <v>0</v>
      </c>
      <c r="AT66" s="17">
        <v>41.65605</v>
      </c>
      <c r="AU66" s="17">
        <v>63.205730000000003</v>
      </c>
      <c r="AV66" s="17">
        <v>69.625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5" orientation="portrait" r:id="rId1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AC0EA1-B58A-4A31-BB91-3657E902244B}">
  <sheetPr>
    <pageSetUpPr fitToPage="1"/>
  </sheetPr>
  <dimension ref="A1:Q250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4" width="12.625" style="20"/>
    <col min="5" max="5" width="33.625" style="20" bestFit="1" customWidth="1"/>
    <col min="6" max="6" width="19" style="20" bestFit="1" customWidth="1"/>
    <col min="7" max="16384" width="12.625" style="20"/>
  </cols>
  <sheetData>
    <row r="1" spans="1:17" s="11" customFormat="1">
      <c r="A1" s="11" t="s">
        <v>192</v>
      </c>
    </row>
    <row r="2" spans="1:17" s="11" customFormat="1">
      <c r="A2" s="11" t="s">
        <v>723</v>
      </c>
    </row>
    <row r="3" spans="1:17" s="11" customFormat="1"/>
    <row r="4" spans="1:17" s="11" customFormat="1" hidden="1"/>
    <row r="5" spans="1:17" s="11" customFormat="1"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</row>
    <row r="6" spans="1:17" s="11" customFormat="1" ht="24"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</row>
    <row r="7" spans="1:17" s="11" customFormat="1">
      <c r="G7" s="12">
        <v>1</v>
      </c>
      <c r="H7" s="12">
        <v>1</v>
      </c>
      <c r="I7" s="12">
        <v>2</v>
      </c>
      <c r="J7" s="12">
        <v>3</v>
      </c>
      <c r="K7" s="12">
        <v>2</v>
      </c>
      <c r="L7" s="12">
        <v>1</v>
      </c>
      <c r="M7" s="12">
        <v>1</v>
      </c>
      <c r="N7" s="12">
        <v>1</v>
      </c>
      <c r="O7" s="12">
        <v>1</v>
      </c>
      <c r="P7" s="12">
        <v>1</v>
      </c>
      <c r="Q7" s="12">
        <v>1</v>
      </c>
    </row>
    <row r="8" spans="1:17" s="11" customFormat="1" ht="48">
      <c r="G8" s="12" t="s">
        <v>214</v>
      </c>
      <c r="H8" s="12" t="s">
        <v>564</v>
      </c>
      <c r="I8" s="12" t="s">
        <v>565</v>
      </c>
      <c r="J8" s="12" t="s">
        <v>719</v>
      </c>
      <c r="K8" s="12" t="s">
        <v>570</v>
      </c>
      <c r="L8" s="12" t="s">
        <v>594</v>
      </c>
      <c r="M8" s="12" t="s">
        <v>595</v>
      </c>
      <c r="N8" s="12" t="s">
        <v>596</v>
      </c>
      <c r="O8" s="12" t="s">
        <v>597</v>
      </c>
      <c r="P8" s="12" t="s">
        <v>616</v>
      </c>
      <c r="Q8" s="12" t="s">
        <v>617</v>
      </c>
    </row>
    <row r="9" spans="1:17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</row>
    <row r="10" spans="1:17" s="11" customFormat="1">
      <c r="A10" s="14" t="s">
        <v>224</v>
      </c>
      <c r="B10" s="14" t="s">
        <v>259</v>
      </c>
      <c r="C10" s="14" t="s">
        <v>230</v>
      </c>
      <c r="D10" s="14" t="s">
        <v>621</v>
      </c>
      <c r="E10" s="14" t="s">
        <v>680</v>
      </c>
      <c r="F10" s="14" t="s">
        <v>622</v>
      </c>
      <c r="G10" s="14" t="s">
        <v>231</v>
      </c>
      <c r="H10" s="14"/>
      <c r="I10" s="14"/>
      <c r="J10" s="14"/>
      <c r="K10" s="14"/>
      <c r="L10" s="14"/>
      <c r="M10" s="14"/>
      <c r="N10" s="14"/>
      <c r="O10" s="14"/>
      <c r="P10" s="14"/>
      <c r="Q10" s="14"/>
    </row>
    <row r="11" spans="1:17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214</v>
      </c>
      <c r="F11" s="15" t="s">
        <v>214</v>
      </c>
      <c r="G11" s="16">
        <v>123162995</v>
      </c>
      <c r="H11" s="16">
        <v>100310243</v>
      </c>
      <c r="I11" s="16">
        <v>84632638</v>
      </c>
      <c r="J11" s="16">
        <v>22317680</v>
      </c>
      <c r="K11" s="16">
        <v>15677605</v>
      </c>
      <c r="L11" s="16">
        <v>1231866</v>
      </c>
      <c r="M11" s="16">
        <v>21151042</v>
      </c>
      <c r="N11" s="16">
        <v>469844</v>
      </c>
      <c r="O11" s="16">
        <v>11442715</v>
      </c>
      <c r="P11" s="16">
        <v>13067790</v>
      </c>
      <c r="Q11" s="16">
        <v>6716806</v>
      </c>
    </row>
    <row r="12" spans="1:17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214</v>
      </c>
      <c r="F12" s="21" t="s">
        <v>424</v>
      </c>
      <c r="G12" s="16">
        <v>342</v>
      </c>
      <c r="H12" s="16">
        <v>204</v>
      </c>
      <c r="I12" s="16">
        <v>103</v>
      </c>
      <c r="J12" s="22" t="s">
        <v>268</v>
      </c>
      <c r="K12" s="16">
        <v>101</v>
      </c>
      <c r="L12" s="16">
        <v>10</v>
      </c>
      <c r="M12" s="16">
        <v>128</v>
      </c>
      <c r="N12" s="22" t="s">
        <v>268</v>
      </c>
      <c r="O12" s="16">
        <v>3</v>
      </c>
      <c r="P12" s="22" t="s">
        <v>268</v>
      </c>
      <c r="Q12" s="22" t="s">
        <v>268</v>
      </c>
    </row>
    <row r="13" spans="1:17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214</v>
      </c>
      <c r="F13" s="21" t="s">
        <v>425</v>
      </c>
      <c r="G13" s="16">
        <v>78513849</v>
      </c>
      <c r="H13" s="16">
        <v>65506582</v>
      </c>
      <c r="I13" s="16">
        <v>57601694</v>
      </c>
      <c r="J13" s="16">
        <v>8869370</v>
      </c>
      <c r="K13" s="16">
        <v>7904888</v>
      </c>
      <c r="L13" s="16">
        <v>975762</v>
      </c>
      <c r="M13" s="16">
        <v>12031505</v>
      </c>
      <c r="N13" s="22" t="s">
        <v>268</v>
      </c>
      <c r="O13" s="16">
        <v>5886956</v>
      </c>
      <c r="P13" s="16">
        <v>13636</v>
      </c>
      <c r="Q13" s="22" t="s">
        <v>268</v>
      </c>
    </row>
    <row r="14" spans="1:17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214</v>
      </c>
      <c r="F14" s="21" t="s">
        <v>426</v>
      </c>
      <c r="G14" s="16">
        <v>41776357</v>
      </c>
      <c r="H14" s="16">
        <v>34803457</v>
      </c>
      <c r="I14" s="16">
        <v>27030841</v>
      </c>
      <c r="J14" s="16">
        <v>13448310</v>
      </c>
      <c r="K14" s="16">
        <v>7772616</v>
      </c>
      <c r="L14" s="16">
        <v>256094</v>
      </c>
      <c r="M14" s="16">
        <v>6716806</v>
      </c>
      <c r="N14" s="22" t="s">
        <v>268</v>
      </c>
      <c r="O14" s="16">
        <v>5555756</v>
      </c>
      <c r="P14" s="16">
        <v>13054154</v>
      </c>
      <c r="Q14" s="16">
        <v>6716806</v>
      </c>
    </row>
    <row r="15" spans="1:17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214</v>
      </c>
      <c r="F15" s="21" t="s">
        <v>720</v>
      </c>
      <c r="G15" s="16">
        <v>2872447</v>
      </c>
      <c r="H15" s="22" t="s">
        <v>268</v>
      </c>
      <c r="I15" s="22" t="s">
        <v>268</v>
      </c>
      <c r="J15" s="22" t="s">
        <v>268</v>
      </c>
      <c r="K15" s="22" t="s">
        <v>268</v>
      </c>
      <c r="L15" s="22" t="s">
        <v>268</v>
      </c>
      <c r="M15" s="16">
        <v>2402603</v>
      </c>
      <c r="N15" s="16">
        <v>469844</v>
      </c>
      <c r="O15" s="22" t="s">
        <v>268</v>
      </c>
      <c r="P15" s="22" t="s">
        <v>268</v>
      </c>
      <c r="Q15" s="22" t="s">
        <v>268</v>
      </c>
    </row>
    <row r="16" spans="1:17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214</v>
      </c>
      <c r="F16" s="21" t="s">
        <v>427</v>
      </c>
      <c r="G16" s="16">
        <v>51195680</v>
      </c>
      <c r="H16" s="16">
        <v>42997949</v>
      </c>
      <c r="I16" s="16">
        <v>33229684</v>
      </c>
      <c r="J16" s="16">
        <v>15609138</v>
      </c>
      <c r="K16" s="16">
        <v>9768265</v>
      </c>
      <c r="L16" s="16">
        <v>335106</v>
      </c>
      <c r="M16" s="16">
        <v>7862625</v>
      </c>
      <c r="N16" s="22" t="s">
        <v>268</v>
      </c>
      <c r="O16" s="16">
        <v>6893161</v>
      </c>
      <c r="P16" s="16">
        <v>13067790</v>
      </c>
      <c r="Q16" s="16">
        <v>6716806</v>
      </c>
    </row>
    <row r="17" spans="1:17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214</v>
      </c>
      <c r="F17" s="21" t="s">
        <v>428</v>
      </c>
      <c r="G17" s="16">
        <v>20221192</v>
      </c>
      <c r="H17" s="16">
        <v>16308624</v>
      </c>
      <c r="I17" s="16">
        <v>12716106</v>
      </c>
      <c r="J17" s="16">
        <v>6492298</v>
      </c>
      <c r="K17" s="16">
        <v>3592518</v>
      </c>
      <c r="L17" s="16">
        <v>104860</v>
      </c>
      <c r="M17" s="16">
        <v>3807708</v>
      </c>
      <c r="N17" s="22" t="s">
        <v>268</v>
      </c>
      <c r="O17" s="16">
        <v>2600609</v>
      </c>
      <c r="P17" s="16">
        <v>6469874</v>
      </c>
      <c r="Q17" s="16">
        <v>3807708</v>
      </c>
    </row>
    <row r="18" spans="1:17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214</v>
      </c>
      <c r="F18" s="21" t="s">
        <v>429</v>
      </c>
      <c r="G18" s="16">
        <v>5328864</v>
      </c>
      <c r="H18" s="16">
        <v>3966795</v>
      </c>
      <c r="I18" s="16">
        <v>2872148</v>
      </c>
      <c r="J18" s="16">
        <v>1356672</v>
      </c>
      <c r="K18" s="16">
        <v>1094647</v>
      </c>
      <c r="L18" s="16">
        <v>27748</v>
      </c>
      <c r="M18" s="16">
        <v>1334321</v>
      </c>
      <c r="N18" s="22" t="s">
        <v>268</v>
      </c>
      <c r="O18" s="16">
        <v>714833</v>
      </c>
      <c r="P18" s="16">
        <v>1355556</v>
      </c>
      <c r="Q18" s="16">
        <v>1334321</v>
      </c>
    </row>
    <row r="19" spans="1:17">
      <c r="A19" s="21" t="s">
        <v>232</v>
      </c>
      <c r="B19" s="21" t="s">
        <v>233</v>
      </c>
      <c r="C19" s="21" t="s">
        <v>262</v>
      </c>
      <c r="D19" s="21" t="s">
        <v>214</v>
      </c>
      <c r="E19" s="21" t="s">
        <v>681</v>
      </c>
      <c r="F19" s="21" t="s">
        <v>214</v>
      </c>
      <c r="G19" s="16">
        <v>122165633</v>
      </c>
      <c r="H19" s="16">
        <v>99955578</v>
      </c>
      <c r="I19" s="16">
        <v>84311810</v>
      </c>
      <c r="J19" s="16">
        <v>22244626</v>
      </c>
      <c r="K19" s="16">
        <v>15643768</v>
      </c>
      <c r="L19" s="16">
        <v>1223871</v>
      </c>
      <c r="M19" s="16">
        <v>20523606</v>
      </c>
      <c r="N19" s="16">
        <v>462578</v>
      </c>
      <c r="O19" s="16">
        <v>11417274</v>
      </c>
      <c r="P19" s="16">
        <v>13024172</v>
      </c>
      <c r="Q19" s="16">
        <v>6686107</v>
      </c>
    </row>
    <row r="20" spans="1:17">
      <c r="A20" s="21" t="s">
        <v>232</v>
      </c>
      <c r="B20" s="21" t="s">
        <v>233</v>
      </c>
      <c r="C20" s="21" t="s">
        <v>262</v>
      </c>
      <c r="D20" s="21" t="s">
        <v>214</v>
      </c>
      <c r="E20" s="21" t="s">
        <v>681</v>
      </c>
      <c r="F20" s="21" t="s">
        <v>424</v>
      </c>
      <c r="G20" s="16">
        <v>321</v>
      </c>
      <c r="H20" s="16">
        <v>202</v>
      </c>
      <c r="I20" s="16">
        <v>101</v>
      </c>
      <c r="J20" s="22" t="s">
        <v>268</v>
      </c>
      <c r="K20" s="16">
        <v>101</v>
      </c>
      <c r="L20" s="16">
        <v>10</v>
      </c>
      <c r="M20" s="16">
        <v>109</v>
      </c>
      <c r="N20" s="22" t="s">
        <v>268</v>
      </c>
      <c r="O20" s="16">
        <v>3</v>
      </c>
      <c r="P20" s="22" t="s">
        <v>268</v>
      </c>
      <c r="Q20" s="22" t="s">
        <v>268</v>
      </c>
    </row>
    <row r="21" spans="1:17">
      <c r="A21" s="21" t="s">
        <v>232</v>
      </c>
      <c r="B21" s="21" t="s">
        <v>233</v>
      </c>
      <c r="C21" s="21" t="s">
        <v>262</v>
      </c>
      <c r="D21" s="21" t="s">
        <v>214</v>
      </c>
      <c r="E21" s="21" t="s">
        <v>681</v>
      </c>
      <c r="F21" s="21" t="s">
        <v>425</v>
      </c>
      <c r="G21" s="16">
        <v>77678979</v>
      </c>
      <c r="H21" s="16">
        <v>65221850</v>
      </c>
      <c r="I21" s="16">
        <v>57340365</v>
      </c>
      <c r="J21" s="16">
        <v>8840850</v>
      </c>
      <c r="K21" s="16">
        <v>7881485</v>
      </c>
      <c r="L21" s="16">
        <v>969989</v>
      </c>
      <c r="M21" s="16">
        <v>11487140</v>
      </c>
      <c r="N21" s="22" t="s">
        <v>268</v>
      </c>
      <c r="O21" s="16">
        <v>5869161</v>
      </c>
      <c r="P21" s="16">
        <v>13564</v>
      </c>
      <c r="Q21" s="22" t="s">
        <v>268</v>
      </c>
    </row>
    <row r="22" spans="1:17">
      <c r="A22" s="21" t="s">
        <v>232</v>
      </c>
      <c r="B22" s="21" t="s">
        <v>233</v>
      </c>
      <c r="C22" s="21" t="s">
        <v>262</v>
      </c>
      <c r="D22" s="21" t="s">
        <v>214</v>
      </c>
      <c r="E22" s="21" t="s">
        <v>681</v>
      </c>
      <c r="F22" s="21" t="s">
        <v>426</v>
      </c>
      <c r="G22" s="16">
        <v>41673505</v>
      </c>
      <c r="H22" s="16">
        <v>34733526</v>
      </c>
      <c r="I22" s="16">
        <v>26971344</v>
      </c>
      <c r="J22" s="16">
        <v>13403776</v>
      </c>
      <c r="K22" s="16">
        <v>7762182</v>
      </c>
      <c r="L22" s="16">
        <v>253872</v>
      </c>
      <c r="M22" s="16">
        <v>6686107</v>
      </c>
      <c r="N22" s="22" t="s">
        <v>268</v>
      </c>
      <c r="O22" s="16">
        <v>5548110</v>
      </c>
      <c r="P22" s="16">
        <v>13010608</v>
      </c>
      <c r="Q22" s="16">
        <v>6686107</v>
      </c>
    </row>
    <row r="23" spans="1:17">
      <c r="A23" s="21" t="s">
        <v>232</v>
      </c>
      <c r="B23" s="21" t="s">
        <v>233</v>
      </c>
      <c r="C23" s="21" t="s">
        <v>262</v>
      </c>
      <c r="D23" s="21" t="s">
        <v>214</v>
      </c>
      <c r="E23" s="21" t="s">
        <v>681</v>
      </c>
      <c r="F23" s="21" t="s">
        <v>720</v>
      </c>
      <c r="G23" s="16">
        <v>2812828</v>
      </c>
      <c r="H23" s="22" t="s">
        <v>268</v>
      </c>
      <c r="I23" s="22" t="s">
        <v>268</v>
      </c>
      <c r="J23" s="22" t="s">
        <v>268</v>
      </c>
      <c r="K23" s="22" t="s">
        <v>268</v>
      </c>
      <c r="L23" s="22" t="s">
        <v>268</v>
      </c>
      <c r="M23" s="16">
        <v>2350250</v>
      </c>
      <c r="N23" s="16">
        <v>462578</v>
      </c>
      <c r="O23" s="22" t="s">
        <v>268</v>
      </c>
      <c r="P23" s="22" t="s">
        <v>268</v>
      </c>
      <c r="Q23" s="22" t="s">
        <v>268</v>
      </c>
    </row>
    <row r="24" spans="1:17">
      <c r="A24" s="21" t="s">
        <v>232</v>
      </c>
      <c r="B24" s="21" t="s">
        <v>233</v>
      </c>
      <c r="C24" s="21" t="s">
        <v>262</v>
      </c>
      <c r="D24" s="21" t="s">
        <v>214</v>
      </c>
      <c r="E24" s="21" t="s">
        <v>681</v>
      </c>
      <c r="F24" s="21" t="s">
        <v>427</v>
      </c>
      <c r="G24" s="16">
        <v>51059736</v>
      </c>
      <c r="H24" s="16">
        <v>42910251</v>
      </c>
      <c r="I24" s="16">
        <v>33155991</v>
      </c>
      <c r="J24" s="16">
        <v>15559534</v>
      </c>
      <c r="K24" s="16">
        <v>9754260</v>
      </c>
      <c r="L24" s="16">
        <v>332358</v>
      </c>
      <c r="M24" s="16">
        <v>7817127</v>
      </c>
      <c r="N24" s="22" t="s">
        <v>268</v>
      </c>
      <c r="O24" s="16">
        <v>6882966</v>
      </c>
      <c r="P24" s="16">
        <v>13024172</v>
      </c>
      <c r="Q24" s="16">
        <v>6686107</v>
      </c>
    </row>
    <row r="25" spans="1:17">
      <c r="A25" s="21" t="s">
        <v>232</v>
      </c>
      <c r="B25" s="21" t="s">
        <v>233</v>
      </c>
      <c r="C25" s="21" t="s">
        <v>262</v>
      </c>
      <c r="D25" s="21" t="s">
        <v>214</v>
      </c>
      <c r="E25" s="21" t="s">
        <v>681</v>
      </c>
      <c r="F25" s="21" t="s">
        <v>428</v>
      </c>
      <c r="G25" s="16">
        <v>20160967</v>
      </c>
      <c r="H25" s="16">
        <v>16263800</v>
      </c>
      <c r="I25" s="16">
        <v>12676050</v>
      </c>
      <c r="J25" s="16">
        <v>6458382</v>
      </c>
      <c r="K25" s="16">
        <v>3587750</v>
      </c>
      <c r="L25" s="16">
        <v>103442</v>
      </c>
      <c r="M25" s="16">
        <v>3793725</v>
      </c>
      <c r="N25" s="22" t="s">
        <v>268</v>
      </c>
      <c r="O25" s="16">
        <v>2597203</v>
      </c>
      <c r="P25" s="16">
        <v>6436032</v>
      </c>
      <c r="Q25" s="16">
        <v>3793725</v>
      </c>
    </row>
    <row r="26" spans="1:17">
      <c r="A26" s="21" t="s">
        <v>232</v>
      </c>
      <c r="B26" s="21" t="s">
        <v>233</v>
      </c>
      <c r="C26" s="21" t="s">
        <v>262</v>
      </c>
      <c r="D26" s="21" t="s">
        <v>214</v>
      </c>
      <c r="E26" s="21" t="s">
        <v>681</v>
      </c>
      <c r="F26" s="21" t="s">
        <v>429</v>
      </c>
      <c r="G26" s="16">
        <v>5297366</v>
      </c>
      <c r="H26" s="16">
        <v>3942714</v>
      </c>
      <c r="I26" s="16">
        <v>2849483</v>
      </c>
      <c r="J26" s="16">
        <v>1335868</v>
      </c>
      <c r="K26" s="16">
        <v>1093231</v>
      </c>
      <c r="L26" s="16">
        <v>26959</v>
      </c>
      <c r="M26" s="16">
        <v>1327693</v>
      </c>
      <c r="N26" s="22" t="s">
        <v>268</v>
      </c>
      <c r="O26" s="16">
        <v>713975</v>
      </c>
      <c r="P26" s="16">
        <v>1334766</v>
      </c>
      <c r="Q26" s="16">
        <v>1327693</v>
      </c>
    </row>
    <row r="27" spans="1:17">
      <c r="A27" s="21" t="s">
        <v>232</v>
      </c>
      <c r="B27" s="21" t="s">
        <v>233</v>
      </c>
      <c r="C27" s="21" t="s">
        <v>262</v>
      </c>
      <c r="D27" s="21" t="s">
        <v>214</v>
      </c>
      <c r="E27" s="21" t="s">
        <v>682</v>
      </c>
      <c r="F27" s="21" t="s">
        <v>214</v>
      </c>
      <c r="G27" s="16">
        <v>120994071</v>
      </c>
      <c r="H27" s="16">
        <v>99238825</v>
      </c>
      <c r="I27" s="16">
        <v>83640564</v>
      </c>
      <c r="J27" s="16">
        <v>22117772</v>
      </c>
      <c r="K27" s="16">
        <v>15598261</v>
      </c>
      <c r="L27" s="16">
        <v>1213918</v>
      </c>
      <c r="M27" s="16">
        <v>20080448</v>
      </c>
      <c r="N27" s="16">
        <v>460880</v>
      </c>
      <c r="O27" s="16">
        <v>11389048</v>
      </c>
      <c r="P27" s="16">
        <v>12966220</v>
      </c>
      <c r="Q27" s="16">
        <v>6584760</v>
      </c>
    </row>
    <row r="28" spans="1:17">
      <c r="A28" s="21" t="s">
        <v>232</v>
      </c>
      <c r="B28" s="21" t="s">
        <v>233</v>
      </c>
      <c r="C28" s="21" t="s">
        <v>262</v>
      </c>
      <c r="D28" s="21" t="s">
        <v>214</v>
      </c>
      <c r="E28" s="21" t="s">
        <v>682</v>
      </c>
      <c r="F28" s="21" t="s">
        <v>424</v>
      </c>
      <c r="G28" s="16">
        <v>239</v>
      </c>
      <c r="H28" s="16">
        <v>178</v>
      </c>
      <c r="I28" s="16">
        <v>101</v>
      </c>
      <c r="J28" s="22" t="s">
        <v>268</v>
      </c>
      <c r="K28" s="16">
        <v>77</v>
      </c>
      <c r="L28" s="16">
        <v>10</v>
      </c>
      <c r="M28" s="16">
        <v>51</v>
      </c>
      <c r="N28" s="22" t="s">
        <v>268</v>
      </c>
      <c r="O28" s="16">
        <v>3</v>
      </c>
      <c r="P28" s="22" t="s">
        <v>268</v>
      </c>
      <c r="Q28" s="22" t="s">
        <v>268</v>
      </c>
    </row>
    <row r="29" spans="1:17">
      <c r="A29" s="21" t="s">
        <v>232</v>
      </c>
      <c r="B29" s="21" t="s">
        <v>233</v>
      </c>
      <c r="C29" s="21" t="s">
        <v>262</v>
      </c>
      <c r="D29" s="21" t="s">
        <v>214</v>
      </c>
      <c r="E29" s="21" t="s">
        <v>682</v>
      </c>
      <c r="F29" s="21" t="s">
        <v>425</v>
      </c>
      <c r="G29" s="16">
        <v>76738171</v>
      </c>
      <c r="H29" s="16">
        <v>64616844</v>
      </c>
      <c r="I29" s="16">
        <v>56767843</v>
      </c>
      <c r="J29" s="16">
        <v>8774180</v>
      </c>
      <c r="K29" s="16">
        <v>7849001</v>
      </c>
      <c r="L29" s="16">
        <v>961806</v>
      </c>
      <c r="M29" s="16">
        <v>11159521</v>
      </c>
      <c r="N29" s="22" t="s">
        <v>268</v>
      </c>
      <c r="O29" s="16">
        <v>5847957</v>
      </c>
      <c r="P29" s="16">
        <v>13408</v>
      </c>
      <c r="Q29" s="22" t="s">
        <v>268</v>
      </c>
    </row>
    <row r="30" spans="1:17">
      <c r="A30" s="21" t="s">
        <v>232</v>
      </c>
      <c r="B30" s="21" t="s">
        <v>233</v>
      </c>
      <c r="C30" s="21" t="s">
        <v>262</v>
      </c>
      <c r="D30" s="21" t="s">
        <v>214</v>
      </c>
      <c r="E30" s="21" t="s">
        <v>682</v>
      </c>
      <c r="F30" s="21" t="s">
        <v>426</v>
      </c>
      <c r="G30" s="16">
        <v>41458665</v>
      </c>
      <c r="H30" s="16">
        <v>34621803</v>
      </c>
      <c r="I30" s="16">
        <v>26872620</v>
      </c>
      <c r="J30" s="16">
        <v>13343592</v>
      </c>
      <c r="K30" s="16">
        <v>7749183</v>
      </c>
      <c r="L30" s="16">
        <v>252102</v>
      </c>
      <c r="M30" s="16">
        <v>6584760</v>
      </c>
      <c r="N30" s="22" t="s">
        <v>268</v>
      </c>
      <c r="O30" s="16">
        <v>5541088</v>
      </c>
      <c r="P30" s="16">
        <v>12952812</v>
      </c>
      <c r="Q30" s="16">
        <v>6584760</v>
      </c>
    </row>
    <row r="31" spans="1:17">
      <c r="A31" s="21" t="s">
        <v>232</v>
      </c>
      <c r="B31" s="21" t="s">
        <v>233</v>
      </c>
      <c r="C31" s="21" t="s">
        <v>262</v>
      </c>
      <c r="D31" s="21" t="s">
        <v>214</v>
      </c>
      <c r="E31" s="21" t="s">
        <v>682</v>
      </c>
      <c r="F31" s="21" t="s">
        <v>720</v>
      </c>
      <c r="G31" s="16">
        <v>2796996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22" t="s">
        <v>268</v>
      </c>
      <c r="M31" s="16">
        <v>2336116</v>
      </c>
      <c r="N31" s="16">
        <v>460880</v>
      </c>
      <c r="O31" s="22" t="s">
        <v>268</v>
      </c>
      <c r="P31" s="22" t="s">
        <v>268</v>
      </c>
      <c r="Q31" s="22" t="s">
        <v>268</v>
      </c>
    </row>
    <row r="32" spans="1:17">
      <c r="A32" s="21" t="s">
        <v>232</v>
      </c>
      <c r="B32" s="21" t="s">
        <v>233</v>
      </c>
      <c r="C32" s="21" t="s">
        <v>262</v>
      </c>
      <c r="D32" s="21" t="s">
        <v>214</v>
      </c>
      <c r="E32" s="21" t="s">
        <v>682</v>
      </c>
      <c r="F32" s="21" t="s">
        <v>427</v>
      </c>
      <c r="G32" s="16">
        <v>50787391</v>
      </c>
      <c r="H32" s="16">
        <v>42759433</v>
      </c>
      <c r="I32" s="16">
        <v>33022311</v>
      </c>
      <c r="J32" s="16">
        <v>15487358</v>
      </c>
      <c r="K32" s="16">
        <v>9737122</v>
      </c>
      <c r="L32" s="16">
        <v>330040</v>
      </c>
      <c r="M32" s="16">
        <v>7697918</v>
      </c>
      <c r="N32" s="22" t="s">
        <v>268</v>
      </c>
      <c r="O32" s="16">
        <v>6873464</v>
      </c>
      <c r="P32" s="16">
        <v>12966220</v>
      </c>
      <c r="Q32" s="16">
        <v>6584760</v>
      </c>
    </row>
    <row r="33" spans="1:17">
      <c r="A33" s="21" t="s">
        <v>232</v>
      </c>
      <c r="B33" s="21" t="s">
        <v>233</v>
      </c>
      <c r="C33" s="21" t="s">
        <v>262</v>
      </c>
      <c r="D33" s="21" t="s">
        <v>214</v>
      </c>
      <c r="E33" s="21" t="s">
        <v>682</v>
      </c>
      <c r="F33" s="21" t="s">
        <v>428</v>
      </c>
      <c r="G33" s="16">
        <v>20048922</v>
      </c>
      <c r="H33" s="16">
        <v>16212227</v>
      </c>
      <c r="I33" s="16">
        <v>12630181</v>
      </c>
      <c r="J33" s="16">
        <v>6426938</v>
      </c>
      <c r="K33" s="16">
        <v>3582046</v>
      </c>
      <c r="L33" s="16">
        <v>102778</v>
      </c>
      <c r="M33" s="16">
        <v>3733917</v>
      </c>
      <c r="N33" s="22" t="s">
        <v>268</v>
      </c>
      <c r="O33" s="16">
        <v>2594222</v>
      </c>
      <c r="P33" s="16">
        <v>6404728</v>
      </c>
      <c r="Q33" s="16">
        <v>3733917</v>
      </c>
    </row>
    <row r="34" spans="1:17">
      <c r="A34" s="21" t="s">
        <v>232</v>
      </c>
      <c r="B34" s="21" t="s">
        <v>233</v>
      </c>
      <c r="C34" s="21" t="s">
        <v>262</v>
      </c>
      <c r="D34" s="21" t="s">
        <v>214</v>
      </c>
      <c r="E34" s="21" t="s">
        <v>682</v>
      </c>
      <c r="F34" s="21" t="s">
        <v>429</v>
      </c>
      <c r="G34" s="16">
        <v>5257677</v>
      </c>
      <c r="H34" s="16">
        <v>3928886</v>
      </c>
      <c r="I34" s="16">
        <v>2837246</v>
      </c>
      <c r="J34" s="16">
        <v>1327298</v>
      </c>
      <c r="K34" s="16">
        <v>1091640</v>
      </c>
      <c r="L34" s="16">
        <v>26811</v>
      </c>
      <c r="M34" s="16">
        <v>1301980</v>
      </c>
      <c r="N34" s="22" t="s">
        <v>268</v>
      </c>
      <c r="O34" s="16">
        <v>713328</v>
      </c>
      <c r="P34" s="16">
        <v>1326200</v>
      </c>
      <c r="Q34" s="16">
        <v>1301980</v>
      </c>
    </row>
    <row r="35" spans="1:17">
      <c r="A35" s="21" t="s">
        <v>232</v>
      </c>
      <c r="B35" s="21" t="s">
        <v>233</v>
      </c>
      <c r="C35" s="21" t="s">
        <v>262</v>
      </c>
      <c r="D35" s="21" t="s">
        <v>214</v>
      </c>
      <c r="E35" s="21" t="s">
        <v>683</v>
      </c>
      <c r="F35" s="21" t="s">
        <v>214</v>
      </c>
      <c r="G35" s="16">
        <v>87023174</v>
      </c>
      <c r="H35" s="16">
        <v>78957859</v>
      </c>
      <c r="I35" s="16">
        <v>64419253</v>
      </c>
      <c r="J35" s="16">
        <v>17118420</v>
      </c>
      <c r="K35" s="16">
        <v>14538606</v>
      </c>
      <c r="L35" s="16">
        <v>507594</v>
      </c>
      <c r="M35" s="16">
        <v>7278913</v>
      </c>
      <c r="N35" s="16">
        <v>278808</v>
      </c>
      <c r="O35" s="16">
        <v>10829731</v>
      </c>
      <c r="P35" s="16">
        <v>11565498</v>
      </c>
      <c r="Q35" s="16">
        <v>4435064</v>
      </c>
    </row>
    <row r="36" spans="1:17">
      <c r="A36" s="21" t="s">
        <v>232</v>
      </c>
      <c r="B36" s="21" t="s">
        <v>233</v>
      </c>
      <c r="C36" s="21" t="s">
        <v>262</v>
      </c>
      <c r="D36" s="21" t="s">
        <v>214</v>
      </c>
      <c r="E36" s="21" t="s">
        <v>683</v>
      </c>
      <c r="F36" s="21" t="s">
        <v>424</v>
      </c>
      <c r="G36" s="16">
        <v>120</v>
      </c>
      <c r="H36" s="16">
        <v>103</v>
      </c>
      <c r="I36" s="16">
        <v>51</v>
      </c>
      <c r="J36" s="22" t="s">
        <v>268</v>
      </c>
      <c r="K36" s="16">
        <v>52</v>
      </c>
      <c r="L36" s="16">
        <v>2</v>
      </c>
      <c r="M36" s="16">
        <v>15</v>
      </c>
      <c r="N36" s="22" t="s">
        <v>268</v>
      </c>
      <c r="O36" s="16">
        <v>3</v>
      </c>
      <c r="P36" s="22" t="s">
        <v>268</v>
      </c>
      <c r="Q36" s="22" t="s">
        <v>268</v>
      </c>
    </row>
    <row r="37" spans="1:17">
      <c r="A37" s="21" t="s">
        <v>232</v>
      </c>
      <c r="B37" s="21" t="s">
        <v>233</v>
      </c>
      <c r="C37" s="21" t="s">
        <v>262</v>
      </c>
      <c r="D37" s="21" t="s">
        <v>214</v>
      </c>
      <c r="E37" s="21" t="s">
        <v>683</v>
      </c>
      <c r="F37" s="21" t="s">
        <v>425</v>
      </c>
      <c r="G37" s="16">
        <v>50356825</v>
      </c>
      <c r="H37" s="16">
        <v>47660017</v>
      </c>
      <c r="I37" s="16">
        <v>40573562</v>
      </c>
      <c r="J37" s="16">
        <v>5261084</v>
      </c>
      <c r="K37" s="16">
        <v>7086455</v>
      </c>
      <c r="L37" s="16">
        <v>325194</v>
      </c>
      <c r="M37" s="16">
        <v>2371614</v>
      </c>
      <c r="N37" s="22" t="s">
        <v>268</v>
      </c>
      <c r="O37" s="16">
        <v>5444280</v>
      </c>
      <c r="P37" s="16">
        <v>9294</v>
      </c>
      <c r="Q37" s="22" t="s">
        <v>268</v>
      </c>
    </row>
    <row r="38" spans="1:17">
      <c r="A38" s="21" t="s">
        <v>232</v>
      </c>
      <c r="B38" s="21" t="s">
        <v>233</v>
      </c>
      <c r="C38" s="21" t="s">
        <v>262</v>
      </c>
      <c r="D38" s="21" t="s">
        <v>214</v>
      </c>
      <c r="E38" s="21" t="s">
        <v>683</v>
      </c>
      <c r="F38" s="21" t="s">
        <v>426</v>
      </c>
      <c r="G38" s="16">
        <v>35915201</v>
      </c>
      <c r="H38" s="16">
        <v>31297739</v>
      </c>
      <c r="I38" s="16">
        <v>23845640</v>
      </c>
      <c r="J38" s="16">
        <v>11857336</v>
      </c>
      <c r="K38" s="16">
        <v>7452099</v>
      </c>
      <c r="L38" s="16">
        <v>182398</v>
      </c>
      <c r="M38" s="16">
        <v>4435064</v>
      </c>
      <c r="N38" s="22" t="s">
        <v>268</v>
      </c>
      <c r="O38" s="16">
        <v>5385448</v>
      </c>
      <c r="P38" s="16">
        <v>11556204</v>
      </c>
      <c r="Q38" s="16">
        <v>4435064</v>
      </c>
    </row>
    <row r="39" spans="1:17">
      <c r="A39" s="21" t="s">
        <v>232</v>
      </c>
      <c r="B39" s="21" t="s">
        <v>233</v>
      </c>
      <c r="C39" s="21" t="s">
        <v>262</v>
      </c>
      <c r="D39" s="21" t="s">
        <v>214</v>
      </c>
      <c r="E39" s="21" t="s">
        <v>683</v>
      </c>
      <c r="F39" s="21" t="s">
        <v>720</v>
      </c>
      <c r="G39" s="16">
        <v>751028</v>
      </c>
      <c r="H39" s="22" t="s">
        <v>268</v>
      </c>
      <c r="I39" s="22" t="s">
        <v>268</v>
      </c>
      <c r="J39" s="22" t="s">
        <v>268</v>
      </c>
      <c r="K39" s="22" t="s">
        <v>268</v>
      </c>
      <c r="L39" s="22" t="s">
        <v>268</v>
      </c>
      <c r="M39" s="16">
        <v>472220</v>
      </c>
      <c r="N39" s="16">
        <v>278808</v>
      </c>
      <c r="O39" s="22" t="s">
        <v>268</v>
      </c>
      <c r="P39" s="22" t="s">
        <v>268</v>
      </c>
      <c r="Q39" s="22" t="s">
        <v>268</v>
      </c>
    </row>
    <row r="40" spans="1:17">
      <c r="A40" s="21" t="s">
        <v>232</v>
      </c>
      <c r="B40" s="21" t="s">
        <v>233</v>
      </c>
      <c r="C40" s="21" t="s">
        <v>262</v>
      </c>
      <c r="D40" s="21" t="s">
        <v>214</v>
      </c>
      <c r="E40" s="21" t="s">
        <v>683</v>
      </c>
      <c r="F40" s="21" t="s">
        <v>427</v>
      </c>
      <c r="G40" s="16">
        <v>43659979</v>
      </c>
      <c r="H40" s="16">
        <v>38409058</v>
      </c>
      <c r="I40" s="16">
        <v>29068706</v>
      </c>
      <c r="J40" s="16">
        <v>13673090</v>
      </c>
      <c r="K40" s="16">
        <v>9340352</v>
      </c>
      <c r="L40" s="16">
        <v>233233</v>
      </c>
      <c r="M40" s="16">
        <v>5017688</v>
      </c>
      <c r="N40" s="22" t="s">
        <v>268</v>
      </c>
      <c r="O40" s="16">
        <v>6658963</v>
      </c>
      <c r="P40" s="16">
        <v>11565498</v>
      </c>
      <c r="Q40" s="16">
        <v>4435064</v>
      </c>
    </row>
    <row r="41" spans="1:17">
      <c r="A41" s="21" t="s">
        <v>232</v>
      </c>
      <c r="B41" s="21" t="s">
        <v>233</v>
      </c>
      <c r="C41" s="21" t="s">
        <v>262</v>
      </c>
      <c r="D41" s="21" t="s">
        <v>214</v>
      </c>
      <c r="E41" s="21" t="s">
        <v>683</v>
      </c>
      <c r="F41" s="21" t="s">
        <v>428</v>
      </c>
      <c r="G41" s="16">
        <v>17565354</v>
      </c>
      <c r="H41" s="16">
        <v>14768602</v>
      </c>
      <c r="I41" s="16">
        <v>11299237</v>
      </c>
      <c r="J41" s="16">
        <v>5734594</v>
      </c>
      <c r="K41" s="16">
        <v>3469365</v>
      </c>
      <c r="L41" s="16">
        <v>79864</v>
      </c>
      <c r="M41" s="16">
        <v>2716888</v>
      </c>
      <c r="N41" s="22" t="s">
        <v>268</v>
      </c>
      <c r="O41" s="16">
        <v>2536852</v>
      </c>
      <c r="P41" s="16">
        <v>5720286</v>
      </c>
      <c r="Q41" s="16">
        <v>2716888</v>
      </c>
    </row>
    <row r="42" spans="1:17">
      <c r="A42" s="21" t="s">
        <v>232</v>
      </c>
      <c r="B42" s="21" t="s">
        <v>233</v>
      </c>
      <c r="C42" s="21" t="s">
        <v>262</v>
      </c>
      <c r="D42" s="21" t="s">
        <v>214</v>
      </c>
      <c r="E42" s="21" t="s">
        <v>683</v>
      </c>
      <c r="F42" s="21" t="s">
        <v>429</v>
      </c>
      <c r="G42" s="16">
        <v>4666199</v>
      </c>
      <c r="H42" s="16">
        <v>3621647</v>
      </c>
      <c r="I42" s="16">
        <v>2555959</v>
      </c>
      <c r="J42" s="16">
        <v>1188232</v>
      </c>
      <c r="K42" s="16">
        <v>1065688</v>
      </c>
      <c r="L42" s="16">
        <v>22958</v>
      </c>
      <c r="M42" s="16">
        <v>1021594</v>
      </c>
      <c r="N42" s="22" t="s">
        <v>268</v>
      </c>
      <c r="O42" s="16">
        <v>700924</v>
      </c>
      <c r="P42" s="16">
        <v>1187452</v>
      </c>
      <c r="Q42" s="16">
        <v>1021594</v>
      </c>
    </row>
    <row r="43" spans="1:17">
      <c r="A43" s="21" t="s">
        <v>232</v>
      </c>
      <c r="B43" s="21" t="s">
        <v>233</v>
      </c>
      <c r="C43" s="21" t="s">
        <v>262</v>
      </c>
      <c r="D43" s="21" t="s">
        <v>214</v>
      </c>
      <c r="E43" s="21" t="s">
        <v>684</v>
      </c>
      <c r="F43" s="21" t="s">
        <v>214</v>
      </c>
      <c r="G43" s="16">
        <v>5015325</v>
      </c>
      <c r="H43" s="16">
        <v>3751930</v>
      </c>
      <c r="I43" s="16">
        <v>3525952</v>
      </c>
      <c r="J43" s="16">
        <v>955326</v>
      </c>
      <c r="K43" s="16">
        <v>225978</v>
      </c>
      <c r="L43" s="16">
        <v>38544</v>
      </c>
      <c r="M43" s="16">
        <v>1200420</v>
      </c>
      <c r="N43" s="16">
        <v>24431</v>
      </c>
      <c r="O43" s="16">
        <v>128432</v>
      </c>
      <c r="P43" s="16">
        <v>659326</v>
      </c>
      <c r="Q43" s="16">
        <v>761322</v>
      </c>
    </row>
    <row r="44" spans="1:17">
      <c r="A44" s="21" t="s">
        <v>232</v>
      </c>
      <c r="B44" s="21" t="s">
        <v>233</v>
      </c>
      <c r="C44" s="21" t="s">
        <v>262</v>
      </c>
      <c r="D44" s="21" t="s">
        <v>214</v>
      </c>
      <c r="E44" s="21" t="s">
        <v>684</v>
      </c>
      <c r="F44" s="21" t="s">
        <v>424</v>
      </c>
      <c r="G44" s="16">
        <v>16</v>
      </c>
      <c r="H44" s="16">
        <v>9</v>
      </c>
      <c r="I44" s="16">
        <v>4</v>
      </c>
      <c r="J44" s="22" t="s">
        <v>268</v>
      </c>
      <c r="K44" s="16">
        <v>5</v>
      </c>
      <c r="L44" s="16">
        <v>6</v>
      </c>
      <c r="M44" s="16">
        <v>1</v>
      </c>
      <c r="N44" s="22" t="s">
        <v>268</v>
      </c>
      <c r="O44" s="22" t="s">
        <v>268</v>
      </c>
      <c r="P44" s="22" t="s">
        <v>268</v>
      </c>
      <c r="Q44" s="22" t="s">
        <v>268</v>
      </c>
    </row>
    <row r="45" spans="1:17">
      <c r="A45" s="21" t="s">
        <v>232</v>
      </c>
      <c r="B45" s="21" t="s">
        <v>233</v>
      </c>
      <c r="C45" s="21" t="s">
        <v>262</v>
      </c>
      <c r="D45" s="21" t="s">
        <v>214</v>
      </c>
      <c r="E45" s="21" t="s">
        <v>684</v>
      </c>
      <c r="F45" s="21" t="s">
        <v>425</v>
      </c>
      <c r="G45" s="16">
        <v>2747773</v>
      </c>
      <c r="H45" s="16">
        <v>2331724</v>
      </c>
      <c r="I45" s="16">
        <v>2205835</v>
      </c>
      <c r="J45" s="16">
        <v>272378</v>
      </c>
      <c r="K45" s="16">
        <v>125889</v>
      </c>
      <c r="L45" s="16">
        <v>25066</v>
      </c>
      <c r="M45" s="16">
        <v>390983</v>
      </c>
      <c r="N45" s="22" t="s">
        <v>268</v>
      </c>
      <c r="O45" s="16">
        <v>78858</v>
      </c>
      <c r="P45" s="16">
        <v>1362</v>
      </c>
      <c r="Q45" s="22" t="s">
        <v>268</v>
      </c>
    </row>
    <row r="46" spans="1:17">
      <c r="A46" s="21" t="s">
        <v>232</v>
      </c>
      <c r="B46" s="21" t="s">
        <v>233</v>
      </c>
      <c r="C46" s="21" t="s">
        <v>262</v>
      </c>
      <c r="D46" s="21" t="s">
        <v>214</v>
      </c>
      <c r="E46" s="21" t="s">
        <v>684</v>
      </c>
      <c r="F46" s="21" t="s">
        <v>426</v>
      </c>
      <c r="G46" s="16">
        <v>2194991</v>
      </c>
      <c r="H46" s="16">
        <v>1420197</v>
      </c>
      <c r="I46" s="16">
        <v>1320113</v>
      </c>
      <c r="J46" s="16">
        <v>682948</v>
      </c>
      <c r="K46" s="16">
        <v>100084</v>
      </c>
      <c r="L46" s="16">
        <v>13472</v>
      </c>
      <c r="M46" s="16">
        <v>761322</v>
      </c>
      <c r="N46" s="22" t="s">
        <v>268</v>
      </c>
      <c r="O46" s="16">
        <v>49574</v>
      </c>
      <c r="P46" s="16">
        <v>657964</v>
      </c>
      <c r="Q46" s="16">
        <v>761322</v>
      </c>
    </row>
    <row r="47" spans="1:17">
      <c r="A47" s="21" t="s">
        <v>232</v>
      </c>
      <c r="B47" s="21" t="s">
        <v>233</v>
      </c>
      <c r="C47" s="21" t="s">
        <v>262</v>
      </c>
      <c r="D47" s="21" t="s">
        <v>214</v>
      </c>
      <c r="E47" s="21" t="s">
        <v>684</v>
      </c>
      <c r="F47" s="21" t="s">
        <v>720</v>
      </c>
      <c r="G47" s="16">
        <v>72545</v>
      </c>
      <c r="H47" s="22" t="s">
        <v>268</v>
      </c>
      <c r="I47" s="22" t="s">
        <v>268</v>
      </c>
      <c r="J47" s="22" t="s">
        <v>268</v>
      </c>
      <c r="K47" s="22" t="s">
        <v>268</v>
      </c>
      <c r="L47" s="22" t="s">
        <v>268</v>
      </c>
      <c r="M47" s="16">
        <v>48114</v>
      </c>
      <c r="N47" s="16">
        <v>24431</v>
      </c>
      <c r="O47" s="22" t="s">
        <v>268</v>
      </c>
      <c r="P47" s="22" t="s">
        <v>268</v>
      </c>
      <c r="Q47" s="22" t="s">
        <v>268</v>
      </c>
    </row>
    <row r="48" spans="1:17">
      <c r="A48" s="21" t="s">
        <v>232</v>
      </c>
      <c r="B48" s="21" t="s">
        <v>233</v>
      </c>
      <c r="C48" s="21" t="s">
        <v>262</v>
      </c>
      <c r="D48" s="21" t="s">
        <v>214</v>
      </c>
      <c r="E48" s="21" t="s">
        <v>684</v>
      </c>
      <c r="F48" s="21" t="s">
        <v>427</v>
      </c>
      <c r="G48" s="16">
        <v>2539966</v>
      </c>
      <c r="H48" s="16">
        <v>1670652</v>
      </c>
      <c r="I48" s="16">
        <v>1547405</v>
      </c>
      <c r="J48" s="16">
        <v>760046</v>
      </c>
      <c r="K48" s="16">
        <v>123247</v>
      </c>
      <c r="L48" s="16">
        <v>16726</v>
      </c>
      <c r="M48" s="16">
        <v>852588</v>
      </c>
      <c r="N48" s="22" t="s">
        <v>268</v>
      </c>
      <c r="O48" s="16">
        <v>63006</v>
      </c>
      <c r="P48" s="16">
        <v>659326</v>
      </c>
      <c r="Q48" s="16">
        <v>761322</v>
      </c>
    </row>
    <row r="49" spans="1:17">
      <c r="A49" s="21" t="s">
        <v>232</v>
      </c>
      <c r="B49" s="21" t="s">
        <v>233</v>
      </c>
      <c r="C49" s="21" t="s">
        <v>262</v>
      </c>
      <c r="D49" s="21" t="s">
        <v>214</v>
      </c>
      <c r="E49" s="21" t="s">
        <v>684</v>
      </c>
      <c r="F49" s="21" t="s">
        <v>428</v>
      </c>
      <c r="G49" s="16">
        <v>1163132</v>
      </c>
      <c r="H49" s="16">
        <v>726515</v>
      </c>
      <c r="I49" s="16">
        <v>683010</v>
      </c>
      <c r="J49" s="16">
        <v>369814</v>
      </c>
      <c r="K49" s="16">
        <v>43505</v>
      </c>
      <c r="L49" s="16">
        <v>5648</v>
      </c>
      <c r="M49" s="16">
        <v>430969</v>
      </c>
      <c r="N49" s="22" t="s">
        <v>268</v>
      </c>
      <c r="O49" s="16">
        <v>20696</v>
      </c>
      <c r="P49" s="16">
        <v>366958</v>
      </c>
      <c r="Q49" s="16">
        <v>430969</v>
      </c>
    </row>
    <row r="50" spans="1:17">
      <c r="A50" s="21" t="s">
        <v>232</v>
      </c>
      <c r="B50" s="21" t="s">
        <v>233</v>
      </c>
      <c r="C50" s="21" t="s">
        <v>262</v>
      </c>
      <c r="D50" s="21" t="s">
        <v>214</v>
      </c>
      <c r="E50" s="21" t="s">
        <v>684</v>
      </c>
      <c r="F50" s="21" t="s">
        <v>429</v>
      </c>
      <c r="G50" s="16">
        <v>283422</v>
      </c>
      <c r="H50" s="16">
        <v>161712</v>
      </c>
      <c r="I50" s="16">
        <v>151372</v>
      </c>
      <c r="J50" s="16">
        <v>75488</v>
      </c>
      <c r="K50" s="16">
        <v>10340</v>
      </c>
      <c r="L50" s="16">
        <v>1074</v>
      </c>
      <c r="M50" s="16">
        <v>120636</v>
      </c>
      <c r="N50" s="22" t="s">
        <v>268</v>
      </c>
      <c r="O50" s="16">
        <v>4491</v>
      </c>
      <c r="P50" s="16">
        <v>75384</v>
      </c>
      <c r="Q50" s="16">
        <v>120636</v>
      </c>
    </row>
    <row r="51" spans="1:17">
      <c r="A51" s="21" t="s">
        <v>232</v>
      </c>
      <c r="B51" s="21" t="s">
        <v>233</v>
      </c>
      <c r="C51" s="21" t="s">
        <v>262</v>
      </c>
      <c r="D51" s="21" t="s">
        <v>214</v>
      </c>
      <c r="E51" s="21" t="s">
        <v>685</v>
      </c>
      <c r="F51" s="21" t="s">
        <v>214</v>
      </c>
      <c r="G51" s="16">
        <v>26272767</v>
      </c>
      <c r="H51" s="16">
        <v>14864196</v>
      </c>
      <c r="I51" s="16">
        <v>14076657</v>
      </c>
      <c r="J51" s="16">
        <v>3680314</v>
      </c>
      <c r="K51" s="16">
        <v>787539</v>
      </c>
      <c r="L51" s="16">
        <v>647728</v>
      </c>
      <c r="M51" s="16">
        <v>10609104</v>
      </c>
      <c r="N51" s="16">
        <v>151739</v>
      </c>
      <c r="O51" s="16">
        <v>401171</v>
      </c>
      <c r="P51" s="16">
        <v>710888</v>
      </c>
      <c r="Q51" s="16">
        <v>1365049</v>
      </c>
    </row>
    <row r="52" spans="1:17">
      <c r="A52" s="21" t="s">
        <v>232</v>
      </c>
      <c r="B52" s="21" t="s">
        <v>233</v>
      </c>
      <c r="C52" s="21" t="s">
        <v>262</v>
      </c>
      <c r="D52" s="21" t="s">
        <v>214</v>
      </c>
      <c r="E52" s="21" t="s">
        <v>685</v>
      </c>
      <c r="F52" s="21" t="s">
        <v>424</v>
      </c>
      <c r="G52" s="16">
        <v>103</v>
      </c>
      <c r="H52" s="16">
        <v>66</v>
      </c>
      <c r="I52" s="16">
        <v>46</v>
      </c>
      <c r="J52" s="22" t="s">
        <v>268</v>
      </c>
      <c r="K52" s="16">
        <v>20</v>
      </c>
      <c r="L52" s="16">
        <v>2</v>
      </c>
      <c r="M52" s="16">
        <v>35</v>
      </c>
      <c r="N52" s="22" t="s">
        <v>268</v>
      </c>
      <c r="O52" s="22" t="s">
        <v>268</v>
      </c>
      <c r="P52" s="22" t="s">
        <v>268</v>
      </c>
      <c r="Q52" s="22" t="s">
        <v>268</v>
      </c>
    </row>
    <row r="53" spans="1:17">
      <c r="A53" s="21" t="s">
        <v>232</v>
      </c>
      <c r="B53" s="21" t="s">
        <v>233</v>
      </c>
      <c r="C53" s="21" t="s">
        <v>262</v>
      </c>
      <c r="D53" s="21" t="s">
        <v>214</v>
      </c>
      <c r="E53" s="21" t="s">
        <v>685</v>
      </c>
      <c r="F53" s="21" t="s">
        <v>425</v>
      </c>
      <c r="G53" s="16">
        <v>21143928</v>
      </c>
      <c r="H53" s="16">
        <v>13032298</v>
      </c>
      <c r="I53" s="16">
        <v>12429139</v>
      </c>
      <c r="J53" s="16">
        <v>2910150</v>
      </c>
      <c r="K53" s="16">
        <v>603159</v>
      </c>
      <c r="L53" s="16">
        <v>593123</v>
      </c>
      <c r="M53" s="16">
        <v>7518507</v>
      </c>
      <c r="N53" s="22" t="s">
        <v>268</v>
      </c>
      <c r="O53" s="16">
        <v>304102</v>
      </c>
      <c r="P53" s="16">
        <v>2644</v>
      </c>
      <c r="Q53" s="22" t="s">
        <v>268</v>
      </c>
    </row>
    <row r="54" spans="1:17">
      <c r="A54" s="21" t="s">
        <v>232</v>
      </c>
      <c r="B54" s="21" t="s">
        <v>233</v>
      </c>
      <c r="C54" s="21" t="s">
        <v>262</v>
      </c>
      <c r="D54" s="21" t="s">
        <v>214</v>
      </c>
      <c r="E54" s="21" t="s">
        <v>685</v>
      </c>
      <c r="F54" s="21" t="s">
        <v>426</v>
      </c>
      <c r="G54" s="16">
        <v>3251484</v>
      </c>
      <c r="H54" s="16">
        <v>1831832</v>
      </c>
      <c r="I54" s="16">
        <v>1647472</v>
      </c>
      <c r="J54" s="16">
        <v>770164</v>
      </c>
      <c r="K54" s="16">
        <v>184360</v>
      </c>
      <c r="L54" s="16">
        <v>54603</v>
      </c>
      <c r="M54" s="16">
        <v>1365049</v>
      </c>
      <c r="N54" s="22" t="s">
        <v>268</v>
      </c>
      <c r="O54" s="16">
        <v>97069</v>
      </c>
      <c r="P54" s="16">
        <v>708244</v>
      </c>
      <c r="Q54" s="16">
        <v>1365049</v>
      </c>
    </row>
    <row r="55" spans="1:17">
      <c r="A55" s="21" t="s">
        <v>232</v>
      </c>
      <c r="B55" s="21" t="s">
        <v>233</v>
      </c>
      <c r="C55" s="21" t="s">
        <v>262</v>
      </c>
      <c r="D55" s="21" t="s">
        <v>214</v>
      </c>
      <c r="E55" s="21" t="s">
        <v>685</v>
      </c>
      <c r="F55" s="21" t="s">
        <v>720</v>
      </c>
      <c r="G55" s="16">
        <v>1877252</v>
      </c>
      <c r="H55" s="22" t="s">
        <v>268</v>
      </c>
      <c r="I55" s="22" t="s">
        <v>268</v>
      </c>
      <c r="J55" s="22" t="s">
        <v>268</v>
      </c>
      <c r="K55" s="22" t="s">
        <v>268</v>
      </c>
      <c r="L55" s="22" t="s">
        <v>268</v>
      </c>
      <c r="M55" s="16">
        <v>1725513</v>
      </c>
      <c r="N55" s="16">
        <v>151739</v>
      </c>
      <c r="O55" s="22" t="s">
        <v>268</v>
      </c>
      <c r="P55" s="22" t="s">
        <v>268</v>
      </c>
      <c r="Q55" s="22" t="s">
        <v>268</v>
      </c>
    </row>
    <row r="56" spans="1:17">
      <c r="A56" s="21" t="s">
        <v>232</v>
      </c>
      <c r="B56" s="21" t="s">
        <v>233</v>
      </c>
      <c r="C56" s="21" t="s">
        <v>262</v>
      </c>
      <c r="D56" s="21" t="s">
        <v>214</v>
      </c>
      <c r="E56" s="21" t="s">
        <v>685</v>
      </c>
      <c r="F56" s="21" t="s">
        <v>427</v>
      </c>
      <c r="G56" s="16">
        <v>4410771</v>
      </c>
      <c r="H56" s="16">
        <v>2555384</v>
      </c>
      <c r="I56" s="16">
        <v>2299045</v>
      </c>
      <c r="J56" s="16">
        <v>998606</v>
      </c>
      <c r="K56" s="16">
        <v>256339</v>
      </c>
      <c r="L56" s="16">
        <v>77694</v>
      </c>
      <c r="M56" s="16">
        <v>1777693</v>
      </c>
      <c r="N56" s="22" t="s">
        <v>268</v>
      </c>
      <c r="O56" s="16">
        <v>139626</v>
      </c>
      <c r="P56" s="16">
        <v>710888</v>
      </c>
      <c r="Q56" s="16">
        <v>1365049</v>
      </c>
    </row>
    <row r="57" spans="1:17">
      <c r="A57" s="21" t="s">
        <v>232</v>
      </c>
      <c r="B57" s="21" t="s">
        <v>233</v>
      </c>
      <c r="C57" s="21" t="s">
        <v>262</v>
      </c>
      <c r="D57" s="21" t="s">
        <v>214</v>
      </c>
      <c r="E57" s="21" t="s">
        <v>685</v>
      </c>
      <c r="F57" s="21" t="s">
        <v>428</v>
      </c>
      <c r="G57" s="16">
        <v>1291034</v>
      </c>
      <c r="H57" s="16">
        <v>693559</v>
      </c>
      <c r="I57" s="16">
        <v>629670</v>
      </c>
      <c r="J57" s="16">
        <v>312456</v>
      </c>
      <c r="K57" s="16">
        <v>63889</v>
      </c>
      <c r="L57" s="16">
        <v>16725</v>
      </c>
      <c r="M57" s="16">
        <v>580750</v>
      </c>
      <c r="N57" s="22" t="s">
        <v>268</v>
      </c>
      <c r="O57" s="16">
        <v>32744</v>
      </c>
      <c r="P57" s="16">
        <v>307568</v>
      </c>
      <c r="Q57" s="16">
        <v>580750</v>
      </c>
    </row>
    <row r="58" spans="1:17">
      <c r="A58" s="21" t="s">
        <v>232</v>
      </c>
      <c r="B58" s="21" t="s">
        <v>233</v>
      </c>
      <c r="C58" s="21" t="s">
        <v>262</v>
      </c>
      <c r="D58" s="21" t="s">
        <v>214</v>
      </c>
      <c r="E58" s="21" t="s">
        <v>685</v>
      </c>
      <c r="F58" s="21" t="s">
        <v>429</v>
      </c>
      <c r="G58" s="16">
        <v>302641</v>
      </c>
      <c r="H58" s="16">
        <v>140878</v>
      </c>
      <c r="I58" s="16">
        <v>126717</v>
      </c>
      <c r="J58" s="16">
        <v>61996</v>
      </c>
      <c r="K58" s="16">
        <v>14161</v>
      </c>
      <c r="L58" s="16">
        <v>2687</v>
      </c>
      <c r="M58" s="16">
        <v>159076</v>
      </c>
      <c r="N58" s="22" t="s">
        <v>268</v>
      </c>
      <c r="O58" s="16">
        <v>6895</v>
      </c>
      <c r="P58" s="16">
        <v>61790</v>
      </c>
      <c r="Q58" s="16">
        <v>159076</v>
      </c>
    </row>
    <row r="59" spans="1:17">
      <c r="A59" s="21" t="s">
        <v>232</v>
      </c>
      <c r="B59" s="21" t="s">
        <v>233</v>
      </c>
      <c r="C59" s="21" t="s">
        <v>262</v>
      </c>
      <c r="D59" s="21" t="s">
        <v>214</v>
      </c>
      <c r="E59" s="21" t="s">
        <v>686</v>
      </c>
      <c r="F59" s="21" t="s">
        <v>214</v>
      </c>
      <c r="G59" s="16">
        <v>2682805</v>
      </c>
      <c r="H59" s="16">
        <v>1664840</v>
      </c>
      <c r="I59" s="16">
        <v>1618702</v>
      </c>
      <c r="J59" s="16">
        <v>363712</v>
      </c>
      <c r="K59" s="16">
        <v>46138</v>
      </c>
      <c r="L59" s="16">
        <v>20052</v>
      </c>
      <c r="M59" s="16">
        <v>992011</v>
      </c>
      <c r="N59" s="16">
        <v>5902</v>
      </c>
      <c r="O59" s="16">
        <v>29714</v>
      </c>
      <c r="P59" s="16">
        <v>30508</v>
      </c>
      <c r="Q59" s="16">
        <v>23325</v>
      </c>
    </row>
    <row r="60" spans="1:17">
      <c r="A60" s="21" t="s">
        <v>232</v>
      </c>
      <c r="B60" s="21" t="s">
        <v>233</v>
      </c>
      <c r="C60" s="21" t="s">
        <v>262</v>
      </c>
      <c r="D60" s="21" t="s">
        <v>214</v>
      </c>
      <c r="E60" s="21" t="s">
        <v>686</v>
      </c>
      <c r="F60" s="21" t="s">
        <v>424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22" t="s">
        <v>268</v>
      </c>
      <c r="L60" s="22" t="s">
        <v>268</v>
      </c>
      <c r="M60" s="22" t="s">
        <v>268</v>
      </c>
      <c r="N60" s="22" t="s">
        <v>268</v>
      </c>
      <c r="O60" s="22" t="s">
        <v>268</v>
      </c>
      <c r="P60" s="22" t="s">
        <v>268</v>
      </c>
      <c r="Q60" s="22" t="s">
        <v>268</v>
      </c>
    </row>
    <row r="61" spans="1:17">
      <c r="A61" s="21" t="s">
        <v>232</v>
      </c>
      <c r="B61" s="21" t="s">
        <v>233</v>
      </c>
      <c r="C61" s="21" t="s">
        <v>262</v>
      </c>
      <c r="D61" s="21" t="s">
        <v>214</v>
      </c>
      <c r="E61" s="21" t="s">
        <v>686</v>
      </c>
      <c r="F61" s="21" t="s">
        <v>425</v>
      </c>
      <c r="G61" s="16">
        <v>2489645</v>
      </c>
      <c r="H61" s="16">
        <v>1592805</v>
      </c>
      <c r="I61" s="16">
        <v>1559307</v>
      </c>
      <c r="J61" s="16">
        <v>330568</v>
      </c>
      <c r="K61" s="16">
        <v>33498</v>
      </c>
      <c r="L61" s="16">
        <v>18423</v>
      </c>
      <c r="M61" s="16">
        <v>878417</v>
      </c>
      <c r="N61" s="22" t="s">
        <v>268</v>
      </c>
      <c r="O61" s="16">
        <v>20717</v>
      </c>
      <c r="P61" s="16">
        <v>108</v>
      </c>
      <c r="Q61" s="22" t="s">
        <v>268</v>
      </c>
    </row>
    <row r="62" spans="1:17">
      <c r="A62" s="21" t="s">
        <v>232</v>
      </c>
      <c r="B62" s="21" t="s">
        <v>233</v>
      </c>
      <c r="C62" s="21" t="s">
        <v>262</v>
      </c>
      <c r="D62" s="21" t="s">
        <v>214</v>
      </c>
      <c r="E62" s="21" t="s">
        <v>686</v>
      </c>
      <c r="F62" s="21" t="s">
        <v>426</v>
      </c>
      <c r="G62" s="16">
        <v>96989</v>
      </c>
      <c r="H62" s="16">
        <v>72035</v>
      </c>
      <c r="I62" s="16">
        <v>59395</v>
      </c>
      <c r="J62" s="16">
        <v>33144</v>
      </c>
      <c r="K62" s="16">
        <v>12640</v>
      </c>
      <c r="L62" s="16">
        <v>1629</v>
      </c>
      <c r="M62" s="16">
        <v>23325</v>
      </c>
      <c r="N62" s="22" t="s">
        <v>268</v>
      </c>
      <c r="O62" s="16">
        <v>8997</v>
      </c>
      <c r="P62" s="16">
        <v>30400</v>
      </c>
      <c r="Q62" s="16">
        <v>23325</v>
      </c>
    </row>
    <row r="63" spans="1:17">
      <c r="A63" s="21" t="s">
        <v>232</v>
      </c>
      <c r="B63" s="21" t="s">
        <v>233</v>
      </c>
      <c r="C63" s="21" t="s">
        <v>262</v>
      </c>
      <c r="D63" s="21" t="s">
        <v>214</v>
      </c>
      <c r="E63" s="21" t="s">
        <v>686</v>
      </c>
      <c r="F63" s="21" t="s">
        <v>720</v>
      </c>
      <c r="G63" s="16">
        <v>96171</v>
      </c>
      <c r="H63" s="22" t="s">
        <v>268</v>
      </c>
      <c r="I63" s="22" t="s">
        <v>268</v>
      </c>
      <c r="J63" s="22" t="s">
        <v>268</v>
      </c>
      <c r="K63" s="22" t="s">
        <v>268</v>
      </c>
      <c r="L63" s="22" t="s">
        <v>268</v>
      </c>
      <c r="M63" s="16">
        <v>90269</v>
      </c>
      <c r="N63" s="16">
        <v>5902</v>
      </c>
      <c r="O63" s="22" t="s">
        <v>268</v>
      </c>
      <c r="P63" s="22" t="s">
        <v>268</v>
      </c>
      <c r="Q63" s="22" t="s">
        <v>268</v>
      </c>
    </row>
    <row r="64" spans="1:17">
      <c r="A64" s="21" t="s">
        <v>232</v>
      </c>
      <c r="B64" s="21" t="s">
        <v>233</v>
      </c>
      <c r="C64" s="21" t="s">
        <v>262</v>
      </c>
      <c r="D64" s="21" t="s">
        <v>214</v>
      </c>
      <c r="E64" s="21" t="s">
        <v>686</v>
      </c>
      <c r="F64" s="21" t="s">
        <v>427</v>
      </c>
      <c r="G64" s="16">
        <v>176675</v>
      </c>
      <c r="H64" s="16">
        <v>124339</v>
      </c>
      <c r="I64" s="16">
        <v>107155</v>
      </c>
      <c r="J64" s="16">
        <v>55616</v>
      </c>
      <c r="K64" s="16">
        <v>17184</v>
      </c>
      <c r="L64" s="16">
        <v>2387</v>
      </c>
      <c r="M64" s="16">
        <v>49949</v>
      </c>
      <c r="N64" s="22" t="s">
        <v>268</v>
      </c>
      <c r="O64" s="16">
        <v>11869</v>
      </c>
      <c r="P64" s="16">
        <v>30508</v>
      </c>
      <c r="Q64" s="16">
        <v>23325</v>
      </c>
    </row>
    <row r="65" spans="1:17">
      <c r="A65" s="21" t="s">
        <v>232</v>
      </c>
      <c r="B65" s="21" t="s">
        <v>233</v>
      </c>
      <c r="C65" s="21" t="s">
        <v>262</v>
      </c>
      <c r="D65" s="21" t="s">
        <v>214</v>
      </c>
      <c r="E65" s="21" t="s">
        <v>686</v>
      </c>
      <c r="F65" s="21" t="s">
        <v>428</v>
      </c>
      <c r="G65" s="16">
        <v>29402</v>
      </c>
      <c r="H65" s="16">
        <v>23551</v>
      </c>
      <c r="I65" s="16">
        <v>18264</v>
      </c>
      <c r="J65" s="16">
        <v>10074</v>
      </c>
      <c r="K65" s="16">
        <v>5287</v>
      </c>
      <c r="L65" s="16">
        <v>541</v>
      </c>
      <c r="M65" s="16">
        <v>5310</v>
      </c>
      <c r="N65" s="22" t="s">
        <v>268</v>
      </c>
      <c r="O65" s="16">
        <v>3930</v>
      </c>
      <c r="P65" s="16">
        <v>9916</v>
      </c>
      <c r="Q65" s="16">
        <v>5310</v>
      </c>
    </row>
    <row r="66" spans="1:17">
      <c r="A66" s="21" t="s">
        <v>232</v>
      </c>
      <c r="B66" s="21" t="s">
        <v>233</v>
      </c>
      <c r="C66" s="21" t="s">
        <v>262</v>
      </c>
      <c r="D66" s="21" t="s">
        <v>214</v>
      </c>
      <c r="E66" s="21" t="s">
        <v>686</v>
      </c>
      <c r="F66" s="21" t="s">
        <v>429</v>
      </c>
      <c r="G66" s="16">
        <v>5415</v>
      </c>
      <c r="H66" s="16">
        <v>4649</v>
      </c>
      <c r="I66" s="16">
        <v>3198</v>
      </c>
      <c r="J66" s="16">
        <v>1582</v>
      </c>
      <c r="K66" s="16">
        <v>1451</v>
      </c>
      <c r="L66" s="16">
        <v>92</v>
      </c>
      <c r="M66" s="16">
        <v>674</v>
      </c>
      <c r="N66" s="22" t="s">
        <v>268</v>
      </c>
      <c r="O66" s="16">
        <v>1018</v>
      </c>
      <c r="P66" s="16">
        <v>1574</v>
      </c>
      <c r="Q66" s="16">
        <v>674</v>
      </c>
    </row>
    <row r="67" spans="1:17">
      <c r="A67" s="21" t="s">
        <v>232</v>
      </c>
      <c r="B67" s="21" t="s">
        <v>233</v>
      </c>
      <c r="C67" s="21" t="s">
        <v>262</v>
      </c>
      <c r="D67" s="21" t="s">
        <v>214</v>
      </c>
      <c r="E67" s="21" t="s">
        <v>687</v>
      </c>
      <c r="F67" s="21" t="s">
        <v>214</v>
      </c>
      <c r="G67" s="16">
        <v>1171562</v>
      </c>
      <c r="H67" s="16">
        <v>716753</v>
      </c>
      <c r="I67" s="16">
        <v>671246</v>
      </c>
      <c r="J67" s="16">
        <v>126854</v>
      </c>
      <c r="K67" s="16">
        <v>45507</v>
      </c>
      <c r="L67" s="16">
        <v>9953</v>
      </c>
      <c r="M67" s="16">
        <v>443158</v>
      </c>
      <c r="N67" s="16">
        <v>1698</v>
      </c>
      <c r="O67" s="16">
        <v>28226</v>
      </c>
      <c r="P67" s="16">
        <v>57952</v>
      </c>
      <c r="Q67" s="16">
        <v>101347</v>
      </c>
    </row>
    <row r="68" spans="1:17">
      <c r="A68" s="21" t="s">
        <v>232</v>
      </c>
      <c r="B68" s="21" t="s">
        <v>233</v>
      </c>
      <c r="C68" s="21" t="s">
        <v>262</v>
      </c>
      <c r="D68" s="21" t="s">
        <v>214</v>
      </c>
      <c r="E68" s="21" t="s">
        <v>687</v>
      </c>
      <c r="F68" s="21" t="s">
        <v>424</v>
      </c>
      <c r="G68" s="16">
        <v>82</v>
      </c>
      <c r="H68" s="16">
        <v>24</v>
      </c>
      <c r="I68" s="22" t="s">
        <v>268</v>
      </c>
      <c r="J68" s="22" t="s">
        <v>268</v>
      </c>
      <c r="K68" s="16">
        <v>24</v>
      </c>
      <c r="L68" s="22" t="s">
        <v>268</v>
      </c>
      <c r="M68" s="16">
        <v>58</v>
      </c>
      <c r="N68" s="22" t="s">
        <v>268</v>
      </c>
      <c r="O68" s="22" t="s">
        <v>268</v>
      </c>
      <c r="P68" s="22" t="s">
        <v>268</v>
      </c>
      <c r="Q68" s="22" t="s">
        <v>268</v>
      </c>
    </row>
    <row r="69" spans="1:17">
      <c r="A69" s="21" t="s">
        <v>232</v>
      </c>
      <c r="B69" s="21" t="s">
        <v>233</v>
      </c>
      <c r="C69" s="21" t="s">
        <v>262</v>
      </c>
      <c r="D69" s="21" t="s">
        <v>214</v>
      </c>
      <c r="E69" s="21" t="s">
        <v>687</v>
      </c>
      <c r="F69" s="21" t="s">
        <v>425</v>
      </c>
      <c r="G69" s="16">
        <v>940808</v>
      </c>
      <c r="H69" s="16">
        <v>605006</v>
      </c>
      <c r="I69" s="16">
        <v>572522</v>
      </c>
      <c r="J69" s="16">
        <v>66670</v>
      </c>
      <c r="K69" s="16">
        <v>32484</v>
      </c>
      <c r="L69" s="16">
        <v>8183</v>
      </c>
      <c r="M69" s="16">
        <v>327619</v>
      </c>
      <c r="N69" s="22" t="s">
        <v>268</v>
      </c>
      <c r="O69" s="16">
        <v>21204</v>
      </c>
      <c r="P69" s="16">
        <v>156</v>
      </c>
      <c r="Q69" s="22" t="s">
        <v>268</v>
      </c>
    </row>
    <row r="70" spans="1:17">
      <c r="A70" s="21" t="s">
        <v>232</v>
      </c>
      <c r="B70" s="21" t="s">
        <v>233</v>
      </c>
      <c r="C70" s="21" t="s">
        <v>262</v>
      </c>
      <c r="D70" s="21" t="s">
        <v>214</v>
      </c>
      <c r="E70" s="21" t="s">
        <v>687</v>
      </c>
      <c r="F70" s="21" t="s">
        <v>426</v>
      </c>
      <c r="G70" s="16">
        <v>214840</v>
      </c>
      <c r="H70" s="16">
        <v>111723</v>
      </c>
      <c r="I70" s="16">
        <v>98724</v>
      </c>
      <c r="J70" s="16">
        <v>60184</v>
      </c>
      <c r="K70" s="16">
        <v>12999</v>
      </c>
      <c r="L70" s="16">
        <v>1770</v>
      </c>
      <c r="M70" s="16">
        <v>101347</v>
      </c>
      <c r="N70" s="22" t="s">
        <v>268</v>
      </c>
      <c r="O70" s="16">
        <v>7022</v>
      </c>
      <c r="P70" s="16">
        <v>57796</v>
      </c>
      <c r="Q70" s="16">
        <v>101347</v>
      </c>
    </row>
    <row r="71" spans="1:17">
      <c r="A71" s="21" t="s">
        <v>232</v>
      </c>
      <c r="B71" s="21" t="s">
        <v>233</v>
      </c>
      <c r="C71" s="21" t="s">
        <v>262</v>
      </c>
      <c r="D71" s="21" t="s">
        <v>214</v>
      </c>
      <c r="E71" s="21" t="s">
        <v>687</v>
      </c>
      <c r="F71" s="21" t="s">
        <v>720</v>
      </c>
      <c r="G71" s="16">
        <v>15832</v>
      </c>
      <c r="H71" s="22" t="s">
        <v>268</v>
      </c>
      <c r="I71" s="22" t="s">
        <v>268</v>
      </c>
      <c r="J71" s="22" t="s">
        <v>268</v>
      </c>
      <c r="K71" s="22" t="s">
        <v>268</v>
      </c>
      <c r="L71" s="22" t="s">
        <v>268</v>
      </c>
      <c r="M71" s="16">
        <v>14134</v>
      </c>
      <c r="N71" s="16">
        <v>1698</v>
      </c>
      <c r="O71" s="22" t="s">
        <v>268</v>
      </c>
      <c r="P71" s="22" t="s">
        <v>268</v>
      </c>
      <c r="Q71" s="22" t="s">
        <v>268</v>
      </c>
    </row>
    <row r="72" spans="1:17">
      <c r="A72" s="21" t="s">
        <v>232</v>
      </c>
      <c r="B72" s="21" t="s">
        <v>233</v>
      </c>
      <c r="C72" s="21" t="s">
        <v>262</v>
      </c>
      <c r="D72" s="21" t="s">
        <v>214</v>
      </c>
      <c r="E72" s="21" t="s">
        <v>687</v>
      </c>
      <c r="F72" s="21" t="s">
        <v>427</v>
      </c>
      <c r="G72" s="16">
        <v>272345</v>
      </c>
      <c r="H72" s="16">
        <v>150818</v>
      </c>
      <c r="I72" s="16">
        <v>133680</v>
      </c>
      <c r="J72" s="16">
        <v>72176</v>
      </c>
      <c r="K72" s="16">
        <v>17138</v>
      </c>
      <c r="L72" s="16">
        <v>2318</v>
      </c>
      <c r="M72" s="16">
        <v>119209</v>
      </c>
      <c r="N72" s="22" t="s">
        <v>268</v>
      </c>
      <c r="O72" s="16">
        <v>9502</v>
      </c>
      <c r="P72" s="16">
        <v>57952</v>
      </c>
      <c r="Q72" s="16">
        <v>101347</v>
      </c>
    </row>
    <row r="73" spans="1:17">
      <c r="A73" s="21" t="s">
        <v>232</v>
      </c>
      <c r="B73" s="21" t="s">
        <v>233</v>
      </c>
      <c r="C73" s="21" t="s">
        <v>262</v>
      </c>
      <c r="D73" s="21" t="s">
        <v>214</v>
      </c>
      <c r="E73" s="21" t="s">
        <v>687</v>
      </c>
      <c r="F73" s="21" t="s">
        <v>428</v>
      </c>
      <c r="G73" s="16">
        <v>112045</v>
      </c>
      <c r="H73" s="16">
        <v>51573</v>
      </c>
      <c r="I73" s="16">
        <v>45869</v>
      </c>
      <c r="J73" s="16">
        <v>31444</v>
      </c>
      <c r="K73" s="16">
        <v>5704</v>
      </c>
      <c r="L73" s="16">
        <v>664</v>
      </c>
      <c r="M73" s="16">
        <v>59808</v>
      </c>
      <c r="N73" s="22" t="s">
        <v>268</v>
      </c>
      <c r="O73" s="16">
        <v>2981</v>
      </c>
      <c r="P73" s="16">
        <v>31304</v>
      </c>
      <c r="Q73" s="16">
        <v>59808</v>
      </c>
    </row>
    <row r="74" spans="1:17">
      <c r="A74" s="21" t="s">
        <v>232</v>
      </c>
      <c r="B74" s="21" t="s">
        <v>233</v>
      </c>
      <c r="C74" s="21" t="s">
        <v>262</v>
      </c>
      <c r="D74" s="21" t="s">
        <v>214</v>
      </c>
      <c r="E74" s="21" t="s">
        <v>687</v>
      </c>
      <c r="F74" s="21" t="s">
        <v>429</v>
      </c>
      <c r="G74" s="16">
        <v>39689</v>
      </c>
      <c r="H74" s="16">
        <v>13828</v>
      </c>
      <c r="I74" s="16">
        <v>12237</v>
      </c>
      <c r="J74" s="16">
        <v>8570</v>
      </c>
      <c r="K74" s="16">
        <v>1591</v>
      </c>
      <c r="L74" s="16">
        <v>148</v>
      </c>
      <c r="M74" s="16">
        <v>25713</v>
      </c>
      <c r="N74" s="22" t="s">
        <v>268</v>
      </c>
      <c r="O74" s="16">
        <v>647</v>
      </c>
      <c r="P74" s="16">
        <v>8566</v>
      </c>
      <c r="Q74" s="16">
        <v>25713</v>
      </c>
    </row>
    <row r="75" spans="1:17">
      <c r="A75" s="21" t="s">
        <v>232</v>
      </c>
      <c r="B75" s="21" t="s">
        <v>233</v>
      </c>
      <c r="C75" s="21" t="s">
        <v>262</v>
      </c>
      <c r="D75" s="21" t="s">
        <v>214</v>
      </c>
      <c r="E75" s="21" t="s">
        <v>688</v>
      </c>
      <c r="F75" s="21" t="s">
        <v>214</v>
      </c>
      <c r="G75" s="16">
        <v>997209</v>
      </c>
      <c r="H75" s="16">
        <v>354548</v>
      </c>
      <c r="I75" s="16">
        <v>320734</v>
      </c>
      <c r="J75" s="16">
        <v>73046</v>
      </c>
      <c r="K75" s="16">
        <v>33814</v>
      </c>
      <c r="L75" s="16">
        <v>7995</v>
      </c>
      <c r="M75" s="16">
        <v>627419</v>
      </c>
      <c r="N75" s="16">
        <v>7247</v>
      </c>
      <c r="O75" s="16">
        <v>25418</v>
      </c>
      <c r="P75" s="16">
        <v>43612</v>
      </c>
      <c r="Q75" s="16">
        <v>30697</v>
      </c>
    </row>
    <row r="76" spans="1:17">
      <c r="A76" s="21" t="s">
        <v>232</v>
      </c>
      <c r="B76" s="21" t="s">
        <v>233</v>
      </c>
      <c r="C76" s="21" t="s">
        <v>262</v>
      </c>
      <c r="D76" s="21" t="s">
        <v>214</v>
      </c>
      <c r="E76" s="21" t="s">
        <v>688</v>
      </c>
      <c r="F76" s="21" t="s">
        <v>424</v>
      </c>
      <c r="G76" s="16">
        <v>21</v>
      </c>
      <c r="H76" s="16">
        <v>2</v>
      </c>
      <c r="I76" s="16">
        <v>2</v>
      </c>
      <c r="J76" s="22" t="s">
        <v>268</v>
      </c>
      <c r="K76" s="22" t="s">
        <v>268</v>
      </c>
      <c r="L76" s="22" t="s">
        <v>268</v>
      </c>
      <c r="M76" s="16">
        <v>19</v>
      </c>
      <c r="N76" s="22" t="s">
        <v>268</v>
      </c>
      <c r="O76" s="22" t="s">
        <v>268</v>
      </c>
      <c r="P76" s="22" t="s">
        <v>268</v>
      </c>
      <c r="Q76" s="22" t="s">
        <v>268</v>
      </c>
    </row>
    <row r="77" spans="1:17">
      <c r="A77" s="21" t="s">
        <v>232</v>
      </c>
      <c r="B77" s="21" t="s">
        <v>233</v>
      </c>
      <c r="C77" s="21" t="s">
        <v>262</v>
      </c>
      <c r="D77" s="21" t="s">
        <v>214</v>
      </c>
      <c r="E77" s="21" t="s">
        <v>688</v>
      </c>
      <c r="F77" s="21" t="s">
        <v>425</v>
      </c>
      <c r="G77" s="16">
        <v>834781</v>
      </c>
      <c r="H77" s="16">
        <v>284649</v>
      </c>
      <c r="I77" s="16">
        <v>261261</v>
      </c>
      <c r="J77" s="16">
        <v>28518</v>
      </c>
      <c r="K77" s="16">
        <v>23388</v>
      </c>
      <c r="L77" s="16">
        <v>5773</v>
      </c>
      <c r="M77" s="16">
        <v>544359</v>
      </c>
      <c r="N77" s="22" t="s">
        <v>268</v>
      </c>
      <c r="O77" s="16">
        <v>17780</v>
      </c>
      <c r="P77" s="16">
        <v>72</v>
      </c>
      <c r="Q77" s="22" t="s">
        <v>268</v>
      </c>
    </row>
    <row r="78" spans="1:17">
      <c r="A78" s="21" t="s">
        <v>232</v>
      </c>
      <c r="B78" s="21" t="s">
        <v>233</v>
      </c>
      <c r="C78" s="21" t="s">
        <v>262</v>
      </c>
      <c r="D78" s="21" t="s">
        <v>214</v>
      </c>
      <c r="E78" s="21" t="s">
        <v>688</v>
      </c>
      <c r="F78" s="21" t="s">
        <v>426</v>
      </c>
      <c r="G78" s="16">
        <v>102816</v>
      </c>
      <c r="H78" s="16">
        <v>69897</v>
      </c>
      <c r="I78" s="16">
        <v>59471</v>
      </c>
      <c r="J78" s="16">
        <v>44528</v>
      </c>
      <c r="K78" s="16">
        <v>10426</v>
      </c>
      <c r="L78" s="16">
        <v>2222</v>
      </c>
      <c r="M78" s="16">
        <v>30697</v>
      </c>
      <c r="N78" s="22" t="s">
        <v>268</v>
      </c>
      <c r="O78" s="16">
        <v>7638</v>
      </c>
      <c r="P78" s="16">
        <v>43540</v>
      </c>
      <c r="Q78" s="16">
        <v>30697</v>
      </c>
    </row>
    <row r="79" spans="1:17">
      <c r="A79" s="21" t="s">
        <v>232</v>
      </c>
      <c r="B79" s="21" t="s">
        <v>233</v>
      </c>
      <c r="C79" s="21" t="s">
        <v>262</v>
      </c>
      <c r="D79" s="21" t="s">
        <v>214</v>
      </c>
      <c r="E79" s="21" t="s">
        <v>688</v>
      </c>
      <c r="F79" s="21" t="s">
        <v>720</v>
      </c>
      <c r="G79" s="16">
        <v>59591</v>
      </c>
      <c r="H79" s="22" t="s">
        <v>268</v>
      </c>
      <c r="I79" s="22" t="s">
        <v>268</v>
      </c>
      <c r="J79" s="22" t="s">
        <v>268</v>
      </c>
      <c r="K79" s="22" t="s">
        <v>268</v>
      </c>
      <c r="L79" s="22" t="s">
        <v>268</v>
      </c>
      <c r="M79" s="16">
        <v>52344</v>
      </c>
      <c r="N79" s="16">
        <v>7247</v>
      </c>
      <c r="O79" s="22" t="s">
        <v>268</v>
      </c>
      <c r="P79" s="22" t="s">
        <v>268</v>
      </c>
      <c r="Q79" s="22" t="s">
        <v>268</v>
      </c>
    </row>
    <row r="80" spans="1:17">
      <c r="A80" s="21" t="s">
        <v>232</v>
      </c>
      <c r="B80" s="21" t="s">
        <v>233</v>
      </c>
      <c r="C80" s="21" t="s">
        <v>262</v>
      </c>
      <c r="D80" s="21" t="s">
        <v>214</v>
      </c>
      <c r="E80" s="21" t="s">
        <v>688</v>
      </c>
      <c r="F80" s="21" t="s">
        <v>427</v>
      </c>
      <c r="G80" s="16">
        <v>135902</v>
      </c>
      <c r="H80" s="16">
        <v>87659</v>
      </c>
      <c r="I80" s="16">
        <v>73662</v>
      </c>
      <c r="J80" s="16">
        <v>49596</v>
      </c>
      <c r="K80" s="16">
        <v>13997</v>
      </c>
      <c r="L80" s="16">
        <v>2748</v>
      </c>
      <c r="M80" s="16">
        <v>45495</v>
      </c>
      <c r="N80" s="22" t="s">
        <v>268</v>
      </c>
      <c r="O80" s="16">
        <v>10187</v>
      </c>
      <c r="P80" s="16">
        <v>43612</v>
      </c>
      <c r="Q80" s="16">
        <v>30697</v>
      </c>
    </row>
    <row r="81" spans="1:17">
      <c r="A81" s="21" t="s">
        <v>232</v>
      </c>
      <c r="B81" s="21" t="s">
        <v>233</v>
      </c>
      <c r="C81" s="21" t="s">
        <v>262</v>
      </c>
      <c r="D81" s="21" t="s">
        <v>214</v>
      </c>
      <c r="E81" s="21" t="s">
        <v>688</v>
      </c>
      <c r="F81" s="21" t="s">
        <v>428</v>
      </c>
      <c r="G81" s="16">
        <v>60201</v>
      </c>
      <c r="H81" s="16">
        <v>44801</v>
      </c>
      <c r="I81" s="16">
        <v>40037</v>
      </c>
      <c r="J81" s="16">
        <v>33912</v>
      </c>
      <c r="K81" s="16">
        <v>4764</v>
      </c>
      <c r="L81" s="16">
        <v>1418</v>
      </c>
      <c r="M81" s="16">
        <v>13982</v>
      </c>
      <c r="N81" s="22" t="s">
        <v>268</v>
      </c>
      <c r="O81" s="16">
        <v>3402</v>
      </c>
      <c r="P81" s="16">
        <v>33838</v>
      </c>
      <c r="Q81" s="16">
        <v>13982</v>
      </c>
    </row>
    <row r="82" spans="1:17">
      <c r="A82" s="21" t="s">
        <v>232</v>
      </c>
      <c r="B82" s="21" t="s">
        <v>233</v>
      </c>
      <c r="C82" s="21" t="s">
        <v>262</v>
      </c>
      <c r="D82" s="21" t="s">
        <v>214</v>
      </c>
      <c r="E82" s="21" t="s">
        <v>688</v>
      </c>
      <c r="F82" s="21" t="s">
        <v>429</v>
      </c>
      <c r="G82" s="16">
        <v>31497</v>
      </c>
      <c r="H82" s="16">
        <v>24081</v>
      </c>
      <c r="I82" s="16">
        <v>22665</v>
      </c>
      <c r="J82" s="16">
        <v>20804</v>
      </c>
      <c r="K82" s="16">
        <v>1416</v>
      </c>
      <c r="L82" s="16">
        <v>789</v>
      </c>
      <c r="M82" s="16">
        <v>6627</v>
      </c>
      <c r="N82" s="22" t="s">
        <v>268</v>
      </c>
      <c r="O82" s="16">
        <v>858</v>
      </c>
      <c r="P82" s="16">
        <v>20790</v>
      </c>
      <c r="Q82" s="16">
        <v>6627</v>
      </c>
    </row>
    <row r="83" spans="1:17">
      <c r="A83" s="21" t="s">
        <v>232</v>
      </c>
      <c r="B83" s="21" t="s">
        <v>233</v>
      </c>
      <c r="C83" s="21" t="s">
        <v>262</v>
      </c>
      <c r="D83" s="21" t="s">
        <v>214</v>
      </c>
      <c r="E83" s="21" t="s">
        <v>689</v>
      </c>
      <c r="F83" s="21" t="s">
        <v>214</v>
      </c>
      <c r="G83" s="16">
        <v>153</v>
      </c>
      <c r="H83" s="16">
        <v>117</v>
      </c>
      <c r="I83" s="16">
        <v>94</v>
      </c>
      <c r="J83" s="16">
        <v>8</v>
      </c>
      <c r="K83" s="16">
        <v>23</v>
      </c>
      <c r="L83" s="22" t="s">
        <v>268</v>
      </c>
      <c r="M83" s="16">
        <v>17</v>
      </c>
      <c r="N83" s="16">
        <v>19</v>
      </c>
      <c r="O83" s="16">
        <v>23</v>
      </c>
      <c r="P83" s="16">
        <v>6</v>
      </c>
      <c r="Q83" s="16">
        <v>2</v>
      </c>
    </row>
    <row r="84" spans="1:17">
      <c r="A84" s="21" t="s">
        <v>232</v>
      </c>
      <c r="B84" s="21" t="s">
        <v>233</v>
      </c>
      <c r="C84" s="21" t="s">
        <v>262</v>
      </c>
      <c r="D84" s="21" t="s">
        <v>214</v>
      </c>
      <c r="E84" s="21" t="s">
        <v>689</v>
      </c>
      <c r="F84" s="21" t="s">
        <v>424</v>
      </c>
      <c r="G84" s="22" t="s">
        <v>268</v>
      </c>
      <c r="H84" s="22" t="s">
        <v>268</v>
      </c>
      <c r="I84" s="22" t="s">
        <v>268</v>
      </c>
      <c r="J84" s="22" t="s">
        <v>268</v>
      </c>
      <c r="K84" s="22" t="s">
        <v>268</v>
      </c>
      <c r="L84" s="22" t="s">
        <v>268</v>
      </c>
      <c r="M84" s="22" t="s">
        <v>268</v>
      </c>
      <c r="N84" s="22" t="s">
        <v>268</v>
      </c>
      <c r="O84" s="22" t="s">
        <v>268</v>
      </c>
      <c r="P84" s="22" t="s">
        <v>268</v>
      </c>
      <c r="Q84" s="22" t="s">
        <v>268</v>
      </c>
    </row>
    <row r="85" spans="1:17">
      <c r="A85" s="21" t="s">
        <v>232</v>
      </c>
      <c r="B85" s="21" t="s">
        <v>233</v>
      </c>
      <c r="C85" s="21" t="s">
        <v>262</v>
      </c>
      <c r="D85" s="21" t="s">
        <v>214</v>
      </c>
      <c r="E85" s="21" t="s">
        <v>689</v>
      </c>
      <c r="F85" s="21" t="s">
        <v>425</v>
      </c>
      <c r="G85" s="16">
        <v>89</v>
      </c>
      <c r="H85" s="16">
        <v>83</v>
      </c>
      <c r="I85" s="16">
        <v>68</v>
      </c>
      <c r="J85" s="16">
        <v>2</v>
      </c>
      <c r="K85" s="16">
        <v>15</v>
      </c>
      <c r="L85" s="22" t="s">
        <v>268</v>
      </c>
      <c r="M85" s="16">
        <v>6</v>
      </c>
      <c r="N85" s="22" t="s">
        <v>268</v>
      </c>
      <c r="O85" s="16">
        <v>15</v>
      </c>
      <c r="P85" s="22" t="s">
        <v>268</v>
      </c>
      <c r="Q85" s="22" t="s">
        <v>268</v>
      </c>
    </row>
    <row r="86" spans="1:17">
      <c r="A86" s="21" t="s">
        <v>232</v>
      </c>
      <c r="B86" s="21" t="s">
        <v>233</v>
      </c>
      <c r="C86" s="21" t="s">
        <v>262</v>
      </c>
      <c r="D86" s="21" t="s">
        <v>214</v>
      </c>
      <c r="E86" s="21" t="s">
        <v>689</v>
      </c>
      <c r="F86" s="21" t="s">
        <v>426</v>
      </c>
      <c r="G86" s="16">
        <v>36</v>
      </c>
      <c r="H86" s="16">
        <v>34</v>
      </c>
      <c r="I86" s="16">
        <v>26</v>
      </c>
      <c r="J86" s="16">
        <v>6</v>
      </c>
      <c r="K86" s="16">
        <v>8</v>
      </c>
      <c r="L86" s="22" t="s">
        <v>268</v>
      </c>
      <c r="M86" s="16">
        <v>2</v>
      </c>
      <c r="N86" s="22" t="s">
        <v>268</v>
      </c>
      <c r="O86" s="16">
        <v>8</v>
      </c>
      <c r="P86" s="16">
        <v>6</v>
      </c>
      <c r="Q86" s="16">
        <v>2</v>
      </c>
    </row>
    <row r="87" spans="1:17">
      <c r="A87" s="21" t="s">
        <v>232</v>
      </c>
      <c r="B87" s="21" t="s">
        <v>233</v>
      </c>
      <c r="C87" s="21" t="s">
        <v>262</v>
      </c>
      <c r="D87" s="21" t="s">
        <v>214</v>
      </c>
      <c r="E87" s="21" t="s">
        <v>689</v>
      </c>
      <c r="F87" s="21" t="s">
        <v>720</v>
      </c>
      <c r="G87" s="16">
        <v>28</v>
      </c>
      <c r="H87" s="22" t="s">
        <v>268</v>
      </c>
      <c r="I87" s="22" t="s">
        <v>268</v>
      </c>
      <c r="J87" s="22" t="s">
        <v>268</v>
      </c>
      <c r="K87" s="22" t="s">
        <v>268</v>
      </c>
      <c r="L87" s="22" t="s">
        <v>268</v>
      </c>
      <c r="M87" s="16">
        <v>9</v>
      </c>
      <c r="N87" s="16">
        <v>19</v>
      </c>
      <c r="O87" s="22" t="s">
        <v>268</v>
      </c>
      <c r="P87" s="22" t="s">
        <v>268</v>
      </c>
      <c r="Q87" s="22" t="s">
        <v>268</v>
      </c>
    </row>
    <row r="88" spans="1:17">
      <c r="A88" s="21" t="s">
        <v>232</v>
      </c>
      <c r="B88" s="21" t="s">
        <v>233</v>
      </c>
      <c r="C88" s="21" t="s">
        <v>262</v>
      </c>
      <c r="D88" s="21" t="s">
        <v>214</v>
      </c>
      <c r="E88" s="21" t="s">
        <v>689</v>
      </c>
      <c r="F88" s="21" t="s">
        <v>427</v>
      </c>
      <c r="G88" s="16">
        <v>42</v>
      </c>
      <c r="H88" s="16">
        <v>39</v>
      </c>
      <c r="I88" s="16">
        <v>31</v>
      </c>
      <c r="J88" s="16">
        <v>8</v>
      </c>
      <c r="K88" s="16">
        <v>8</v>
      </c>
      <c r="L88" s="22" t="s">
        <v>268</v>
      </c>
      <c r="M88" s="16">
        <v>3</v>
      </c>
      <c r="N88" s="22" t="s">
        <v>268</v>
      </c>
      <c r="O88" s="16">
        <v>8</v>
      </c>
      <c r="P88" s="16">
        <v>6</v>
      </c>
      <c r="Q88" s="16">
        <v>2</v>
      </c>
    </row>
    <row r="89" spans="1:17">
      <c r="A89" s="21" t="s">
        <v>232</v>
      </c>
      <c r="B89" s="21" t="s">
        <v>233</v>
      </c>
      <c r="C89" s="21" t="s">
        <v>262</v>
      </c>
      <c r="D89" s="21" t="s">
        <v>214</v>
      </c>
      <c r="E89" s="21" t="s">
        <v>689</v>
      </c>
      <c r="F89" s="21" t="s">
        <v>428</v>
      </c>
      <c r="G89" s="16">
        <v>24</v>
      </c>
      <c r="H89" s="16">
        <v>23</v>
      </c>
      <c r="I89" s="16">
        <v>19</v>
      </c>
      <c r="J89" s="16">
        <v>4</v>
      </c>
      <c r="K89" s="16">
        <v>4</v>
      </c>
      <c r="L89" s="22" t="s">
        <v>268</v>
      </c>
      <c r="M89" s="16">
        <v>1</v>
      </c>
      <c r="N89" s="22" t="s">
        <v>268</v>
      </c>
      <c r="O89" s="16">
        <v>4</v>
      </c>
      <c r="P89" s="16">
        <v>4</v>
      </c>
      <c r="Q89" s="16">
        <v>1</v>
      </c>
    </row>
    <row r="90" spans="1:17">
      <c r="A90" s="21" t="s">
        <v>232</v>
      </c>
      <c r="B90" s="21" t="s">
        <v>233</v>
      </c>
      <c r="C90" s="21" t="s">
        <v>262</v>
      </c>
      <c r="D90" s="21" t="s">
        <v>214</v>
      </c>
      <c r="E90" s="21" t="s">
        <v>689</v>
      </c>
      <c r="F90" s="21" t="s">
        <v>429</v>
      </c>
      <c r="G90" s="16">
        <v>1</v>
      </c>
      <c r="H90" s="22" t="s">
        <v>268</v>
      </c>
      <c r="I90" s="22" t="s">
        <v>268</v>
      </c>
      <c r="J90" s="22" t="s">
        <v>268</v>
      </c>
      <c r="K90" s="22" t="s">
        <v>268</v>
      </c>
      <c r="L90" s="22" t="s">
        <v>268</v>
      </c>
      <c r="M90" s="16">
        <v>1</v>
      </c>
      <c r="N90" s="22" t="s">
        <v>268</v>
      </c>
      <c r="O90" s="22" t="s">
        <v>268</v>
      </c>
      <c r="P90" s="22" t="s">
        <v>268</v>
      </c>
      <c r="Q90" s="16">
        <v>1</v>
      </c>
    </row>
    <row r="91" spans="1:17">
      <c r="A91" s="21" t="s">
        <v>232</v>
      </c>
      <c r="B91" s="21" t="s">
        <v>237</v>
      </c>
      <c r="C91" s="21" t="s">
        <v>264</v>
      </c>
      <c r="D91" s="21" t="s">
        <v>214</v>
      </c>
      <c r="E91" s="21" t="s">
        <v>214</v>
      </c>
      <c r="F91" s="21" t="s">
        <v>214</v>
      </c>
      <c r="G91" s="16">
        <v>1678793</v>
      </c>
      <c r="H91" s="16">
        <v>1417970</v>
      </c>
      <c r="I91" s="16">
        <v>1115416</v>
      </c>
      <c r="J91" s="16">
        <v>298656</v>
      </c>
      <c r="K91" s="16">
        <v>302554</v>
      </c>
      <c r="L91" s="16">
        <v>14249</v>
      </c>
      <c r="M91" s="16">
        <v>242940</v>
      </c>
      <c r="N91" s="16">
        <v>3634</v>
      </c>
      <c r="O91" s="16">
        <v>220757</v>
      </c>
      <c r="P91" s="16">
        <v>188350</v>
      </c>
      <c r="Q91" s="16">
        <v>92410</v>
      </c>
    </row>
    <row r="92" spans="1:17">
      <c r="A92" s="21" t="s">
        <v>232</v>
      </c>
      <c r="B92" s="21" t="s">
        <v>237</v>
      </c>
      <c r="C92" s="21" t="s">
        <v>264</v>
      </c>
      <c r="D92" s="21" t="s">
        <v>214</v>
      </c>
      <c r="E92" s="21" t="s">
        <v>214</v>
      </c>
      <c r="F92" s="21" t="s">
        <v>424</v>
      </c>
      <c r="G92" s="16">
        <v>6</v>
      </c>
      <c r="H92" s="16">
        <v>2</v>
      </c>
      <c r="I92" s="22" t="s">
        <v>268</v>
      </c>
      <c r="J92" s="22" t="s">
        <v>268</v>
      </c>
      <c r="K92" s="16">
        <v>2</v>
      </c>
      <c r="L92" s="22" t="s">
        <v>268</v>
      </c>
      <c r="M92" s="16">
        <v>4</v>
      </c>
      <c r="N92" s="22" t="s">
        <v>268</v>
      </c>
      <c r="O92" s="22" t="s">
        <v>268</v>
      </c>
      <c r="P92" s="22" t="s">
        <v>268</v>
      </c>
      <c r="Q92" s="22" t="s">
        <v>268</v>
      </c>
    </row>
    <row r="93" spans="1:17">
      <c r="A93" s="21" t="s">
        <v>232</v>
      </c>
      <c r="B93" s="21" t="s">
        <v>237</v>
      </c>
      <c r="C93" s="21" t="s">
        <v>264</v>
      </c>
      <c r="D93" s="21" t="s">
        <v>214</v>
      </c>
      <c r="E93" s="21" t="s">
        <v>214</v>
      </c>
      <c r="F93" s="21" t="s">
        <v>425</v>
      </c>
      <c r="G93" s="16">
        <v>1015373</v>
      </c>
      <c r="H93" s="16">
        <v>875676</v>
      </c>
      <c r="I93" s="16">
        <v>734339</v>
      </c>
      <c r="J93" s="16">
        <v>105136</v>
      </c>
      <c r="K93" s="16">
        <v>141337</v>
      </c>
      <c r="L93" s="16">
        <v>10236</v>
      </c>
      <c r="M93" s="16">
        <v>129461</v>
      </c>
      <c r="N93" s="22" t="s">
        <v>268</v>
      </c>
      <c r="O93" s="16">
        <v>106015</v>
      </c>
      <c r="P93" s="16">
        <v>246</v>
      </c>
      <c r="Q93" s="22" t="s">
        <v>268</v>
      </c>
    </row>
    <row r="94" spans="1:17">
      <c r="A94" s="21" t="s">
        <v>232</v>
      </c>
      <c r="B94" s="21" t="s">
        <v>237</v>
      </c>
      <c r="C94" s="21" t="s">
        <v>264</v>
      </c>
      <c r="D94" s="21" t="s">
        <v>214</v>
      </c>
      <c r="E94" s="21" t="s">
        <v>214</v>
      </c>
      <c r="F94" s="21" t="s">
        <v>426</v>
      </c>
      <c r="G94" s="16">
        <v>638715</v>
      </c>
      <c r="H94" s="16">
        <v>542292</v>
      </c>
      <c r="I94" s="16">
        <v>381077</v>
      </c>
      <c r="J94" s="16">
        <v>193520</v>
      </c>
      <c r="K94" s="16">
        <v>161215</v>
      </c>
      <c r="L94" s="16">
        <v>4013</v>
      </c>
      <c r="M94" s="16">
        <v>92410</v>
      </c>
      <c r="N94" s="22" t="s">
        <v>268</v>
      </c>
      <c r="O94" s="16">
        <v>114742</v>
      </c>
      <c r="P94" s="16">
        <v>188104</v>
      </c>
      <c r="Q94" s="16">
        <v>92410</v>
      </c>
    </row>
    <row r="95" spans="1:17">
      <c r="A95" s="21" t="s">
        <v>232</v>
      </c>
      <c r="B95" s="21" t="s">
        <v>237</v>
      </c>
      <c r="C95" s="21" t="s">
        <v>264</v>
      </c>
      <c r="D95" s="21" t="s">
        <v>214</v>
      </c>
      <c r="E95" s="21" t="s">
        <v>214</v>
      </c>
      <c r="F95" s="21" t="s">
        <v>720</v>
      </c>
      <c r="G95" s="16">
        <v>24699</v>
      </c>
      <c r="H95" s="22" t="s">
        <v>268</v>
      </c>
      <c r="I95" s="22" t="s">
        <v>268</v>
      </c>
      <c r="J95" s="22" t="s">
        <v>268</v>
      </c>
      <c r="K95" s="22" t="s">
        <v>268</v>
      </c>
      <c r="L95" s="22" t="s">
        <v>268</v>
      </c>
      <c r="M95" s="16">
        <v>21065</v>
      </c>
      <c r="N95" s="16">
        <v>3634</v>
      </c>
      <c r="O95" s="22" t="s">
        <v>268</v>
      </c>
      <c r="P95" s="22" t="s">
        <v>268</v>
      </c>
      <c r="Q95" s="22" t="s">
        <v>268</v>
      </c>
    </row>
    <row r="96" spans="1:17">
      <c r="A96" s="21" t="s">
        <v>232</v>
      </c>
      <c r="B96" s="21" t="s">
        <v>237</v>
      </c>
      <c r="C96" s="21" t="s">
        <v>264</v>
      </c>
      <c r="D96" s="21" t="s">
        <v>214</v>
      </c>
      <c r="E96" s="21" t="s">
        <v>214</v>
      </c>
      <c r="F96" s="21" t="s">
        <v>427</v>
      </c>
      <c r="G96" s="16">
        <v>785257</v>
      </c>
      <c r="H96" s="16">
        <v>671006</v>
      </c>
      <c r="I96" s="16">
        <v>468084</v>
      </c>
      <c r="J96" s="16">
        <v>227242</v>
      </c>
      <c r="K96" s="16">
        <v>202922</v>
      </c>
      <c r="L96" s="16">
        <v>5203</v>
      </c>
      <c r="M96" s="16">
        <v>109048</v>
      </c>
      <c r="N96" s="22" t="s">
        <v>268</v>
      </c>
      <c r="O96" s="16">
        <v>142747</v>
      </c>
      <c r="P96" s="16">
        <v>188350</v>
      </c>
      <c r="Q96" s="16">
        <v>92410</v>
      </c>
    </row>
    <row r="97" spans="1:17">
      <c r="A97" s="21" t="s">
        <v>232</v>
      </c>
      <c r="B97" s="21" t="s">
        <v>237</v>
      </c>
      <c r="C97" s="21" t="s">
        <v>264</v>
      </c>
      <c r="D97" s="21" t="s">
        <v>214</v>
      </c>
      <c r="E97" s="21" t="s">
        <v>214</v>
      </c>
      <c r="F97" s="21" t="s">
        <v>428</v>
      </c>
      <c r="G97" s="16">
        <v>304850</v>
      </c>
      <c r="H97" s="16">
        <v>251395</v>
      </c>
      <c r="I97" s="16">
        <v>177424</v>
      </c>
      <c r="J97" s="16">
        <v>88938</v>
      </c>
      <c r="K97" s="16">
        <v>73971</v>
      </c>
      <c r="L97" s="16">
        <v>1651</v>
      </c>
      <c r="M97" s="16">
        <v>51804</v>
      </c>
      <c r="N97" s="22" t="s">
        <v>268</v>
      </c>
      <c r="O97" s="16">
        <v>51937</v>
      </c>
      <c r="P97" s="16">
        <v>88650</v>
      </c>
      <c r="Q97" s="16">
        <v>51804</v>
      </c>
    </row>
    <row r="98" spans="1:17">
      <c r="A98" s="21" t="s">
        <v>232</v>
      </c>
      <c r="B98" s="21" t="s">
        <v>237</v>
      </c>
      <c r="C98" s="21" t="s">
        <v>264</v>
      </c>
      <c r="D98" s="21" t="s">
        <v>214</v>
      </c>
      <c r="E98" s="21" t="s">
        <v>214</v>
      </c>
      <c r="F98" s="21" t="s">
        <v>429</v>
      </c>
      <c r="G98" s="16">
        <v>93779</v>
      </c>
      <c r="H98" s="16">
        <v>73801</v>
      </c>
      <c r="I98" s="16">
        <v>49111</v>
      </c>
      <c r="J98" s="16">
        <v>21136</v>
      </c>
      <c r="K98" s="16">
        <v>24690</v>
      </c>
      <c r="L98" s="16">
        <v>461</v>
      </c>
      <c r="M98" s="16">
        <v>19517</v>
      </c>
      <c r="N98" s="22" t="s">
        <v>268</v>
      </c>
      <c r="O98" s="16">
        <v>15306</v>
      </c>
      <c r="P98" s="16">
        <v>21130</v>
      </c>
      <c r="Q98" s="16">
        <v>19517</v>
      </c>
    </row>
    <row r="99" spans="1:17">
      <c r="A99" s="21" t="s">
        <v>232</v>
      </c>
      <c r="B99" s="21" t="s">
        <v>237</v>
      </c>
      <c r="C99" s="21" t="s">
        <v>264</v>
      </c>
      <c r="D99" s="21" t="s">
        <v>214</v>
      </c>
      <c r="E99" s="21" t="s">
        <v>681</v>
      </c>
      <c r="F99" s="21" t="s">
        <v>214</v>
      </c>
      <c r="G99" s="16">
        <v>1663762</v>
      </c>
      <c r="H99" s="16">
        <v>1411051</v>
      </c>
      <c r="I99" s="16">
        <v>1109172</v>
      </c>
      <c r="J99" s="16">
        <v>297190</v>
      </c>
      <c r="K99" s="16">
        <v>301879</v>
      </c>
      <c r="L99" s="16">
        <v>14135</v>
      </c>
      <c r="M99" s="16">
        <v>234952</v>
      </c>
      <c r="N99" s="16">
        <v>3624</v>
      </c>
      <c r="O99" s="16">
        <v>220232</v>
      </c>
      <c r="P99" s="16">
        <v>187376</v>
      </c>
      <c r="Q99" s="16">
        <v>92025</v>
      </c>
    </row>
    <row r="100" spans="1:17">
      <c r="A100" s="21" t="s">
        <v>232</v>
      </c>
      <c r="B100" s="21" t="s">
        <v>237</v>
      </c>
      <c r="C100" s="21" t="s">
        <v>264</v>
      </c>
      <c r="D100" s="21" t="s">
        <v>214</v>
      </c>
      <c r="E100" s="21" t="s">
        <v>681</v>
      </c>
      <c r="F100" s="21" t="s">
        <v>424</v>
      </c>
      <c r="G100" s="16">
        <v>6</v>
      </c>
      <c r="H100" s="16">
        <v>2</v>
      </c>
      <c r="I100" s="22" t="s">
        <v>268</v>
      </c>
      <c r="J100" s="22" t="s">
        <v>268</v>
      </c>
      <c r="K100" s="16">
        <v>2</v>
      </c>
      <c r="L100" s="22" t="s">
        <v>268</v>
      </c>
      <c r="M100" s="16">
        <v>4</v>
      </c>
      <c r="N100" s="22" t="s">
        <v>268</v>
      </c>
      <c r="O100" s="22" t="s">
        <v>268</v>
      </c>
      <c r="P100" s="22" t="s">
        <v>268</v>
      </c>
      <c r="Q100" s="22" t="s">
        <v>268</v>
      </c>
    </row>
    <row r="101" spans="1:17">
      <c r="A101" s="21" t="s">
        <v>232</v>
      </c>
      <c r="B101" s="21" t="s">
        <v>237</v>
      </c>
      <c r="C101" s="21" t="s">
        <v>264</v>
      </c>
      <c r="D101" s="21" t="s">
        <v>214</v>
      </c>
      <c r="E101" s="21" t="s">
        <v>681</v>
      </c>
      <c r="F101" s="21" t="s">
        <v>425</v>
      </c>
      <c r="G101" s="16">
        <v>1002571</v>
      </c>
      <c r="H101" s="16">
        <v>870255</v>
      </c>
      <c r="I101" s="16">
        <v>729373</v>
      </c>
      <c r="J101" s="16">
        <v>104656</v>
      </c>
      <c r="K101" s="16">
        <v>140882</v>
      </c>
      <c r="L101" s="16">
        <v>10145</v>
      </c>
      <c r="M101" s="16">
        <v>122171</v>
      </c>
      <c r="N101" s="22" t="s">
        <v>268</v>
      </c>
      <c r="O101" s="16">
        <v>105657</v>
      </c>
      <c r="P101" s="16">
        <v>246</v>
      </c>
      <c r="Q101" s="22" t="s">
        <v>268</v>
      </c>
    </row>
    <row r="102" spans="1:17">
      <c r="A102" s="21" t="s">
        <v>232</v>
      </c>
      <c r="B102" s="21" t="s">
        <v>237</v>
      </c>
      <c r="C102" s="21" t="s">
        <v>264</v>
      </c>
      <c r="D102" s="21" t="s">
        <v>214</v>
      </c>
      <c r="E102" s="21" t="s">
        <v>681</v>
      </c>
      <c r="F102" s="21" t="s">
        <v>426</v>
      </c>
      <c r="G102" s="16">
        <v>636809</v>
      </c>
      <c r="H102" s="16">
        <v>540794</v>
      </c>
      <c r="I102" s="16">
        <v>379799</v>
      </c>
      <c r="J102" s="16">
        <v>192534</v>
      </c>
      <c r="K102" s="16">
        <v>160995</v>
      </c>
      <c r="L102" s="16">
        <v>3990</v>
      </c>
      <c r="M102" s="16">
        <v>92025</v>
      </c>
      <c r="N102" s="22" t="s">
        <v>268</v>
      </c>
      <c r="O102" s="16">
        <v>114575</v>
      </c>
      <c r="P102" s="16">
        <v>187130</v>
      </c>
      <c r="Q102" s="16">
        <v>92025</v>
      </c>
    </row>
    <row r="103" spans="1:17">
      <c r="A103" s="21" t="s">
        <v>232</v>
      </c>
      <c r="B103" s="21" t="s">
        <v>237</v>
      </c>
      <c r="C103" s="21" t="s">
        <v>264</v>
      </c>
      <c r="D103" s="21" t="s">
        <v>214</v>
      </c>
      <c r="E103" s="21" t="s">
        <v>681</v>
      </c>
      <c r="F103" s="21" t="s">
        <v>720</v>
      </c>
      <c r="G103" s="16">
        <v>24376</v>
      </c>
      <c r="H103" s="22" t="s">
        <v>268</v>
      </c>
      <c r="I103" s="22" t="s">
        <v>268</v>
      </c>
      <c r="J103" s="22" t="s">
        <v>268</v>
      </c>
      <c r="K103" s="22" t="s">
        <v>268</v>
      </c>
      <c r="L103" s="22" t="s">
        <v>268</v>
      </c>
      <c r="M103" s="16">
        <v>20752</v>
      </c>
      <c r="N103" s="16">
        <v>3624</v>
      </c>
      <c r="O103" s="22" t="s">
        <v>268</v>
      </c>
      <c r="P103" s="22" t="s">
        <v>268</v>
      </c>
      <c r="Q103" s="22" t="s">
        <v>268</v>
      </c>
    </row>
    <row r="104" spans="1:17">
      <c r="A104" s="21" t="s">
        <v>232</v>
      </c>
      <c r="B104" s="21" t="s">
        <v>237</v>
      </c>
      <c r="C104" s="21" t="s">
        <v>264</v>
      </c>
      <c r="D104" s="21" t="s">
        <v>214</v>
      </c>
      <c r="E104" s="21" t="s">
        <v>681</v>
      </c>
      <c r="F104" s="21" t="s">
        <v>427</v>
      </c>
      <c r="G104" s="16">
        <v>782851</v>
      </c>
      <c r="H104" s="16">
        <v>669209</v>
      </c>
      <c r="I104" s="16">
        <v>466571</v>
      </c>
      <c r="J104" s="16">
        <v>226182</v>
      </c>
      <c r="K104" s="16">
        <v>202638</v>
      </c>
      <c r="L104" s="16">
        <v>5177</v>
      </c>
      <c r="M104" s="16">
        <v>108465</v>
      </c>
      <c r="N104" s="22" t="s">
        <v>268</v>
      </c>
      <c r="O104" s="16">
        <v>142534</v>
      </c>
      <c r="P104" s="16">
        <v>187376</v>
      </c>
      <c r="Q104" s="16">
        <v>92025</v>
      </c>
    </row>
    <row r="105" spans="1:17">
      <c r="A105" s="21" t="s">
        <v>232</v>
      </c>
      <c r="B105" s="21" t="s">
        <v>237</v>
      </c>
      <c r="C105" s="21" t="s">
        <v>264</v>
      </c>
      <c r="D105" s="21" t="s">
        <v>214</v>
      </c>
      <c r="E105" s="21" t="s">
        <v>681</v>
      </c>
      <c r="F105" s="21" t="s">
        <v>428</v>
      </c>
      <c r="G105" s="16">
        <v>303675</v>
      </c>
      <c r="H105" s="16">
        <v>250407</v>
      </c>
      <c r="I105" s="16">
        <v>176530</v>
      </c>
      <c r="J105" s="16">
        <v>88182</v>
      </c>
      <c r="K105" s="16">
        <v>73877</v>
      </c>
      <c r="L105" s="16">
        <v>1635</v>
      </c>
      <c r="M105" s="16">
        <v>51633</v>
      </c>
      <c r="N105" s="22" t="s">
        <v>268</v>
      </c>
      <c r="O105" s="16">
        <v>51873</v>
      </c>
      <c r="P105" s="16">
        <v>87894</v>
      </c>
      <c r="Q105" s="16">
        <v>51633</v>
      </c>
    </row>
    <row r="106" spans="1:17">
      <c r="A106" s="21" t="s">
        <v>232</v>
      </c>
      <c r="B106" s="21" t="s">
        <v>237</v>
      </c>
      <c r="C106" s="21" t="s">
        <v>264</v>
      </c>
      <c r="D106" s="21" t="s">
        <v>214</v>
      </c>
      <c r="E106" s="21" t="s">
        <v>681</v>
      </c>
      <c r="F106" s="21" t="s">
        <v>429</v>
      </c>
      <c r="G106" s="16">
        <v>93056</v>
      </c>
      <c r="H106" s="16">
        <v>73150</v>
      </c>
      <c r="I106" s="16">
        <v>48504</v>
      </c>
      <c r="J106" s="16">
        <v>20596</v>
      </c>
      <c r="K106" s="16">
        <v>24646</v>
      </c>
      <c r="L106" s="16">
        <v>457</v>
      </c>
      <c r="M106" s="16">
        <v>19449</v>
      </c>
      <c r="N106" s="22" t="s">
        <v>268</v>
      </c>
      <c r="O106" s="16">
        <v>15280</v>
      </c>
      <c r="P106" s="16">
        <v>20590</v>
      </c>
      <c r="Q106" s="16">
        <v>19449</v>
      </c>
    </row>
    <row r="107" spans="1:17">
      <c r="A107" s="21" t="s">
        <v>232</v>
      </c>
      <c r="B107" s="21" t="s">
        <v>237</v>
      </c>
      <c r="C107" s="21" t="s">
        <v>264</v>
      </c>
      <c r="D107" s="21" t="s">
        <v>214</v>
      </c>
      <c r="E107" s="21" t="s">
        <v>682</v>
      </c>
      <c r="F107" s="21" t="s">
        <v>214</v>
      </c>
      <c r="G107" s="16">
        <v>1649776</v>
      </c>
      <c r="H107" s="16">
        <v>1401843</v>
      </c>
      <c r="I107" s="16">
        <v>1100652</v>
      </c>
      <c r="J107" s="16">
        <v>295808</v>
      </c>
      <c r="K107" s="16">
        <v>301191</v>
      </c>
      <c r="L107" s="16">
        <v>14044</v>
      </c>
      <c r="M107" s="16">
        <v>230269</v>
      </c>
      <c r="N107" s="16">
        <v>3620</v>
      </c>
      <c r="O107" s="16">
        <v>219769</v>
      </c>
      <c r="P107" s="16">
        <v>186734</v>
      </c>
      <c r="Q107" s="16">
        <v>91054</v>
      </c>
    </row>
    <row r="108" spans="1:17">
      <c r="A108" s="21" t="s">
        <v>232</v>
      </c>
      <c r="B108" s="21" t="s">
        <v>237</v>
      </c>
      <c r="C108" s="21" t="s">
        <v>264</v>
      </c>
      <c r="D108" s="21" t="s">
        <v>214</v>
      </c>
      <c r="E108" s="21" t="s">
        <v>682</v>
      </c>
      <c r="F108" s="21" t="s">
        <v>424</v>
      </c>
      <c r="G108" s="16">
        <v>1</v>
      </c>
      <c r="H108" s="22" t="s">
        <v>268</v>
      </c>
      <c r="I108" s="22" t="s">
        <v>268</v>
      </c>
      <c r="J108" s="22" t="s">
        <v>268</v>
      </c>
      <c r="K108" s="22" t="s">
        <v>268</v>
      </c>
      <c r="L108" s="22" t="s">
        <v>268</v>
      </c>
      <c r="M108" s="16">
        <v>1</v>
      </c>
      <c r="N108" s="22" t="s">
        <v>268</v>
      </c>
      <c r="O108" s="22" t="s">
        <v>268</v>
      </c>
      <c r="P108" s="22" t="s">
        <v>268</v>
      </c>
      <c r="Q108" s="22" t="s">
        <v>268</v>
      </c>
    </row>
    <row r="109" spans="1:17">
      <c r="A109" s="21" t="s">
        <v>232</v>
      </c>
      <c r="B109" s="21" t="s">
        <v>237</v>
      </c>
      <c r="C109" s="21" t="s">
        <v>264</v>
      </c>
      <c r="D109" s="21" t="s">
        <v>214</v>
      </c>
      <c r="E109" s="21" t="s">
        <v>682</v>
      </c>
      <c r="F109" s="21" t="s">
        <v>425</v>
      </c>
      <c r="G109" s="16">
        <v>990939</v>
      </c>
      <c r="H109" s="16">
        <v>862318</v>
      </c>
      <c r="I109" s="16">
        <v>721951</v>
      </c>
      <c r="J109" s="16">
        <v>103942</v>
      </c>
      <c r="K109" s="16">
        <v>140367</v>
      </c>
      <c r="L109" s="16">
        <v>10077</v>
      </c>
      <c r="M109" s="16">
        <v>118544</v>
      </c>
      <c r="N109" s="22" t="s">
        <v>268</v>
      </c>
      <c r="O109" s="16">
        <v>105299</v>
      </c>
      <c r="P109" s="16">
        <v>246</v>
      </c>
      <c r="Q109" s="22" t="s">
        <v>268</v>
      </c>
    </row>
    <row r="110" spans="1:17">
      <c r="A110" s="21" t="s">
        <v>232</v>
      </c>
      <c r="B110" s="21" t="s">
        <v>237</v>
      </c>
      <c r="C110" s="21" t="s">
        <v>264</v>
      </c>
      <c r="D110" s="21" t="s">
        <v>214</v>
      </c>
      <c r="E110" s="21" t="s">
        <v>682</v>
      </c>
      <c r="F110" s="21" t="s">
        <v>426</v>
      </c>
      <c r="G110" s="16">
        <v>634546</v>
      </c>
      <c r="H110" s="16">
        <v>539525</v>
      </c>
      <c r="I110" s="16">
        <v>378701</v>
      </c>
      <c r="J110" s="16">
        <v>191866</v>
      </c>
      <c r="K110" s="16">
        <v>160824</v>
      </c>
      <c r="L110" s="16">
        <v>3967</v>
      </c>
      <c r="M110" s="16">
        <v>91054</v>
      </c>
      <c r="N110" s="22" t="s">
        <v>268</v>
      </c>
      <c r="O110" s="16">
        <v>114470</v>
      </c>
      <c r="P110" s="16">
        <v>186488</v>
      </c>
      <c r="Q110" s="16">
        <v>91054</v>
      </c>
    </row>
    <row r="111" spans="1:17">
      <c r="A111" s="21" t="s">
        <v>232</v>
      </c>
      <c r="B111" s="21" t="s">
        <v>237</v>
      </c>
      <c r="C111" s="21" t="s">
        <v>264</v>
      </c>
      <c r="D111" s="21" t="s">
        <v>214</v>
      </c>
      <c r="E111" s="21" t="s">
        <v>682</v>
      </c>
      <c r="F111" s="21" t="s">
        <v>720</v>
      </c>
      <c r="G111" s="16">
        <v>24290</v>
      </c>
      <c r="H111" s="22" t="s">
        <v>268</v>
      </c>
      <c r="I111" s="22" t="s">
        <v>268</v>
      </c>
      <c r="J111" s="22" t="s">
        <v>268</v>
      </c>
      <c r="K111" s="22" t="s">
        <v>268</v>
      </c>
      <c r="L111" s="22" t="s">
        <v>268</v>
      </c>
      <c r="M111" s="16">
        <v>20670</v>
      </c>
      <c r="N111" s="16">
        <v>3620</v>
      </c>
      <c r="O111" s="22" t="s">
        <v>268</v>
      </c>
      <c r="P111" s="22" t="s">
        <v>268</v>
      </c>
      <c r="Q111" s="22" t="s">
        <v>268</v>
      </c>
    </row>
    <row r="112" spans="1:17">
      <c r="A112" s="21" t="s">
        <v>232</v>
      </c>
      <c r="B112" s="21" t="s">
        <v>237</v>
      </c>
      <c r="C112" s="21" t="s">
        <v>264</v>
      </c>
      <c r="D112" s="21" t="s">
        <v>214</v>
      </c>
      <c r="E112" s="21" t="s">
        <v>682</v>
      </c>
      <c r="F112" s="21" t="s">
        <v>427</v>
      </c>
      <c r="G112" s="16">
        <v>779884</v>
      </c>
      <c r="H112" s="16">
        <v>667488</v>
      </c>
      <c r="I112" s="16">
        <v>465099</v>
      </c>
      <c r="J112" s="16">
        <v>225380</v>
      </c>
      <c r="K112" s="16">
        <v>202389</v>
      </c>
      <c r="L112" s="16">
        <v>5138</v>
      </c>
      <c r="M112" s="16">
        <v>107258</v>
      </c>
      <c r="N112" s="22" t="s">
        <v>268</v>
      </c>
      <c r="O112" s="16">
        <v>142378</v>
      </c>
      <c r="P112" s="16">
        <v>186734</v>
      </c>
      <c r="Q112" s="16">
        <v>91054</v>
      </c>
    </row>
    <row r="113" spans="1:17">
      <c r="A113" s="21" t="s">
        <v>232</v>
      </c>
      <c r="B113" s="21" t="s">
        <v>237</v>
      </c>
      <c r="C113" s="21" t="s">
        <v>264</v>
      </c>
      <c r="D113" s="21" t="s">
        <v>214</v>
      </c>
      <c r="E113" s="21" t="s">
        <v>682</v>
      </c>
      <c r="F113" s="21" t="s">
        <v>428</v>
      </c>
      <c r="G113" s="16">
        <v>302619</v>
      </c>
      <c r="H113" s="16">
        <v>249857</v>
      </c>
      <c r="I113" s="16">
        <v>176047</v>
      </c>
      <c r="J113" s="16">
        <v>87870</v>
      </c>
      <c r="K113" s="16">
        <v>73810</v>
      </c>
      <c r="L113" s="16">
        <v>1629</v>
      </c>
      <c r="M113" s="16">
        <v>51133</v>
      </c>
      <c r="N113" s="22" t="s">
        <v>268</v>
      </c>
      <c r="O113" s="16">
        <v>51839</v>
      </c>
      <c r="P113" s="16">
        <v>87582</v>
      </c>
      <c r="Q113" s="16">
        <v>51133</v>
      </c>
    </row>
    <row r="114" spans="1:17">
      <c r="A114" s="21" t="s">
        <v>232</v>
      </c>
      <c r="B114" s="21" t="s">
        <v>237</v>
      </c>
      <c r="C114" s="21" t="s">
        <v>264</v>
      </c>
      <c r="D114" s="21" t="s">
        <v>214</v>
      </c>
      <c r="E114" s="21" t="s">
        <v>682</v>
      </c>
      <c r="F114" s="21" t="s">
        <v>429</v>
      </c>
      <c r="G114" s="16">
        <v>92673</v>
      </c>
      <c r="H114" s="16">
        <v>72989</v>
      </c>
      <c r="I114" s="16">
        <v>48370</v>
      </c>
      <c r="J114" s="16">
        <v>20500</v>
      </c>
      <c r="K114" s="16">
        <v>24619</v>
      </c>
      <c r="L114" s="16">
        <v>457</v>
      </c>
      <c r="M114" s="16">
        <v>19227</v>
      </c>
      <c r="N114" s="22" t="s">
        <v>268</v>
      </c>
      <c r="O114" s="16">
        <v>15269</v>
      </c>
      <c r="P114" s="16">
        <v>20494</v>
      </c>
      <c r="Q114" s="16">
        <v>19227</v>
      </c>
    </row>
    <row r="115" spans="1:17">
      <c r="A115" s="21" t="s">
        <v>232</v>
      </c>
      <c r="B115" s="21" t="s">
        <v>237</v>
      </c>
      <c r="C115" s="21" t="s">
        <v>264</v>
      </c>
      <c r="D115" s="21" t="s">
        <v>214</v>
      </c>
      <c r="E115" s="21" t="s">
        <v>683</v>
      </c>
      <c r="F115" s="21" t="s">
        <v>214</v>
      </c>
      <c r="G115" s="16">
        <v>1180571</v>
      </c>
      <c r="H115" s="16">
        <v>1080821</v>
      </c>
      <c r="I115" s="16">
        <v>799519</v>
      </c>
      <c r="J115" s="16">
        <v>233432</v>
      </c>
      <c r="K115" s="16">
        <v>281302</v>
      </c>
      <c r="L115" s="16">
        <v>6652</v>
      </c>
      <c r="M115" s="16">
        <v>91371</v>
      </c>
      <c r="N115" s="16">
        <v>1727</v>
      </c>
      <c r="O115" s="16">
        <v>207588</v>
      </c>
      <c r="P115" s="16">
        <v>167162</v>
      </c>
      <c r="Q115" s="16">
        <v>63650</v>
      </c>
    </row>
    <row r="116" spans="1:17">
      <c r="A116" s="21" t="s">
        <v>232</v>
      </c>
      <c r="B116" s="21" t="s">
        <v>237</v>
      </c>
      <c r="C116" s="21" t="s">
        <v>264</v>
      </c>
      <c r="D116" s="21" t="s">
        <v>214</v>
      </c>
      <c r="E116" s="21" t="s">
        <v>683</v>
      </c>
      <c r="F116" s="21" t="s">
        <v>424</v>
      </c>
      <c r="G116" s="22" t="s">
        <v>268</v>
      </c>
      <c r="H116" s="22" t="s">
        <v>268</v>
      </c>
      <c r="I116" s="22" t="s">
        <v>268</v>
      </c>
      <c r="J116" s="22" t="s">
        <v>268</v>
      </c>
      <c r="K116" s="22" t="s">
        <v>268</v>
      </c>
      <c r="L116" s="22" t="s">
        <v>268</v>
      </c>
      <c r="M116" s="22" t="s">
        <v>268</v>
      </c>
      <c r="N116" s="22" t="s">
        <v>268</v>
      </c>
      <c r="O116" s="22" t="s">
        <v>268</v>
      </c>
      <c r="P116" s="22" t="s">
        <v>268</v>
      </c>
      <c r="Q116" s="22" t="s">
        <v>268</v>
      </c>
    </row>
    <row r="117" spans="1:17">
      <c r="A117" s="21" t="s">
        <v>232</v>
      </c>
      <c r="B117" s="21" t="s">
        <v>237</v>
      </c>
      <c r="C117" s="21" t="s">
        <v>264</v>
      </c>
      <c r="D117" s="21" t="s">
        <v>214</v>
      </c>
      <c r="E117" s="21" t="s">
        <v>683</v>
      </c>
      <c r="F117" s="21" t="s">
        <v>425</v>
      </c>
      <c r="G117" s="16">
        <v>618636</v>
      </c>
      <c r="H117" s="16">
        <v>589907</v>
      </c>
      <c r="I117" s="16">
        <v>463286</v>
      </c>
      <c r="J117" s="16">
        <v>62276</v>
      </c>
      <c r="K117" s="16">
        <v>126621</v>
      </c>
      <c r="L117" s="16">
        <v>3529</v>
      </c>
      <c r="M117" s="16">
        <v>25200</v>
      </c>
      <c r="N117" s="22" t="s">
        <v>268</v>
      </c>
      <c r="O117" s="16">
        <v>96672</v>
      </c>
      <c r="P117" s="16">
        <v>172</v>
      </c>
      <c r="Q117" s="22" t="s">
        <v>268</v>
      </c>
    </row>
    <row r="118" spans="1:17">
      <c r="A118" s="21" t="s">
        <v>232</v>
      </c>
      <c r="B118" s="21" t="s">
        <v>237</v>
      </c>
      <c r="C118" s="21" t="s">
        <v>264</v>
      </c>
      <c r="D118" s="21" t="s">
        <v>214</v>
      </c>
      <c r="E118" s="21" t="s">
        <v>683</v>
      </c>
      <c r="F118" s="21" t="s">
        <v>426</v>
      </c>
      <c r="G118" s="16">
        <v>557687</v>
      </c>
      <c r="H118" s="16">
        <v>490914</v>
      </c>
      <c r="I118" s="16">
        <v>336233</v>
      </c>
      <c r="J118" s="16">
        <v>171156</v>
      </c>
      <c r="K118" s="16">
        <v>154681</v>
      </c>
      <c r="L118" s="16">
        <v>3123</v>
      </c>
      <c r="M118" s="16">
        <v>63650</v>
      </c>
      <c r="N118" s="22" t="s">
        <v>268</v>
      </c>
      <c r="O118" s="16">
        <v>110916</v>
      </c>
      <c r="P118" s="16">
        <v>166990</v>
      </c>
      <c r="Q118" s="16">
        <v>63650</v>
      </c>
    </row>
    <row r="119" spans="1:17">
      <c r="A119" s="21" t="s">
        <v>232</v>
      </c>
      <c r="B119" s="21" t="s">
        <v>237</v>
      </c>
      <c r="C119" s="21" t="s">
        <v>264</v>
      </c>
      <c r="D119" s="21" t="s">
        <v>214</v>
      </c>
      <c r="E119" s="21" t="s">
        <v>683</v>
      </c>
      <c r="F119" s="21" t="s">
        <v>720</v>
      </c>
      <c r="G119" s="16">
        <v>4248</v>
      </c>
      <c r="H119" s="22" t="s">
        <v>268</v>
      </c>
      <c r="I119" s="22" t="s">
        <v>268</v>
      </c>
      <c r="J119" s="22" t="s">
        <v>268</v>
      </c>
      <c r="K119" s="22" t="s">
        <v>268</v>
      </c>
      <c r="L119" s="22" t="s">
        <v>268</v>
      </c>
      <c r="M119" s="16">
        <v>2521</v>
      </c>
      <c r="N119" s="16">
        <v>1727</v>
      </c>
      <c r="O119" s="22" t="s">
        <v>268</v>
      </c>
      <c r="P119" s="22" t="s">
        <v>268</v>
      </c>
      <c r="Q119" s="22" t="s">
        <v>268</v>
      </c>
    </row>
    <row r="120" spans="1:17">
      <c r="A120" s="21" t="s">
        <v>232</v>
      </c>
      <c r="B120" s="21" t="s">
        <v>237</v>
      </c>
      <c r="C120" s="21" t="s">
        <v>264</v>
      </c>
      <c r="D120" s="21" t="s">
        <v>214</v>
      </c>
      <c r="E120" s="21" t="s">
        <v>683</v>
      </c>
      <c r="F120" s="21" t="s">
        <v>427</v>
      </c>
      <c r="G120" s="16">
        <v>677181</v>
      </c>
      <c r="H120" s="16">
        <v>601116</v>
      </c>
      <c r="I120" s="16">
        <v>407010</v>
      </c>
      <c r="J120" s="16">
        <v>198850</v>
      </c>
      <c r="K120" s="16">
        <v>194106</v>
      </c>
      <c r="L120" s="16">
        <v>3958</v>
      </c>
      <c r="M120" s="16">
        <v>72107</v>
      </c>
      <c r="N120" s="22" t="s">
        <v>268</v>
      </c>
      <c r="O120" s="16">
        <v>137404</v>
      </c>
      <c r="P120" s="16">
        <v>167162</v>
      </c>
      <c r="Q120" s="16">
        <v>63650</v>
      </c>
    </row>
    <row r="121" spans="1:17">
      <c r="A121" s="21" t="s">
        <v>232</v>
      </c>
      <c r="B121" s="21" t="s">
        <v>237</v>
      </c>
      <c r="C121" s="21" t="s">
        <v>264</v>
      </c>
      <c r="D121" s="21" t="s">
        <v>214</v>
      </c>
      <c r="E121" s="21" t="s">
        <v>683</v>
      </c>
      <c r="F121" s="21" t="s">
        <v>428</v>
      </c>
      <c r="G121" s="16">
        <v>271722</v>
      </c>
      <c r="H121" s="16">
        <v>231154</v>
      </c>
      <c r="I121" s="16">
        <v>159683</v>
      </c>
      <c r="J121" s="16">
        <v>79660</v>
      </c>
      <c r="K121" s="16">
        <v>71471</v>
      </c>
      <c r="L121" s="16">
        <v>1362</v>
      </c>
      <c r="M121" s="16">
        <v>39206</v>
      </c>
      <c r="N121" s="22" t="s">
        <v>268</v>
      </c>
      <c r="O121" s="16">
        <v>50541</v>
      </c>
      <c r="P121" s="16">
        <v>79482</v>
      </c>
      <c r="Q121" s="16">
        <v>39206</v>
      </c>
    </row>
    <row r="122" spans="1:17">
      <c r="A122" s="21" t="s">
        <v>232</v>
      </c>
      <c r="B122" s="21" t="s">
        <v>237</v>
      </c>
      <c r="C122" s="21" t="s">
        <v>264</v>
      </c>
      <c r="D122" s="21" t="s">
        <v>214</v>
      </c>
      <c r="E122" s="21" t="s">
        <v>683</v>
      </c>
      <c r="F122" s="21" t="s">
        <v>429</v>
      </c>
      <c r="G122" s="16">
        <v>84928</v>
      </c>
      <c r="H122" s="16">
        <v>68542</v>
      </c>
      <c r="I122" s="16">
        <v>44510</v>
      </c>
      <c r="J122" s="16">
        <v>18876</v>
      </c>
      <c r="K122" s="16">
        <v>24032</v>
      </c>
      <c r="L122" s="16">
        <v>410</v>
      </c>
      <c r="M122" s="16">
        <v>15976</v>
      </c>
      <c r="N122" s="22" t="s">
        <v>268</v>
      </c>
      <c r="O122" s="16">
        <v>14955</v>
      </c>
      <c r="P122" s="16">
        <v>18872</v>
      </c>
      <c r="Q122" s="16">
        <v>15976</v>
      </c>
    </row>
    <row r="123" spans="1:17">
      <c r="A123" s="21" t="s">
        <v>232</v>
      </c>
      <c r="B123" s="21" t="s">
        <v>237</v>
      </c>
      <c r="C123" s="21" t="s">
        <v>264</v>
      </c>
      <c r="D123" s="21" t="s">
        <v>214</v>
      </c>
      <c r="E123" s="21" t="s">
        <v>684</v>
      </c>
      <c r="F123" s="21" t="s">
        <v>214</v>
      </c>
      <c r="G123" s="16">
        <v>76782</v>
      </c>
      <c r="H123" s="16">
        <v>59843</v>
      </c>
      <c r="I123" s="16">
        <v>55130</v>
      </c>
      <c r="J123" s="16">
        <v>12734</v>
      </c>
      <c r="K123" s="16">
        <v>4713</v>
      </c>
      <c r="L123" s="16">
        <v>340</v>
      </c>
      <c r="M123" s="16">
        <v>16369</v>
      </c>
      <c r="N123" s="16">
        <v>230</v>
      </c>
      <c r="O123" s="16">
        <v>2991</v>
      </c>
      <c r="P123" s="16">
        <v>8786</v>
      </c>
      <c r="Q123" s="16">
        <v>11123</v>
      </c>
    </row>
    <row r="124" spans="1:17">
      <c r="A124" s="21" t="s">
        <v>232</v>
      </c>
      <c r="B124" s="21" t="s">
        <v>237</v>
      </c>
      <c r="C124" s="21" t="s">
        <v>264</v>
      </c>
      <c r="D124" s="21" t="s">
        <v>214</v>
      </c>
      <c r="E124" s="21" t="s">
        <v>684</v>
      </c>
      <c r="F124" s="21" t="s">
        <v>424</v>
      </c>
      <c r="G124" s="22" t="s">
        <v>268</v>
      </c>
      <c r="H124" s="22" t="s">
        <v>268</v>
      </c>
      <c r="I124" s="22" t="s">
        <v>268</v>
      </c>
      <c r="J124" s="22" t="s">
        <v>268</v>
      </c>
      <c r="K124" s="22" t="s">
        <v>268</v>
      </c>
      <c r="L124" s="22" t="s">
        <v>268</v>
      </c>
      <c r="M124" s="22" t="s">
        <v>268</v>
      </c>
      <c r="N124" s="22" t="s">
        <v>268</v>
      </c>
      <c r="O124" s="22" t="s">
        <v>268</v>
      </c>
      <c r="P124" s="22" t="s">
        <v>268</v>
      </c>
      <c r="Q124" s="22" t="s">
        <v>268</v>
      </c>
    </row>
    <row r="125" spans="1:17">
      <c r="A125" s="21" t="s">
        <v>232</v>
      </c>
      <c r="B125" s="21" t="s">
        <v>237</v>
      </c>
      <c r="C125" s="21" t="s">
        <v>264</v>
      </c>
      <c r="D125" s="21" t="s">
        <v>214</v>
      </c>
      <c r="E125" s="21" t="s">
        <v>684</v>
      </c>
      <c r="F125" s="21" t="s">
        <v>425</v>
      </c>
      <c r="G125" s="16">
        <v>44557</v>
      </c>
      <c r="H125" s="16">
        <v>39343</v>
      </c>
      <c r="I125" s="16">
        <v>36899</v>
      </c>
      <c r="J125" s="16">
        <v>3648</v>
      </c>
      <c r="K125" s="16">
        <v>2444</v>
      </c>
      <c r="L125" s="16">
        <v>167</v>
      </c>
      <c r="M125" s="16">
        <v>5047</v>
      </c>
      <c r="N125" s="22" t="s">
        <v>268</v>
      </c>
      <c r="O125" s="16">
        <v>1737</v>
      </c>
      <c r="P125" s="16">
        <v>36</v>
      </c>
      <c r="Q125" s="22" t="s">
        <v>268</v>
      </c>
    </row>
    <row r="126" spans="1:17">
      <c r="A126" s="21" t="s">
        <v>232</v>
      </c>
      <c r="B126" s="21" t="s">
        <v>237</v>
      </c>
      <c r="C126" s="21" t="s">
        <v>264</v>
      </c>
      <c r="D126" s="21" t="s">
        <v>214</v>
      </c>
      <c r="E126" s="21" t="s">
        <v>684</v>
      </c>
      <c r="F126" s="21" t="s">
        <v>426</v>
      </c>
      <c r="G126" s="16">
        <v>31796</v>
      </c>
      <c r="H126" s="16">
        <v>20500</v>
      </c>
      <c r="I126" s="16">
        <v>18231</v>
      </c>
      <c r="J126" s="16">
        <v>9086</v>
      </c>
      <c r="K126" s="16">
        <v>2269</v>
      </c>
      <c r="L126" s="16">
        <v>173</v>
      </c>
      <c r="M126" s="16">
        <v>11123</v>
      </c>
      <c r="N126" s="22" t="s">
        <v>268</v>
      </c>
      <c r="O126" s="16">
        <v>1254</v>
      </c>
      <c r="P126" s="16">
        <v>8750</v>
      </c>
      <c r="Q126" s="16">
        <v>11123</v>
      </c>
    </row>
    <row r="127" spans="1:17">
      <c r="A127" s="21" t="s">
        <v>232</v>
      </c>
      <c r="B127" s="21" t="s">
        <v>237</v>
      </c>
      <c r="C127" s="21" t="s">
        <v>264</v>
      </c>
      <c r="D127" s="21" t="s">
        <v>214</v>
      </c>
      <c r="E127" s="21" t="s">
        <v>684</v>
      </c>
      <c r="F127" s="21" t="s">
        <v>720</v>
      </c>
      <c r="G127" s="16">
        <v>429</v>
      </c>
      <c r="H127" s="22" t="s">
        <v>268</v>
      </c>
      <c r="I127" s="22" t="s">
        <v>268</v>
      </c>
      <c r="J127" s="22" t="s">
        <v>268</v>
      </c>
      <c r="K127" s="22" t="s">
        <v>268</v>
      </c>
      <c r="L127" s="22" t="s">
        <v>268</v>
      </c>
      <c r="M127" s="16">
        <v>199</v>
      </c>
      <c r="N127" s="16">
        <v>230</v>
      </c>
      <c r="O127" s="22" t="s">
        <v>268</v>
      </c>
      <c r="P127" s="22" t="s">
        <v>268</v>
      </c>
      <c r="Q127" s="22" t="s">
        <v>268</v>
      </c>
    </row>
    <row r="128" spans="1:17">
      <c r="A128" s="21" t="s">
        <v>232</v>
      </c>
      <c r="B128" s="21" t="s">
        <v>237</v>
      </c>
      <c r="C128" s="21" t="s">
        <v>264</v>
      </c>
      <c r="D128" s="21" t="s">
        <v>214</v>
      </c>
      <c r="E128" s="21" t="s">
        <v>684</v>
      </c>
      <c r="F128" s="21" t="s">
        <v>427</v>
      </c>
      <c r="G128" s="16">
        <v>38285</v>
      </c>
      <c r="H128" s="16">
        <v>25279</v>
      </c>
      <c r="I128" s="16">
        <v>22398</v>
      </c>
      <c r="J128" s="16">
        <v>10582</v>
      </c>
      <c r="K128" s="16">
        <v>2881</v>
      </c>
      <c r="L128" s="16">
        <v>206</v>
      </c>
      <c r="M128" s="16">
        <v>12800</v>
      </c>
      <c r="N128" s="22" t="s">
        <v>268</v>
      </c>
      <c r="O128" s="16">
        <v>1683</v>
      </c>
      <c r="P128" s="16">
        <v>8786</v>
      </c>
      <c r="Q128" s="16">
        <v>11123</v>
      </c>
    </row>
    <row r="129" spans="1:17">
      <c r="A129" s="21" t="s">
        <v>232</v>
      </c>
      <c r="B129" s="21" t="s">
        <v>237</v>
      </c>
      <c r="C129" s="21" t="s">
        <v>264</v>
      </c>
      <c r="D129" s="21" t="s">
        <v>214</v>
      </c>
      <c r="E129" s="21" t="s">
        <v>684</v>
      </c>
      <c r="F129" s="21" t="s">
        <v>428</v>
      </c>
      <c r="G129" s="16">
        <v>14354</v>
      </c>
      <c r="H129" s="16">
        <v>8800</v>
      </c>
      <c r="I129" s="16">
        <v>7890</v>
      </c>
      <c r="J129" s="16">
        <v>4072</v>
      </c>
      <c r="K129" s="16">
        <v>910</v>
      </c>
      <c r="L129" s="16">
        <v>51</v>
      </c>
      <c r="M129" s="16">
        <v>5503</v>
      </c>
      <c r="N129" s="22" t="s">
        <v>268</v>
      </c>
      <c r="O129" s="16">
        <v>456</v>
      </c>
      <c r="P129" s="16">
        <v>4036</v>
      </c>
      <c r="Q129" s="16">
        <v>5503</v>
      </c>
    </row>
    <row r="130" spans="1:17">
      <c r="A130" s="21" t="s">
        <v>232</v>
      </c>
      <c r="B130" s="21" t="s">
        <v>237</v>
      </c>
      <c r="C130" s="21" t="s">
        <v>264</v>
      </c>
      <c r="D130" s="21" t="s">
        <v>214</v>
      </c>
      <c r="E130" s="21" t="s">
        <v>684</v>
      </c>
      <c r="F130" s="21" t="s">
        <v>429</v>
      </c>
      <c r="G130" s="16">
        <v>3594</v>
      </c>
      <c r="H130" s="16">
        <v>2120</v>
      </c>
      <c r="I130" s="16">
        <v>1898</v>
      </c>
      <c r="J130" s="16">
        <v>796</v>
      </c>
      <c r="K130" s="16">
        <v>222</v>
      </c>
      <c r="L130" s="16">
        <v>12</v>
      </c>
      <c r="M130" s="16">
        <v>1462</v>
      </c>
      <c r="N130" s="22" t="s">
        <v>268</v>
      </c>
      <c r="O130" s="16">
        <v>103</v>
      </c>
      <c r="P130" s="16">
        <v>796</v>
      </c>
      <c r="Q130" s="16">
        <v>1462</v>
      </c>
    </row>
    <row r="131" spans="1:17">
      <c r="A131" s="21" t="s">
        <v>232</v>
      </c>
      <c r="B131" s="21" t="s">
        <v>237</v>
      </c>
      <c r="C131" s="21" t="s">
        <v>264</v>
      </c>
      <c r="D131" s="21" t="s">
        <v>214</v>
      </c>
      <c r="E131" s="21" t="s">
        <v>685</v>
      </c>
      <c r="F131" s="21" t="s">
        <v>214</v>
      </c>
      <c r="G131" s="16">
        <v>359747</v>
      </c>
      <c r="H131" s="16">
        <v>239455</v>
      </c>
      <c r="I131" s="16">
        <v>225046</v>
      </c>
      <c r="J131" s="16">
        <v>45748</v>
      </c>
      <c r="K131" s="16">
        <v>14409</v>
      </c>
      <c r="L131" s="16">
        <v>6853</v>
      </c>
      <c r="M131" s="16">
        <v>111820</v>
      </c>
      <c r="N131" s="16">
        <v>1619</v>
      </c>
      <c r="O131" s="16">
        <v>8643</v>
      </c>
      <c r="P131" s="16">
        <v>10358</v>
      </c>
      <c r="Q131" s="16">
        <v>16021</v>
      </c>
    </row>
    <row r="132" spans="1:17">
      <c r="A132" s="21" t="s">
        <v>232</v>
      </c>
      <c r="B132" s="21" t="s">
        <v>237</v>
      </c>
      <c r="C132" s="21" t="s">
        <v>264</v>
      </c>
      <c r="D132" s="21" t="s">
        <v>214</v>
      </c>
      <c r="E132" s="21" t="s">
        <v>685</v>
      </c>
      <c r="F132" s="21" t="s">
        <v>424</v>
      </c>
      <c r="G132" s="16">
        <v>1</v>
      </c>
      <c r="H132" s="22" t="s">
        <v>268</v>
      </c>
      <c r="I132" s="22" t="s">
        <v>268</v>
      </c>
      <c r="J132" s="22" t="s">
        <v>268</v>
      </c>
      <c r="K132" s="22" t="s">
        <v>268</v>
      </c>
      <c r="L132" s="22" t="s">
        <v>268</v>
      </c>
      <c r="M132" s="16">
        <v>1</v>
      </c>
      <c r="N132" s="22" t="s">
        <v>268</v>
      </c>
      <c r="O132" s="22" t="s">
        <v>268</v>
      </c>
      <c r="P132" s="22" t="s">
        <v>268</v>
      </c>
      <c r="Q132" s="22" t="s">
        <v>268</v>
      </c>
    </row>
    <row r="133" spans="1:17">
      <c r="A133" s="21" t="s">
        <v>232</v>
      </c>
      <c r="B133" s="21" t="s">
        <v>237</v>
      </c>
      <c r="C133" s="21" t="s">
        <v>264</v>
      </c>
      <c r="D133" s="21" t="s">
        <v>214</v>
      </c>
      <c r="E133" s="21" t="s">
        <v>685</v>
      </c>
      <c r="F133" s="21" t="s">
        <v>425</v>
      </c>
      <c r="G133" s="16">
        <v>296792</v>
      </c>
      <c r="H133" s="16">
        <v>212321</v>
      </c>
      <c r="I133" s="16">
        <v>201585</v>
      </c>
      <c r="J133" s="16">
        <v>34596</v>
      </c>
      <c r="K133" s="16">
        <v>10736</v>
      </c>
      <c r="L133" s="16">
        <v>6197</v>
      </c>
      <c r="M133" s="16">
        <v>78274</v>
      </c>
      <c r="N133" s="22" t="s">
        <v>268</v>
      </c>
      <c r="O133" s="16">
        <v>6496</v>
      </c>
      <c r="P133" s="16">
        <v>36</v>
      </c>
      <c r="Q133" s="22" t="s">
        <v>268</v>
      </c>
    </row>
    <row r="134" spans="1:17">
      <c r="A134" s="21" t="s">
        <v>232</v>
      </c>
      <c r="B134" s="21" t="s">
        <v>237</v>
      </c>
      <c r="C134" s="21" t="s">
        <v>264</v>
      </c>
      <c r="D134" s="21" t="s">
        <v>214</v>
      </c>
      <c r="E134" s="21" t="s">
        <v>685</v>
      </c>
      <c r="F134" s="21" t="s">
        <v>426</v>
      </c>
      <c r="G134" s="16">
        <v>43811</v>
      </c>
      <c r="H134" s="16">
        <v>27134</v>
      </c>
      <c r="I134" s="16">
        <v>23461</v>
      </c>
      <c r="J134" s="16">
        <v>11152</v>
      </c>
      <c r="K134" s="16">
        <v>3673</v>
      </c>
      <c r="L134" s="16">
        <v>656</v>
      </c>
      <c r="M134" s="16">
        <v>16021</v>
      </c>
      <c r="N134" s="22" t="s">
        <v>268</v>
      </c>
      <c r="O134" s="16">
        <v>2147</v>
      </c>
      <c r="P134" s="16">
        <v>10322</v>
      </c>
      <c r="Q134" s="16">
        <v>16021</v>
      </c>
    </row>
    <row r="135" spans="1:17">
      <c r="A135" s="21" t="s">
        <v>232</v>
      </c>
      <c r="B135" s="21" t="s">
        <v>237</v>
      </c>
      <c r="C135" s="21" t="s">
        <v>264</v>
      </c>
      <c r="D135" s="21" t="s">
        <v>214</v>
      </c>
      <c r="E135" s="21" t="s">
        <v>685</v>
      </c>
      <c r="F135" s="21" t="s">
        <v>720</v>
      </c>
      <c r="G135" s="16">
        <v>19143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22" t="s">
        <v>268</v>
      </c>
      <c r="M135" s="16">
        <v>17524</v>
      </c>
      <c r="N135" s="16">
        <v>1619</v>
      </c>
      <c r="O135" s="22" t="s">
        <v>268</v>
      </c>
      <c r="P135" s="22" t="s">
        <v>268</v>
      </c>
      <c r="Q135" s="22" t="s">
        <v>268</v>
      </c>
    </row>
    <row r="136" spans="1:17">
      <c r="A136" s="21" t="s">
        <v>232</v>
      </c>
      <c r="B136" s="21" t="s">
        <v>237</v>
      </c>
      <c r="C136" s="21" t="s">
        <v>264</v>
      </c>
      <c r="D136" s="21" t="s">
        <v>214</v>
      </c>
      <c r="E136" s="21" t="s">
        <v>685</v>
      </c>
      <c r="F136" s="21" t="s">
        <v>427</v>
      </c>
      <c r="G136" s="16">
        <v>62008</v>
      </c>
      <c r="H136" s="16">
        <v>39330</v>
      </c>
      <c r="I136" s="16">
        <v>34236</v>
      </c>
      <c r="J136" s="16">
        <v>15122</v>
      </c>
      <c r="K136" s="16">
        <v>5094</v>
      </c>
      <c r="L136" s="16">
        <v>957</v>
      </c>
      <c r="M136" s="16">
        <v>21721</v>
      </c>
      <c r="N136" s="22" t="s">
        <v>268</v>
      </c>
      <c r="O136" s="16">
        <v>3073</v>
      </c>
      <c r="P136" s="16">
        <v>10358</v>
      </c>
      <c r="Q136" s="16">
        <v>16021</v>
      </c>
    </row>
    <row r="137" spans="1:17">
      <c r="A137" s="21" t="s">
        <v>232</v>
      </c>
      <c r="B137" s="21" t="s">
        <v>237</v>
      </c>
      <c r="C137" s="21" t="s">
        <v>264</v>
      </c>
      <c r="D137" s="21" t="s">
        <v>214</v>
      </c>
      <c r="E137" s="21" t="s">
        <v>685</v>
      </c>
      <c r="F137" s="21" t="s">
        <v>428</v>
      </c>
      <c r="G137" s="16">
        <v>16166</v>
      </c>
      <c r="H137" s="16">
        <v>9588</v>
      </c>
      <c r="I137" s="16">
        <v>8251</v>
      </c>
      <c r="J137" s="16">
        <v>4002</v>
      </c>
      <c r="K137" s="16">
        <v>1337</v>
      </c>
      <c r="L137" s="16">
        <v>211</v>
      </c>
      <c r="M137" s="16">
        <v>6367</v>
      </c>
      <c r="N137" s="22" t="s">
        <v>268</v>
      </c>
      <c r="O137" s="16">
        <v>765</v>
      </c>
      <c r="P137" s="16">
        <v>3930</v>
      </c>
      <c r="Q137" s="16">
        <v>6367</v>
      </c>
    </row>
    <row r="138" spans="1:17">
      <c r="A138" s="21" t="s">
        <v>232</v>
      </c>
      <c r="B138" s="21" t="s">
        <v>237</v>
      </c>
      <c r="C138" s="21" t="s">
        <v>264</v>
      </c>
      <c r="D138" s="21" t="s">
        <v>214</v>
      </c>
      <c r="E138" s="21" t="s">
        <v>685</v>
      </c>
      <c r="F138" s="21" t="s">
        <v>429</v>
      </c>
      <c r="G138" s="16">
        <v>4067</v>
      </c>
      <c r="H138" s="16">
        <v>2251</v>
      </c>
      <c r="I138" s="16">
        <v>1910</v>
      </c>
      <c r="J138" s="16">
        <v>802</v>
      </c>
      <c r="K138" s="16">
        <v>341</v>
      </c>
      <c r="L138" s="16">
        <v>35</v>
      </c>
      <c r="M138" s="16">
        <v>1781</v>
      </c>
      <c r="N138" s="22" t="s">
        <v>268</v>
      </c>
      <c r="O138" s="16">
        <v>192</v>
      </c>
      <c r="P138" s="16">
        <v>800</v>
      </c>
      <c r="Q138" s="16">
        <v>1781</v>
      </c>
    </row>
    <row r="139" spans="1:17">
      <c r="A139" s="21" t="s">
        <v>232</v>
      </c>
      <c r="B139" s="21" t="s">
        <v>237</v>
      </c>
      <c r="C139" s="21" t="s">
        <v>264</v>
      </c>
      <c r="D139" s="21" t="s">
        <v>214</v>
      </c>
      <c r="E139" s="21" t="s">
        <v>686</v>
      </c>
      <c r="F139" s="21" t="s">
        <v>214</v>
      </c>
      <c r="G139" s="16">
        <v>32676</v>
      </c>
      <c r="H139" s="16">
        <v>21724</v>
      </c>
      <c r="I139" s="16">
        <v>20957</v>
      </c>
      <c r="J139" s="16">
        <v>3894</v>
      </c>
      <c r="K139" s="16">
        <v>767</v>
      </c>
      <c r="L139" s="16">
        <v>199</v>
      </c>
      <c r="M139" s="16">
        <v>10709</v>
      </c>
      <c r="N139" s="16">
        <v>44</v>
      </c>
      <c r="O139" s="16">
        <v>547</v>
      </c>
      <c r="P139" s="16">
        <v>428</v>
      </c>
      <c r="Q139" s="16">
        <v>260</v>
      </c>
    </row>
    <row r="140" spans="1:17">
      <c r="A140" s="21" t="s">
        <v>232</v>
      </c>
      <c r="B140" s="21" t="s">
        <v>237</v>
      </c>
      <c r="C140" s="21" t="s">
        <v>264</v>
      </c>
      <c r="D140" s="21" t="s">
        <v>214</v>
      </c>
      <c r="E140" s="21" t="s">
        <v>686</v>
      </c>
      <c r="F140" s="21" t="s">
        <v>424</v>
      </c>
      <c r="G140" s="22" t="s">
        <v>268</v>
      </c>
      <c r="H140" s="22" t="s">
        <v>268</v>
      </c>
      <c r="I140" s="22" t="s">
        <v>268</v>
      </c>
      <c r="J140" s="22" t="s">
        <v>268</v>
      </c>
      <c r="K140" s="22" t="s">
        <v>268</v>
      </c>
      <c r="L140" s="22" t="s">
        <v>268</v>
      </c>
      <c r="M140" s="22" t="s">
        <v>268</v>
      </c>
      <c r="N140" s="22" t="s">
        <v>268</v>
      </c>
      <c r="O140" s="22" t="s">
        <v>268</v>
      </c>
      <c r="P140" s="22" t="s">
        <v>268</v>
      </c>
      <c r="Q140" s="22" t="s">
        <v>268</v>
      </c>
    </row>
    <row r="141" spans="1:17">
      <c r="A141" s="21" t="s">
        <v>232</v>
      </c>
      <c r="B141" s="21" t="s">
        <v>237</v>
      </c>
      <c r="C141" s="21" t="s">
        <v>264</v>
      </c>
      <c r="D141" s="21" t="s">
        <v>214</v>
      </c>
      <c r="E141" s="21" t="s">
        <v>686</v>
      </c>
      <c r="F141" s="21" t="s">
        <v>425</v>
      </c>
      <c r="G141" s="16">
        <v>30954</v>
      </c>
      <c r="H141" s="16">
        <v>20747</v>
      </c>
      <c r="I141" s="16">
        <v>20181</v>
      </c>
      <c r="J141" s="16">
        <v>3422</v>
      </c>
      <c r="K141" s="16">
        <v>566</v>
      </c>
      <c r="L141" s="16">
        <v>184</v>
      </c>
      <c r="M141" s="16">
        <v>10023</v>
      </c>
      <c r="N141" s="22" t="s">
        <v>268</v>
      </c>
      <c r="O141" s="16">
        <v>394</v>
      </c>
      <c r="P141" s="16">
        <v>2</v>
      </c>
      <c r="Q141" s="22" t="s">
        <v>268</v>
      </c>
    </row>
    <row r="142" spans="1:17">
      <c r="A142" s="21" t="s">
        <v>232</v>
      </c>
      <c r="B142" s="21" t="s">
        <v>237</v>
      </c>
      <c r="C142" s="21" t="s">
        <v>264</v>
      </c>
      <c r="D142" s="21" t="s">
        <v>214</v>
      </c>
      <c r="E142" s="21" t="s">
        <v>686</v>
      </c>
      <c r="F142" s="21" t="s">
        <v>426</v>
      </c>
      <c r="G142" s="16">
        <v>1252</v>
      </c>
      <c r="H142" s="16">
        <v>977</v>
      </c>
      <c r="I142" s="16">
        <v>776</v>
      </c>
      <c r="J142" s="16">
        <v>472</v>
      </c>
      <c r="K142" s="16">
        <v>201</v>
      </c>
      <c r="L142" s="16">
        <v>15</v>
      </c>
      <c r="M142" s="16">
        <v>260</v>
      </c>
      <c r="N142" s="22" t="s">
        <v>268</v>
      </c>
      <c r="O142" s="16">
        <v>153</v>
      </c>
      <c r="P142" s="16">
        <v>426</v>
      </c>
      <c r="Q142" s="16">
        <v>260</v>
      </c>
    </row>
    <row r="143" spans="1:17">
      <c r="A143" s="21" t="s">
        <v>232</v>
      </c>
      <c r="B143" s="21" t="s">
        <v>237</v>
      </c>
      <c r="C143" s="21" t="s">
        <v>264</v>
      </c>
      <c r="D143" s="21" t="s">
        <v>214</v>
      </c>
      <c r="E143" s="21" t="s">
        <v>686</v>
      </c>
      <c r="F143" s="21" t="s">
        <v>720</v>
      </c>
      <c r="G143" s="16">
        <v>470</v>
      </c>
      <c r="H143" s="22" t="s">
        <v>268</v>
      </c>
      <c r="I143" s="22" t="s">
        <v>268</v>
      </c>
      <c r="J143" s="22" t="s">
        <v>268</v>
      </c>
      <c r="K143" s="22" t="s">
        <v>268</v>
      </c>
      <c r="L143" s="22" t="s">
        <v>268</v>
      </c>
      <c r="M143" s="16">
        <v>426</v>
      </c>
      <c r="N143" s="16">
        <v>44</v>
      </c>
      <c r="O143" s="22" t="s">
        <v>268</v>
      </c>
      <c r="P143" s="22" t="s">
        <v>268</v>
      </c>
      <c r="Q143" s="22" t="s">
        <v>268</v>
      </c>
    </row>
    <row r="144" spans="1:17">
      <c r="A144" s="21" t="s">
        <v>232</v>
      </c>
      <c r="B144" s="21" t="s">
        <v>237</v>
      </c>
      <c r="C144" s="21" t="s">
        <v>264</v>
      </c>
      <c r="D144" s="21" t="s">
        <v>214</v>
      </c>
      <c r="E144" s="21" t="s">
        <v>686</v>
      </c>
      <c r="F144" s="21" t="s">
        <v>427</v>
      </c>
      <c r="G144" s="16">
        <v>2410</v>
      </c>
      <c r="H144" s="16">
        <v>1763</v>
      </c>
      <c r="I144" s="16">
        <v>1455</v>
      </c>
      <c r="J144" s="16">
        <v>826</v>
      </c>
      <c r="K144" s="16">
        <v>308</v>
      </c>
      <c r="L144" s="16">
        <v>17</v>
      </c>
      <c r="M144" s="16">
        <v>630</v>
      </c>
      <c r="N144" s="22" t="s">
        <v>268</v>
      </c>
      <c r="O144" s="16">
        <v>218</v>
      </c>
      <c r="P144" s="16">
        <v>428</v>
      </c>
      <c r="Q144" s="16">
        <v>260</v>
      </c>
    </row>
    <row r="145" spans="1:17">
      <c r="A145" s="21" t="s">
        <v>232</v>
      </c>
      <c r="B145" s="21" t="s">
        <v>237</v>
      </c>
      <c r="C145" s="21" t="s">
        <v>264</v>
      </c>
      <c r="D145" s="21" t="s">
        <v>214</v>
      </c>
      <c r="E145" s="21" t="s">
        <v>686</v>
      </c>
      <c r="F145" s="21" t="s">
        <v>428</v>
      </c>
      <c r="G145" s="16">
        <v>377</v>
      </c>
      <c r="H145" s="16">
        <v>315</v>
      </c>
      <c r="I145" s="16">
        <v>223</v>
      </c>
      <c r="J145" s="16">
        <v>136</v>
      </c>
      <c r="K145" s="16">
        <v>92</v>
      </c>
      <c r="L145" s="16">
        <v>5</v>
      </c>
      <c r="M145" s="16">
        <v>57</v>
      </c>
      <c r="N145" s="22" t="s">
        <v>268</v>
      </c>
      <c r="O145" s="16">
        <v>77</v>
      </c>
      <c r="P145" s="16">
        <v>134</v>
      </c>
      <c r="Q145" s="16">
        <v>57</v>
      </c>
    </row>
    <row r="146" spans="1:17">
      <c r="A146" s="21" t="s">
        <v>232</v>
      </c>
      <c r="B146" s="21" t="s">
        <v>237</v>
      </c>
      <c r="C146" s="21" t="s">
        <v>264</v>
      </c>
      <c r="D146" s="21" t="s">
        <v>214</v>
      </c>
      <c r="E146" s="21" t="s">
        <v>686</v>
      </c>
      <c r="F146" s="21" t="s">
        <v>429</v>
      </c>
      <c r="G146" s="16">
        <v>84</v>
      </c>
      <c r="H146" s="16">
        <v>76</v>
      </c>
      <c r="I146" s="16">
        <v>52</v>
      </c>
      <c r="J146" s="16">
        <v>26</v>
      </c>
      <c r="K146" s="16">
        <v>24</v>
      </c>
      <c r="L146" s="22" t="s">
        <v>268</v>
      </c>
      <c r="M146" s="16">
        <v>8</v>
      </c>
      <c r="N146" s="22" t="s">
        <v>268</v>
      </c>
      <c r="O146" s="16">
        <v>19</v>
      </c>
      <c r="P146" s="16">
        <v>26</v>
      </c>
      <c r="Q146" s="16">
        <v>8</v>
      </c>
    </row>
    <row r="147" spans="1:17">
      <c r="A147" s="21" t="s">
        <v>232</v>
      </c>
      <c r="B147" s="21" t="s">
        <v>237</v>
      </c>
      <c r="C147" s="21" t="s">
        <v>264</v>
      </c>
      <c r="D147" s="21" t="s">
        <v>214</v>
      </c>
      <c r="E147" s="21" t="s">
        <v>687</v>
      </c>
      <c r="F147" s="21" t="s">
        <v>214</v>
      </c>
      <c r="G147" s="16">
        <v>13986</v>
      </c>
      <c r="H147" s="16">
        <v>9208</v>
      </c>
      <c r="I147" s="16">
        <v>8520</v>
      </c>
      <c r="J147" s="16">
        <v>1382</v>
      </c>
      <c r="K147" s="16">
        <v>688</v>
      </c>
      <c r="L147" s="16">
        <v>91</v>
      </c>
      <c r="M147" s="16">
        <v>4683</v>
      </c>
      <c r="N147" s="16">
        <v>4</v>
      </c>
      <c r="O147" s="16">
        <v>463</v>
      </c>
      <c r="P147" s="16">
        <v>642</v>
      </c>
      <c r="Q147" s="16">
        <v>971</v>
      </c>
    </row>
    <row r="148" spans="1:17">
      <c r="A148" s="21" t="s">
        <v>232</v>
      </c>
      <c r="B148" s="21" t="s">
        <v>237</v>
      </c>
      <c r="C148" s="21" t="s">
        <v>264</v>
      </c>
      <c r="D148" s="21" t="s">
        <v>214</v>
      </c>
      <c r="E148" s="21" t="s">
        <v>687</v>
      </c>
      <c r="F148" s="21" t="s">
        <v>424</v>
      </c>
      <c r="G148" s="16">
        <v>5</v>
      </c>
      <c r="H148" s="16">
        <v>2</v>
      </c>
      <c r="I148" s="22" t="s">
        <v>268</v>
      </c>
      <c r="J148" s="22" t="s">
        <v>268</v>
      </c>
      <c r="K148" s="16">
        <v>2</v>
      </c>
      <c r="L148" s="22" t="s">
        <v>268</v>
      </c>
      <c r="M148" s="16">
        <v>3</v>
      </c>
      <c r="N148" s="22" t="s">
        <v>268</v>
      </c>
      <c r="O148" s="22" t="s">
        <v>268</v>
      </c>
      <c r="P148" s="22" t="s">
        <v>268</v>
      </c>
      <c r="Q148" s="22" t="s">
        <v>268</v>
      </c>
    </row>
    <row r="149" spans="1:17">
      <c r="A149" s="21" t="s">
        <v>232</v>
      </c>
      <c r="B149" s="21" t="s">
        <v>237</v>
      </c>
      <c r="C149" s="21" t="s">
        <v>264</v>
      </c>
      <c r="D149" s="21" t="s">
        <v>214</v>
      </c>
      <c r="E149" s="21" t="s">
        <v>687</v>
      </c>
      <c r="F149" s="21" t="s">
        <v>425</v>
      </c>
      <c r="G149" s="16">
        <v>11632</v>
      </c>
      <c r="H149" s="16">
        <v>7937</v>
      </c>
      <c r="I149" s="16">
        <v>7422</v>
      </c>
      <c r="J149" s="16">
        <v>714</v>
      </c>
      <c r="K149" s="16">
        <v>515</v>
      </c>
      <c r="L149" s="16">
        <v>68</v>
      </c>
      <c r="M149" s="16">
        <v>3627</v>
      </c>
      <c r="N149" s="22" t="s">
        <v>268</v>
      </c>
      <c r="O149" s="16">
        <v>358</v>
      </c>
      <c r="P149" s="22" t="s">
        <v>268</v>
      </c>
      <c r="Q149" s="22" t="s">
        <v>268</v>
      </c>
    </row>
    <row r="150" spans="1:17">
      <c r="A150" s="21" t="s">
        <v>232</v>
      </c>
      <c r="B150" s="21" t="s">
        <v>237</v>
      </c>
      <c r="C150" s="21" t="s">
        <v>264</v>
      </c>
      <c r="D150" s="21" t="s">
        <v>214</v>
      </c>
      <c r="E150" s="21" t="s">
        <v>687</v>
      </c>
      <c r="F150" s="21" t="s">
        <v>426</v>
      </c>
      <c r="G150" s="16">
        <v>2263</v>
      </c>
      <c r="H150" s="16">
        <v>1269</v>
      </c>
      <c r="I150" s="16">
        <v>1098</v>
      </c>
      <c r="J150" s="16">
        <v>668</v>
      </c>
      <c r="K150" s="16">
        <v>171</v>
      </c>
      <c r="L150" s="16">
        <v>23</v>
      </c>
      <c r="M150" s="16">
        <v>971</v>
      </c>
      <c r="N150" s="22" t="s">
        <v>268</v>
      </c>
      <c r="O150" s="16">
        <v>105</v>
      </c>
      <c r="P150" s="16">
        <v>642</v>
      </c>
      <c r="Q150" s="16">
        <v>971</v>
      </c>
    </row>
    <row r="151" spans="1:17">
      <c r="A151" s="21" t="s">
        <v>232</v>
      </c>
      <c r="B151" s="21" t="s">
        <v>237</v>
      </c>
      <c r="C151" s="21" t="s">
        <v>264</v>
      </c>
      <c r="D151" s="21" t="s">
        <v>214</v>
      </c>
      <c r="E151" s="21" t="s">
        <v>687</v>
      </c>
      <c r="F151" s="21" t="s">
        <v>720</v>
      </c>
      <c r="G151" s="16">
        <v>86</v>
      </c>
      <c r="H151" s="22" t="s">
        <v>268</v>
      </c>
      <c r="I151" s="22" t="s">
        <v>268</v>
      </c>
      <c r="J151" s="22" t="s">
        <v>268</v>
      </c>
      <c r="K151" s="22" t="s">
        <v>268</v>
      </c>
      <c r="L151" s="22" t="s">
        <v>268</v>
      </c>
      <c r="M151" s="16">
        <v>82</v>
      </c>
      <c r="N151" s="16">
        <v>4</v>
      </c>
      <c r="O151" s="22" t="s">
        <v>268</v>
      </c>
      <c r="P151" s="22" t="s">
        <v>268</v>
      </c>
      <c r="Q151" s="22" t="s">
        <v>268</v>
      </c>
    </row>
    <row r="152" spans="1:17">
      <c r="A152" s="21" t="s">
        <v>232</v>
      </c>
      <c r="B152" s="21" t="s">
        <v>237</v>
      </c>
      <c r="C152" s="21" t="s">
        <v>264</v>
      </c>
      <c r="D152" s="21" t="s">
        <v>214</v>
      </c>
      <c r="E152" s="21" t="s">
        <v>687</v>
      </c>
      <c r="F152" s="21" t="s">
        <v>427</v>
      </c>
      <c r="G152" s="16">
        <v>2967</v>
      </c>
      <c r="H152" s="16">
        <v>1721</v>
      </c>
      <c r="I152" s="16">
        <v>1472</v>
      </c>
      <c r="J152" s="16">
        <v>802</v>
      </c>
      <c r="K152" s="16">
        <v>249</v>
      </c>
      <c r="L152" s="16">
        <v>39</v>
      </c>
      <c r="M152" s="16">
        <v>1207</v>
      </c>
      <c r="N152" s="22" t="s">
        <v>268</v>
      </c>
      <c r="O152" s="16">
        <v>156</v>
      </c>
      <c r="P152" s="16">
        <v>642</v>
      </c>
      <c r="Q152" s="16">
        <v>971</v>
      </c>
    </row>
    <row r="153" spans="1:17">
      <c r="A153" s="21" t="s">
        <v>232</v>
      </c>
      <c r="B153" s="21" t="s">
        <v>237</v>
      </c>
      <c r="C153" s="21" t="s">
        <v>264</v>
      </c>
      <c r="D153" s="21" t="s">
        <v>214</v>
      </c>
      <c r="E153" s="21" t="s">
        <v>687</v>
      </c>
      <c r="F153" s="21" t="s">
        <v>428</v>
      </c>
      <c r="G153" s="16">
        <v>1056</v>
      </c>
      <c r="H153" s="16">
        <v>550</v>
      </c>
      <c r="I153" s="16">
        <v>483</v>
      </c>
      <c r="J153" s="16">
        <v>312</v>
      </c>
      <c r="K153" s="16">
        <v>67</v>
      </c>
      <c r="L153" s="16">
        <v>6</v>
      </c>
      <c r="M153" s="16">
        <v>500</v>
      </c>
      <c r="N153" s="22" t="s">
        <v>268</v>
      </c>
      <c r="O153" s="16">
        <v>34</v>
      </c>
      <c r="P153" s="16">
        <v>312</v>
      </c>
      <c r="Q153" s="16">
        <v>500</v>
      </c>
    </row>
    <row r="154" spans="1:17">
      <c r="A154" s="21" t="s">
        <v>232</v>
      </c>
      <c r="B154" s="21" t="s">
        <v>237</v>
      </c>
      <c r="C154" s="21" t="s">
        <v>264</v>
      </c>
      <c r="D154" s="21" t="s">
        <v>214</v>
      </c>
      <c r="E154" s="21" t="s">
        <v>687</v>
      </c>
      <c r="F154" s="21" t="s">
        <v>429</v>
      </c>
      <c r="G154" s="16">
        <v>383</v>
      </c>
      <c r="H154" s="16">
        <v>161</v>
      </c>
      <c r="I154" s="16">
        <v>134</v>
      </c>
      <c r="J154" s="16">
        <v>96</v>
      </c>
      <c r="K154" s="16">
        <v>27</v>
      </c>
      <c r="L154" s="22" t="s">
        <v>268</v>
      </c>
      <c r="M154" s="16">
        <v>222</v>
      </c>
      <c r="N154" s="22" t="s">
        <v>268</v>
      </c>
      <c r="O154" s="16">
        <v>11</v>
      </c>
      <c r="P154" s="16">
        <v>96</v>
      </c>
      <c r="Q154" s="16">
        <v>222</v>
      </c>
    </row>
    <row r="155" spans="1:17">
      <c r="A155" s="21" t="s">
        <v>232</v>
      </c>
      <c r="B155" s="21" t="s">
        <v>237</v>
      </c>
      <c r="C155" s="21" t="s">
        <v>264</v>
      </c>
      <c r="D155" s="21" t="s">
        <v>214</v>
      </c>
      <c r="E155" s="21" t="s">
        <v>688</v>
      </c>
      <c r="F155" s="21" t="s">
        <v>214</v>
      </c>
      <c r="G155" s="16">
        <v>15031</v>
      </c>
      <c r="H155" s="16">
        <v>6919</v>
      </c>
      <c r="I155" s="16">
        <v>6244</v>
      </c>
      <c r="J155" s="16">
        <v>1466</v>
      </c>
      <c r="K155" s="16">
        <v>675</v>
      </c>
      <c r="L155" s="16">
        <v>114</v>
      </c>
      <c r="M155" s="16">
        <v>7988</v>
      </c>
      <c r="N155" s="16">
        <v>10</v>
      </c>
      <c r="O155" s="16">
        <v>525</v>
      </c>
      <c r="P155" s="16">
        <v>974</v>
      </c>
      <c r="Q155" s="16">
        <v>385</v>
      </c>
    </row>
    <row r="156" spans="1:17">
      <c r="A156" s="21" t="s">
        <v>232</v>
      </c>
      <c r="B156" s="21" t="s">
        <v>237</v>
      </c>
      <c r="C156" s="21" t="s">
        <v>264</v>
      </c>
      <c r="D156" s="21" t="s">
        <v>214</v>
      </c>
      <c r="E156" s="21" t="s">
        <v>688</v>
      </c>
      <c r="F156" s="21" t="s">
        <v>424</v>
      </c>
      <c r="G156" s="22" t="s">
        <v>268</v>
      </c>
      <c r="H156" s="22" t="s">
        <v>268</v>
      </c>
      <c r="I156" s="22" t="s">
        <v>268</v>
      </c>
      <c r="J156" s="22" t="s">
        <v>268</v>
      </c>
      <c r="K156" s="22" t="s">
        <v>268</v>
      </c>
      <c r="L156" s="22" t="s">
        <v>268</v>
      </c>
      <c r="M156" s="22" t="s">
        <v>268</v>
      </c>
      <c r="N156" s="22" t="s">
        <v>268</v>
      </c>
      <c r="O156" s="22" t="s">
        <v>268</v>
      </c>
      <c r="P156" s="22" t="s">
        <v>268</v>
      </c>
      <c r="Q156" s="22" t="s">
        <v>268</v>
      </c>
    </row>
    <row r="157" spans="1:17">
      <c r="A157" s="21" t="s">
        <v>232</v>
      </c>
      <c r="B157" s="21" t="s">
        <v>237</v>
      </c>
      <c r="C157" s="21" t="s">
        <v>264</v>
      </c>
      <c r="D157" s="21" t="s">
        <v>214</v>
      </c>
      <c r="E157" s="21" t="s">
        <v>688</v>
      </c>
      <c r="F157" s="21" t="s">
        <v>425</v>
      </c>
      <c r="G157" s="16">
        <v>12802</v>
      </c>
      <c r="H157" s="16">
        <v>5421</v>
      </c>
      <c r="I157" s="16">
        <v>4966</v>
      </c>
      <c r="J157" s="16">
        <v>480</v>
      </c>
      <c r="K157" s="16">
        <v>455</v>
      </c>
      <c r="L157" s="16">
        <v>91</v>
      </c>
      <c r="M157" s="16">
        <v>7290</v>
      </c>
      <c r="N157" s="22" t="s">
        <v>268</v>
      </c>
      <c r="O157" s="16">
        <v>358</v>
      </c>
      <c r="P157" s="22" t="s">
        <v>268</v>
      </c>
      <c r="Q157" s="22" t="s">
        <v>268</v>
      </c>
    </row>
    <row r="158" spans="1:17">
      <c r="A158" s="21" t="s">
        <v>232</v>
      </c>
      <c r="B158" s="21" t="s">
        <v>237</v>
      </c>
      <c r="C158" s="21" t="s">
        <v>264</v>
      </c>
      <c r="D158" s="21" t="s">
        <v>214</v>
      </c>
      <c r="E158" s="21" t="s">
        <v>688</v>
      </c>
      <c r="F158" s="21" t="s">
        <v>426</v>
      </c>
      <c r="G158" s="16">
        <v>1906</v>
      </c>
      <c r="H158" s="16">
        <v>1498</v>
      </c>
      <c r="I158" s="16">
        <v>1278</v>
      </c>
      <c r="J158" s="16">
        <v>986</v>
      </c>
      <c r="K158" s="16">
        <v>220</v>
      </c>
      <c r="L158" s="16">
        <v>23</v>
      </c>
      <c r="M158" s="16">
        <v>385</v>
      </c>
      <c r="N158" s="22" t="s">
        <v>268</v>
      </c>
      <c r="O158" s="16">
        <v>167</v>
      </c>
      <c r="P158" s="16">
        <v>974</v>
      </c>
      <c r="Q158" s="16">
        <v>385</v>
      </c>
    </row>
    <row r="159" spans="1:17">
      <c r="A159" s="21" t="s">
        <v>232</v>
      </c>
      <c r="B159" s="21" t="s">
        <v>237</v>
      </c>
      <c r="C159" s="21" t="s">
        <v>264</v>
      </c>
      <c r="D159" s="21" t="s">
        <v>214</v>
      </c>
      <c r="E159" s="21" t="s">
        <v>688</v>
      </c>
      <c r="F159" s="21" t="s">
        <v>720</v>
      </c>
      <c r="G159" s="16">
        <v>323</v>
      </c>
      <c r="H159" s="22" t="s">
        <v>268</v>
      </c>
      <c r="I159" s="22" t="s">
        <v>268</v>
      </c>
      <c r="J159" s="22" t="s">
        <v>268</v>
      </c>
      <c r="K159" s="22" t="s">
        <v>268</v>
      </c>
      <c r="L159" s="22" t="s">
        <v>268</v>
      </c>
      <c r="M159" s="16">
        <v>313</v>
      </c>
      <c r="N159" s="16">
        <v>10</v>
      </c>
      <c r="O159" s="22" t="s">
        <v>268</v>
      </c>
      <c r="P159" s="22" t="s">
        <v>268</v>
      </c>
      <c r="Q159" s="22" t="s">
        <v>268</v>
      </c>
    </row>
    <row r="160" spans="1:17">
      <c r="A160" s="21" t="s">
        <v>232</v>
      </c>
      <c r="B160" s="21" t="s">
        <v>237</v>
      </c>
      <c r="C160" s="21" t="s">
        <v>264</v>
      </c>
      <c r="D160" s="21" t="s">
        <v>214</v>
      </c>
      <c r="E160" s="21" t="s">
        <v>688</v>
      </c>
      <c r="F160" s="21" t="s">
        <v>427</v>
      </c>
      <c r="G160" s="16">
        <v>2406</v>
      </c>
      <c r="H160" s="16">
        <v>1797</v>
      </c>
      <c r="I160" s="16">
        <v>1513</v>
      </c>
      <c r="J160" s="16">
        <v>1060</v>
      </c>
      <c r="K160" s="16">
        <v>284</v>
      </c>
      <c r="L160" s="16">
        <v>26</v>
      </c>
      <c r="M160" s="16">
        <v>583</v>
      </c>
      <c r="N160" s="22" t="s">
        <v>268</v>
      </c>
      <c r="O160" s="16">
        <v>213</v>
      </c>
      <c r="P160" s="16">
        <v>974</v>
      </c>
      <c r="Q160" s="16">
        <v>385</v>
      </c>
    </row>
    <row r="161" spans="1:17">
      <c r="A161" s="21" t="s">
        <v>232</v>
      </c>
      <c r="B161" s="21" t="s">
        <v>237</v>
      </c>
      <c r="C161" s="21" t="s">
        <v>264</v>
      </c>
      <c r="D161" s="21" t="s">
        <v>214</v>
      </c>
      <c r="E161" s="21" t="s">
        <v>688</v>
      </c>
      <c r="F161" s="21" t="s">
        <v>428</v>
      </c>
      <c r="G161" s="16">
        <v>1175</v>
      </c>
      <c r="H161" s="16">
        <v>988</v>
      </c>
      <c r="I161" s="16">
        <v>894</v>
      </c>
      <c r="J161" s="16">
        <v>756</v>
      </c>
      <c r="K161" s="16">
        <v>94</v>
      </c>
      <c r="L161" s="16">
        <v>16</v>
      </c>
      <c r="M161" s="16">
        <v>171</v>
      </c>
      <c r="N161" s="22" t="s">
        <v>268</v>
      </c>
      <c r="O161" s="16">
        <v>64</v>
      </c>
      <c r="P161" s="16">
        <v>756</v>
      </c>
      <c r="Q161" s="16">
        <v>171</v>
      </c>
    </row>
    <row r="162" spans="1:17">
      <c r="A162" s="21" t="s">
        <v>232</v>
      </c>
      <c r="B162" s="21" t="s">
        <v>237</v>
      </c>
      <c r="C162" s="21" t="s">
        <v>264</v>
      </c>
      <c r="D162" s="21" t="s">
        <v>214</v>
      </c>
      <c r="E162" s="21" t="s">
        <v>688</v>
      </c>
      <c r="F162" s="21" t="s">
        <v>429</v>
      </c>
      <c r="G162" s="16">
        <v>723</v>
      </c>
      <c r="H162" s="16">
        <v>651</v>
      </c>
      <c r="I162" s="16">
        <v>607</v>
      </c>
      <c r="J162" s="16">
        <v>540</v>
      </c>
      <c r="K162" s="16">
        <v>44</v>
      </c>
      <c r="L162" s="16">
        <v>4</v>
      </c>
      <c r="M162" s="16">
        <v>68</v>
      </c>
      <c r="N162" s="22" t="s">
        <v>268</v>
      </c>
      <c r="O162" s="16">
        <v>26</v>
      </c>
      <c r="P162" s="16">
        <v>540</v>
      </c>
      <c r="Q162" s="16">
        <v>68</v>
      </c>
    </row>
    <row r="163" spans="1:17">
      <c r="A163" s="21" t="s">
        <v>232</v>
      </c>
      <c r="B163" s="21" t="s">
        <v>237</v>
      </c>
      <c r="C163" s="21" t="s">
        <v>264</v>
      </c>
      <c r="D163" s="21" t="s">
        <v>214</v>
      </c>
      <c r="E163" s="21" t="s">
        <v>689</v>
      </c>
      <c r="F163" s="21" t="s">
        <v>214</v>
      </c>
      <c r="G163" s="22" t="s">
        <v>268</v>
      </c>
      <c r="H163" s="22" t="s">
        <v>268</v>
      </c>
      <c r="I163" s="22" t="s">
        <v>268</v>
      </c>
      <c r="J163" s="22" t="s">
        <v>268</v>
      </c>
      <c r="K163" s="22" t="s">
        <v>268</v>
      </c>
      <c r="L163" s="22" t="s">
        <v>268</v>
      </c>
      <c r="M163" s="22" t="s">
        <v>268</v>
      </c>
      <c r="N163" s="22" t="s">
        <v>268</v>
      </c>
      <c r="O163" s="22" t="s">
        <v>268</v>
      </c>
      <c r="P163" s="22" t="s">
        <v>268</v>
      </c>
      <c r="Q163" s="22" t="s">
        <v>268</v>
      </c>
    </row>
    <row r="164" spans="1:17">
      <c r="A164" s="21" t="s">
        <v>232</v>
      </c>
      <c r="B164" s="21" t="s">
        <v>237</v>
      </c>
      <c r="C164" s="21" t="s">
        <v>264</v>
      </c>
      <c r="D164" s="21" t="s">
        <v>214</v>
      </c>
      <c r="E164" s="21" t="s">
        <v>689</v>
      </c>
      <c r="F164" s="21" t="s">
        <v>424</v>
      </c>
      <c r="G164" s="22" t="s">
        <v>268</v>
      </c>
      <c r="H164" s="22" t="s">
        <v>268</v>
      </c>
      <c r="I164" s="22" t="s">
        <v>268</v>
      </c>
      <c r="J164" s="22" t="s">
        <v>268</v>
      </c>
      <c r="K164" s="22" t="s">
        <v>268</v>
      </c>
      <c r="L164" s="22" t="s">
        <v>268</v>
      </c>
      <c r="M164" s="22" t="s">
        <v>268</v>
      </c>
      <c r="N164" s="22" t="s">
        <v>268</v>
      </c>
      <c r="O164" s="22" t="s">
        <v>268</v>
      </c>
      <c r="P164" s="22" t="s">
        <v>268</v>
      </c>
      <c r="Q164" s="22" t="s">
        <v>268</v>
      </c>
    </row>
    <row r="165" spans="1:17">
      <c r="A165" s="21" t="s">
        <v>232</v>
      </c>
      <c r="B165" s="21" t="s">
        <v>237</v>
      </c>
      <c r="C165" s="21" t="s">
        <v>264</v>
      </c>
      <c r="D165" s="21" t="s">
        <v>214</v>
      </c>
      <c r="E165" s="21" t="s">
        <v>689</v>
      </c>
      <c r="F165" s="21" t="s">
        <v>425</v>
      </c>
      <c r="G165" s="22" t="s">
        <v>268</v>
      </c>
      <c r="H165" s="22" t="s">
        <v>268</v>
      </c>
      <c r="I165" s="22" t="s">
        <v>268</v>
      </c>
      <c r="J165" s="22" t="s">
        <v>268</v>
      </c>
      <c r="K165" s="22" t="s">
        <v>268</v>
      </c>
      <c r="L165" s="22" t="s">
        <v>268</v>
      </c>
      <c r="M165" s="22" t="s">
        <v>268</v>
      </c>
      <c r="N165" s="22" t="s">
        <v>268</v>
      </c>
      <c r="O165" s="22" t="s">
        <v>268</v>
      </c>
      <c r="P165" s="22" t="s">
        <v>268</v>
      </c>
      <c r="Q165" s="22" t="s">
        <v>268</v>
      </c>
    </row>
    <row r="166" spans="1:17">
      <c r="A166" s="21" t="s">
        <v>232</v>
      </c>
      <c r="B166" s="21" t="s">
        <v>237</v>
      </c>
      <c r="C166" s="21" t="s">
        <v>264</v>
      </c>
      <c r="D166" s="21" t="s">
        <v>214</v>
      </c>
      <c r="E166" s="21" t="s">
        <v>689</v>
      </c>
      <c r="F166" s="21" t="s">
        <v>426</v>
      </c>
      <c r="G166" s="22" t="s">
        <v>268</v>
      </c>
      <c r="H166" s="22" t="s">
        <v>268</v>
      </c>
      <c r="I166" s="22" t="s">
        <v>268</v>
      </c>
      <c r="J166" s="22" t="s">
        <v>268</v>
      </c>
      <c r="K166" s="22" t="s">
        <v>268</v>
      </c>
      <c r="L166" s="22" t="s">
        <v>268</v>
      </c>
      <c r="M166" s="22" t="s">
        <v>268</v>
      </c>
      <c r="N166" s="22" t="s">
        <v>268</v>
      </c>
      <c r="O166" s="22" t="s">
        <v>268</v>
      </c>
      <c r="P166" s="22" t="s">
        <v>268</v>
      </c>
      <c r="Q166" s="22" t="s">
        <v>268</v>
      </c>
    </row>
    <row r="167" spans="1:17">
      <c r="A167" s="21" t="s">
        <v>232</v>
      </c>
      <c r="B167" s="21" t="s">
        <v>237</v>
      </c>
      <c r="C167" s="21" t="s">
        <v>264</v>
      </c>
      <c r="D167" s="21" t="s">
        <v>214</v>
      </c>
      <c r="E167" s="21" t="s">
        <v>689</v>
      </c>
      <c r="F167" s="21" t="s">
        <v>720</v>
      </c>
      <c r="G167" s="22" t="s">
        <v>268</v>
      </c>
      <c r="H167" s="22" t="s">
        <v>268</v>
      </c>
      <c r="I167" s="22" t="s">
        <v>268</v>
      </c>
      <c r="J167" s="22" t="s">
        <v>268</v>
      </c>
      <c r="K167" s="22" t="s">
        <v>268</v>
      </c>
      <c r="L167" s="22" t="s">
        <v>268</v>
      </c>
      <c r="M167" s="22" t="s">
        <v>268</v>
      </c>
      <c r="N167" s="22" t="s">
        <v>268</v>
      </c>
      <c r="O167" s="22" t="s">
        <v>268</v>
      </c>
      <c r="P167" s="22" t="s">
        <v>268</v>
      </c>
      <c r="Q167" s="22" t="s">
        <v>268</v>
      </c>
    </row>
    <row r="168" spans="1:17">
      <c r="A168" s="21" t="s">
        <v>232</v>
      </c>
      <c r="B168" s="21" t="s">
        <v>237</v>
      </c>
      <c r="C168" s="21" t="s">
        <v>264</v>
      </c>
      <c r="D168" s="21" t="s">
        <v>214</v>
      </c>
      <c r="E168" s="21" t="s">
        <v>689</v>
      </c>
      <c r="F168" s="21" t="s">
        <v>427</v>
      </c>
      <c r="G168" s="22" t="s">
        <v>268</v>
      </c>
      <c r="H168" s="22" t="s">
        <v>268</v>
      </c>
      <c r="I168" s="22" t="s">
        <v>268</v>
      </c>
      <c r="J168" s="22" t="s">
        <v>268</v>
      </c>
      <c r="K168" s="22" t="s">
        <v>268</v>
      </c>
      <c r="L168" s="22" t="s">
        <v>268</v>
      </c>
      <c r="M168" s="22" t="s">
        <v>268</v>
      </c>
      <c r="N168" s="22" t="s">
        <v>268</v>
      </c>
      <c r="O168" s="22" t="s">
        <v>268</v>
      </c>
      <c r="P168" s="22" t="s">
        <v>268</v>
      </c>
      <c r="Q168" s="22" t="s">
        <v>268</v>
      </c>
    </row>
    <row r="169" spans="1:17">
      <c r="A169" s="21" t="s">
        <v>232</v>
      </c>
      <c r="B169" s="21" t="s">
        <v>237</v>
      </c>
      <c r="C169" s="21" t="s">
        <v>264</v>
      </c>
      <c r="D169" s="21" t="s">
        <v>214</v>
      </c>
      <c r="E169" s="21" t="s">
        <v>689</v>
      </c>
      <c r="F169" s="21" t="s">
        <v>428</v>
      </c>
      <c r="G169" s="22" t="s">
        <v>268</v>
      </c>
      <c r="H169" s="22" t="s">
        <v>268</v>
      </c>
      <c r="I169" s="22" t="s">
        <v>268</v>
      </c>
      <c r="J169" s="22" t="s">
        <v>268</v>
      </c>
      <c r="K169" s="22" t="s">
        <v>268</v>
      </c>
      <c r="L169" s="22" t="s">
        <v>268</v>
      </c>
      <c r="M169" s="22" t="s">
        <v>268</v>
      </c>
      <c r="N169" s="22" t="s">
        <v>268</v>
      </c>
      <c r="O169" s="22" t="s">
        <v>268</v>
      </c>
      <c r="P169" s="22" t="s">
        <v>268</v>
      </c>
      <c r="Q169" s="22" t="s">
        <v>268</v>
      </c>
    </row>
    <row r="170" spans="1:17">
      <c r="A170" s="21" t="s">
        <v>232</v>
      </c>
      <c r="B170" s="21" t="s">
        <v>237</v>
      </c>
      <c r="C170" s="21" t="s">
        <v>264</v>
      </c>
      <c r="D170" s="21" t="s">
        <v>214</v>
      </c>
      <c r="E170" s="21" t="s">
        <v>689</v>
      </c>
      <c r="F170" s="21" t="s">
        <v>429</v>
      </c>
      <c r="G170" s="22" t="s">
        <v>268</v>
      </c>
      <c r="H170" s="22" t="s">
        <v>268</v>
      </c>
      <c r="I170" s="22" t="s">
        <v>268</v>
      </c>
      <c r="J170" s="22" t="s">
        <v>268</v>
      </c>
      <c r="K170" s="22" t="s">
        <v>268</v>
      </c>
      <c r="L170" s="22" t="s">
        <v>268</v>
      </c>
      <c r="M170" s="22" t="s">
        <v>268</v>
      </c>
      <c r="N170" s="22" t="s">
        <v>268</v>
      </c>
      <c r="O170" s="22" t="s">
        <v>268</v>
      </c>
      <c r="P170" s="22" t="s">
        <v>268</v>
      </c>
      <c r="Q170" s="22" t="s">
        <v>268</v>
      </c>
    </row>
    <row r="171" spans="1:17">
      <c r="A171" s="21" t="s">
        <v>240</v>
      </c>
      <c r="B171" s="21" t="s">
        <v>237</v>
      </c>
      <c r="C171" s="21" t="s">
        <v>265</v>
      </c>
      <c r="D171" s="21" t="s">
        <v>214</v>
      </c>
      <c r="E171" s="21" t="s">
        <v>214</v>
      </c>
      <c r="F171" s="21" t="s">
        <v>214</v>
      </c>
      <c r="G171" s="16">
        <v>117827</v>
      </c>
      <c r="H171" s="16">
        <v>100725</v>
      </c>
      <c r="I171" s="16">
        <v>72299</v>
      </c>
      <c r="J171" s="16">
        <v>20490</v>
      </c>
      <c r="K171" s="16">
        <v>28426</v>
      </c>
      <c r="L171" s="16">
        <v>1117</v>
      </c>
      <c r="M171" s="16">
        <v>15791</v>
      </c>
      <c r="N171" s="16">
        <v>194</v>
      </c>
      <c r="O171" s="16">
        <v>21370</v>
      </c>
      <c r="P171" s="16">
        <v>13476</v>
      </c>
      <c r="Q171" s="16">
        <v>6739</v>
      </c>
    </row>
    <row r="172" spans="1:17">
      <c r="A172" s="21" t="s">
        <v>240</v>
      </c>
      <c r="B172" s="21" t="s">
        <v>237</v>
      </c>
      <c r="C172" s="21" t="s">
        <v>265</v>
      </c>
      <c r="D172" s="21" t="s">
        <v>214</v>
      </c>
      <c r="E172" s="21" t="s">
        <v>214</v>
      </c>
      <c r="F172" s="21" t="s">
        <v>424</v>
      </c>
      <c r="G172" s="22" t="s">
        <v>268</v>
      </c>
      <c r="H172" s="22" t="s">
        <v>268</v>
      </c>
      <c r="I172" s="22" t="s">
        <v>268</v>
      </c>
      <c r="J172" s="22" t="s">
        <v>268</v>
      </c>
      <c r="K172" s="22" t="s">
        <v>268</v>
      </c>
      <c r="L172" s="22" t="s">
        <v>268</v>
      </c>
      <c r="M172" s="22" t="s">
        <v>268</v>
      </c>
      <c r="N172" s="22" t="s">
        <v>268</v>
      </c>
      <c r="O172" s="22" t="s">
        <v>268</v>
      </c>
      <c r="P172" s="22" t="s">
        <v>268</v>
      </c>
      <c r="Q172" s="22" t="s">
        <v>268</v>
      </c>
    </row>
    <row r="173" spans="1:17">
      <c r="A173" s="21" t="s">
        <v>240</v>
      </c>
      <c r="B173" s="21" t="s">
        <v>237</v>
      </c>
      <c r="C173" s="21" t="s">
        <v>265</v>
      </c>
      <c r="D173" s="21" t="s">
        <v>214</v>
      </c>
      <c r="E173" s="21" t="s">
        <v>214</v>
      </c>
      <c r="F173" s="21" t="s">
        <v>425</v>
      </c>
      <c r="G173" s="16">
        <v>64292</v>
      </c>
      <c r="H173" s="16">
        <v>55547</v>
      </c>
      <c r="I173" s="16">
        <v>43926</v>
      </c>
      <c r="J173" s="16">
        <v>6622</v>
      </c>
      <c r="K173" s="16">
        <v>11621</v>
      </c>
      <c r="L173" s="16">
        <v>696</v>
      </c>
      <c r="M173" s="16">
        <v>8049</v>
      </c>
      <c r="N173" s="22" t="s">
        <v>268</v>
      </c>
      <c r="O173" s="16">
        <v>8898</v>
      </c>
      <c r="P173" s="16">
        <v>18</v>
      </c>
      <c r="Q173" s="22" t="s">
        <v>268</v>
      </c>
    </row>
    <row r="174" spans="1:17">
      <c r="A174" s="21" t="s">
        <v>240</v>
      </c>
      <c r="B174" s="21" t="s">
        <v>237</v>
      </c>
      <c r="C174" s="21" t="s">
        <v>265</v>
      </c>
      <c r="D174" s="21" t="s">
        <v>214</v>
      </c>
      <c r="E174" s="21" t="s">
        <v>214</v>
      </c>
      <c r="F174" s="21" t="s">
        <v>426</v>
      </c>
      <c r="G174" s="16">
        <v>52338</v>
      </c>
      <c r="H174" s="16">
        <v>45178</v>
      </c>
      <c r="I174" s="16">
        <v>28373</v>
      </c>
      <c r="J174" s="16">
        <v>13868</v>
      </c>
      <c r="K174" s="16">
        <v>16805</v>
      </c>
      <c r="L174" s="16">
        <v>421</v>
      </c>
      <c r="M174" s="16">
        <v>6739</v>
      </c>
      <c r="N174" s="22" t="s">
        <v>268</v>
      </c>
      <c r="O174" s="16">
        <v>12472</v>
      </c>
      <c r="P174" s="16">
        <v>13458</v>
      </c>
      <c r="Q174" s="16">
        <v>6739</v>
      </c>
    </row>
    <row r="175" spans="1:17">
      <c r="A175" s="21" t="s">
        <v>240</v>
      </c>
      <c r="B175" s="21" t="s">
        <v>237</v>
      </c>
      <c r="C175" s="21" t="s">
        <v>265</v>
      </c>
      <c r="D175" s="21" t="s">
        <v>214</v>
      </c>
      <c r="E175" s="21" t="s">
        <v>214</v>
      </c>
      <c r="F175" s="21" t="s">
        <v>720</v>
      </c>
      <c r="G175" s="16">
        <v>1197</v>
      </c>
      <c r="H175" s="22" t="s">
        <v>268</v>
      </c>
      <c r="I175" s="22" t="s">
        <v>268</v>
      </c>
      <c r="J175" s="22" t="s">
        <v>268</v>
      </c>
      <c r="K175" s="22" t="s">
        <v>268</v>
      </c>
      <c r="L175" s="22" t="s">
        <v>268</v>
      </c>
      <c r="M175" s="16">
        <v>1003</v>
      </c>
      <c r="N175" s="16">
        <v>194</v>
      </c>
      <c r="O175" s="22" t="s">
        <v>268</v>
      </c>
      <c r="P175" s="22" t="s">
        <v>268</v>
      </c>
      <c r="Q175" s="22" t="s">
        <v>268</v>
      </c>
    </row>
    <row r="176" spans="1:17">
      <c r="A176" s="21" t="s">
        <v>240</v>
      </c>
      <c r="B176" s="21" t="s">
        <v>237</v>
      </c>
      <c r="C176" s="21" t="s">
        <v>265</v>
      </c>
      <c r="D176" s="21" t="s">
        <v>214</v>
      </c>
      <c r="E176" s="21" t="s">
        <v>214</v>
      </c>
      <c r="F176" s="21" t="s">
        <v>427</v>
      </c>
      <c r="G176" s="16">
        <v>62785</v>
      </c>
      <c r="H176" s="16">
        <v>54325</v>
      </c>
      <c r="I176" s="16">
        <v>33905</v>
      </c>
      <c r="J176" s="16">
        <v>16100</v>
      </c>
      <c r="K176" s="16">
        <v>20420</v>
      </c>
      <c r="L176" s="16">
        <v>522</v>
      </c>
      <c r="M176" s="16">
        <v>7938</v>
      </c>
      <c r="N176" s="22" t="s">
        <v>268</v>
      </c>
      <c r="O176" s="16">
        <v>14980</v>
      </c>
      <c r="P176" s="16">
        <v>13476</v>
      </c>
      <c r="Q176" s="16">
        <v>6739</v>
      </c>
    </row>
    <row r="177" spans="1:17">
      <c r="A177" s="21" t="s">
        <v>240</v>
      </c>
      <c r="B177" s="21" t="s">
        <v>237</v>
      </c>
      <c r="C177" s="21" t="s">
        <v>265</v>
      </c>
      <c r="D177" s="21" t="s">
        <v>214</v>
      </c>
      <c r="E177" s="21" t="s">
        <v>214</v>
      </c>
      <c r="F177" s="21" t="s">
        <v>428</v>
      </c>
      <c r="G177" s="16">
        <v>26427</v>
      </c>
      <c r="H177" s="16">
        <v>22450</v>
      </c>
      <c r="I177" s="16">
        <v>13959</v>
      </c>
      <c r="J177" s="16">
        <v>6500</v>
      </c>
      <c r="K177" s="16">
        <v>8491</v>
      </c>
      <c r="L177" s="16">
        <v>192</v>
      </c>
      <c r="M177" s="16">
        <v>3785</v>
      </c>
      <c r="N177" s="22" t="s">
        <v>268</v>
      </c>
      <c r="O177" s="16">
        <v>6150</v>
      </c>
      <c r="P177" s="16">
        <v>6482</v>
      </c>
      <c r="Q177" s="16">
        <v>3785</v>
      </c>
    </row>
    <row r="178" spans="1:17">
      <c r="A178" s="21" t="s">
        <v>240</v>
      </c>
      <c r="B178" s="21" t="s">
        <v>237</v>
      </c>
      <c r="C178" s="21" t="s">
        <v>265</v>
      </c>
      <c r="D178" s="21" t="s">
        <v>214</v>
      </c>
      <c r="E178" s="21" t="s">
        <v>214</v>
      </c>
      <c r="F178" s="21" t="s">
        <v>429</v>
      </c>
      <c r="G178" s="16">
        <v>8194</v>
      </c>
      <c r="H178" s="16">
        <v>6793</v>
      </c>
      <c r="I178" s="16">
        <v>3658</v>
      </c>
      <c r="J178" s="16">
        <v>1474</v>
      </c>
      <c r="K178" s="16">
        <v>3135</v>
      </c>
      <c r="L178" s="16">
        <v>45</v>
      </c>
      <c r="M178" s="16">
        <v>1356</v>
      </c>
      <c r="N178" s="22" t="s">
        <v>268</v>
      </c>
      <c r="O178" s="16">
        <v>2063</v>
      </c>
      <c r="P178" s="16">
        <v>1474</v>
      </c>
      <c r="Q178" s="16">
        <v>1356</v>
      </c>
    </row>
    <row r="179" spans="1:17">
      <c r="A179" s="21" t="s">
        <v>240</v>
      </c>
      <c r="B179" s="21" t="s">
        <v>237</v>
      </c>
      <c r="C179" s="21" t="s">
        <v>265</v>
      </c>
      <c r="D179" s="21" t="s">
        <v>214</v>
      </c>
      <c r="E179" s="21" t="s">
        <v>681</v>
      </c>
      <c r="F179" s="21" t="s">
        <v>214</v>
      </c>
      <c r="G179" s="16">
        <v>116099</v>
      </c>
      <c r="H179" s="16">
        <v>100111</v>
      </c>
      <c r="I179" s="16">
        <v>71754</v>
      </c>
      <c r="J179" s="16">
        <v>20340</v>
      </c>
      <c r="K179" s="16">
        <v>28357</v>
      </c>
      <c r="L179" s="16">
        <v>1100</v>
      </c>
      <c r="M179" s="16">
        <v>14694</v>
      </c>
      <c r="N179" s="16">
        <v>194</v>
      </c>
      <c r="O179" s="16">
        <v>21319</v>
      </c>
      <c r="P179" s="16">
        <v>13358</v>
      </c>
      <c r="Q179" s="16">
        <v>6697</v>
      </c>
    </row>
    <row r="180" spans="1:17">
      <c r="A180" s="21" t="s">
        <v>240</v>
      </c>
      <c r="B180" s="21" t="s">
        <v>237</v>
      </c>
      <c r="C180" s="21" t="s">
        <v>265</v>
      </c>
      <c r="D180" s="21" t="s">
        <v>214</v>
      </c>
      <c r="E180" s="21" t="s">
        <v>681</v>
      </c>
      <c r="F180" s="21" t="s">
        <v>424</v>
      </c>
      <c r="G180" s="22" t="s">
        <v>268</v>
      </c>
      <c r="H180" s="22" t="s">
        <v>268</v>
      </c>
      <c r="I180" s="22" t="s">
        <v>268</v>
      </c>
      <c r="J180" s="22" t="s">
        <v>268</v>
      </c>
      <c r="K180" s="22" t="s">
        <v>268</v>
      </c>
      <c r="L180" s="22" t="s">
        <v>268</v>
      </c>
      <c r="M180" s="22" t="s">
        <v>268</v>
      </c>
      <c r="N180" s="22" t="s">
        <v>268</v>
      </c>
      <c r="O180" s="22" t="s">
        <v>268</v>
      </c>
      <c r="P180" s="22" t="s">
        <v>268</v>
      </c>
      <c r="Q180" s="22" t="s">
        <v>268</v>
      </c>
    </row>
    <row r="181" spans="1:17">
      <c r="A181" s="21" t="s">
        <v>240</v>
      </c>
      <c r="B181" s="21" t="s">
        <v>237</v>
      </c>
      <c r="C181" s="21" t="s">
        <v>265</v>
      </c>
      <c r="D181" s="21" t="s">
        <v>214</v>
      </c>
      <c r="E181" s="21" t="s">
        <v>681</v>
      </c>
      <c r="F181" s="21" t="s">
        <v>425</v>
      </c>
      <c r="G181" s="16">
        <v>62799</v>
      </c>
      <c r="H181" s="16">
        <v>55097</v>
      </c>
      <c r="I181" s="16">
        <v>43526</v>
      </c>
      <c r="J181" s="16">
        <v>6592</v>
      </c>
      <c r="K181" s="16">
        <v>11571</v>
      </c>
      <c r="L181" s="16">
        <v>683</v>
      </c>
      <c r="M181" s="16">
        <v>7019</v>
      </c>
      <c r="N181" s="22" t="s">
        <v>268</v>
      </c>
      <c r="O181" s="16">
        <v>8858</v>
      </c>
      <c r="P181" s="16">
        <v>18</v>
      </c>
      <c r="Q181" s="22" t="s">
        <v>268</v>
      </c>
    </row>
    <row r="182" spans="1:17">
      <c r="A182" s="21" t="s">
        <v>240</v>
      </c>
      <c r="B182" s="21" t="s">
        <v>237</v>
      </c>
      <c r="C182" s="21" t="s">
        <v>265</v>
      </c>
      <c r="D182" s="21" t="s">
        <v>214</v>
      </c>
      <c r="E182" s="21" t="s">
        <v>681</v>
      </c>
      <c r="F182" s="21" t="s">
        <v>426</v>
      </c>
      <c r="G182" s="16">
        <v>52128</v>
      </c>
      <c r="H182" s="16">
        <v>45014</v>
      </c>
      <c r="I182" s="16">
        <v>28228</v>
      </c>
      <c r="J182" s="16">
        <v>13748</v>
      </c>
      <c r="K182" s="16">
        <v>16786</v>
      </c>
      <c r="L182" s="16">
        <v>417</v>
      </c>
      <c r="M182" s="16">
        <v>6697</v>
      </c>
      <c r="N182" s="22" t="s">
        <v>268</v>
      </c>
      <c r="O182" s="16">
        <v>12461</v>
      </c>
      <c r="P182" s="16">
        <v>13340</v>
      </c>
      <c r="Q182" s="16">
        <v>6697</v>
      </c>
    </row>
    <row r="183" spans="1:17">
      <c r="A183" s="21" t="s">
        <v>240</v>
      </c>
      <c r="B183" s="21" t="s">
        <v>237</v>
      </c>
      <c r="C183" s="21" t="s">
        <v>265</v>
      </c>
      <c r="D183" s="21" t="s">
        <v>214</v>
      </c>
      <c r="E183" s="21" t="s">
        <v>681</v>
      </c>
      <c r="F183" s="21" t="s">
        <v>720</v>
      </c>
      <c r="G183" s="16">
        <v>1172</v>
      </c>
      <c r="H183" s="22" t="s">
        <v>268</v>
      </c>
      <c r="I183" s="22" t="s">
        <v>268</v>
      </c>
      <c r="J183" s="22" t="s">
        <v>268</v>
      </c>
      <c r="K183" s="22" t="s">
        <v>268</v>
      </c>
      <c r="L183" s="22" t="s">
        <v>268</v>
      </c>
      <c r="M183" s="16">
        <v>978</v>
      </c>
      <c r="N183" s="16">
        <v>194</v>
      </c>
      <c r="O183" s="22" t="s">
        <v>268</v>
      </c>
      <c r="P183" s="22" t="s">
        <v>268</v>
      </c>
      <c r="Q183" s="22" t="s">
        <v>268</v>
      </c>
    </row>
    <row r="184" spans="1:17">
      <c r="A184" s="21" t="s">
        <v>240</v>
      </c>
      <c r="B184" s="21" t="s">
        <v>237</v>
      </c>
      <c r="C184" s="21" t="s">
        <v>265</v>
      </c>
      <c r="D184" s="21" t="s">
        <v>214</v>
      </c>
      <c r="E184" s="21" t="s">
        <v>681</v>
      </c>
      <c r="F184" s="21" t="s">
        <v>427</v>
      </c>
      <c r="G184" s="16">
        <v>62539</v>
      </c>
      <c r="H184" s="16">
        <v>54131</v>
      </c>
      <c r="I184" s="16">
        <v>33739</v>
      </c>
      <c r="J184" s="16">
        <v>15976</v>
      </c>
      <c r="K184" s="16">
        <v>20392</v>
      </c>
      <c r="L184" s="16">
        <v>518</v>
      </c>
      <c r="M184" s="16">
        <v>7890</v>
      </c>
      <c r="N184" s="22" t="s">
        <v>268</v>
      </c>
      <c r="O184" s="16">
        <v>14965</v>
      </c>
      <c r="P184" s="16">
        <v>13358</v>
      </c>
      <c r="Q184" s="16">
        <v>6697</v>
      </c>
    </row>
    <row r="185" spans="1:17">
      <c r="A185" s="21" t="s">
        <v>240</v>
      </c>
      <c r="B185" s="21" t="s">
        <v>237</v>
      </c>
      <c r="C185" s="21" t="s">
        <v>265</v>
      </c>
      <c r="D185" s="21" t="s">
        <v>214</v>
      </c>
      <c r="E185" s="21" t="s">
        <v>681</v>
      </c>
      <c r="F185" s="21" t="s">
        <v>428</v>
      </c>
      <c r="G185" s="16">
        <v>26281</v>
      </c>
      <c r="H185" s="16">
        <v>22329</v>
      </c>
      <c r="I185" s="16">
        <v>13850</v>
      </c>
      <c r="J185" s="16">
        <v>6400</v>
      </c>
      <c r="K185" s="16">
        <v>8479</v>
      </c>
      <c r="L185" s="16">
        <v>188</v>
      </c>
      <c r="M185" s="16">
        <v>3764</v>
      </c>
      <c r="N185" s="22" t="s">
        <v>268</v>
      </c>
      <c r="O185" s="16">
        <v>6143</v>
      </c>
      <c r="P185" s="16">
        <v>6382</v>
      </c>
      <c r="Q185" s="16">
        <v>3764</v>
      </c>
    </row>
    <row r="186" spans="1:17">
      <c r="A186" s="21" t="s">
        <v>240</v>
      </c>
      <c r="B186" s="21" t="s">
        <v>237</v>
      </c>
      <c r="C186" s="21" t="s">
        <v>265</v>
      </c>
      <c r="D186" s="21" t="s">
        <v>214</v>
      </c>
      <c r="E186" s="21" t="s">
        <v>681</v>
      </c>
      <c r="F186" s="21" t="s">
        <v>429</v>
      </c>
      <c r="G186" s="16">
        <v>8085</v>
      </c>
      <c r="H186" s="16">
        <v>6694</v>
      </c>
      <c r="I186" s="16">
        <v>3571</v>
      </c>
      <c r="J186" s="16">
        <v>1394</v>
      </c>
      <c r="K186" s="16">
        <v>3123</v>
      </c>
      <c r="L186" s="16">
        <v>43</v>
      </c>
      <c r="M186" s="16">
        <v>1348</v>
      </c>
      <c r="N186" s="22" t="s">
        <v>268</v>
      </c>
      <c r="O186" s="16">
        <v>2056</v>
      </c>
      <c r="P186" s="16">
        <v>1394</v>
      </c>
      <c r="Q186" s="16">
        <v>1348</v>
      </c>
    </row>
    <row r="187" spans="1:17">
      <c r="A187" s="21" t="s">
        <v>240</v>
      </c>
      <c r="B187" s="21" t="s">
        <v>237</v>
      </c>
      <c r="C187" s="21" t="s">
        <v>265</v>
      </c>
      <c r="D187" s="21" t="s">
        <v>214</v>
      </c>
      <c r="E187" s="21" t="s">
        <v>682</v>
      </c>
      <c r="F187" s="21" t="s">
        <v>214</v>
      </c>
      <c r="G187" s="16">
        <v>115128</v>
      </c>
      <c r="H187" s="16">
        <v>99607</v>
      </c>
      <c r="I187" s="16">
        <v>71300</v>
      </c>
      <c r="J187" s="16">
        <v>20264</v>
      </c>
      <c r="K187" s="16">
        <v>28307</v>
      </c>
      <c r="L187" s="16">
        <v>1098</v>
      </c>
      <c r="M187" s="16">
        <v>14229</v>
      </c>
      <c r="N187" s="16">
        <v>194</v>
      </c>
      <c r="O187" s="16">
        <v>21288</v>
      </c>
      <c r="P187" s="16">
        <v>13322</v>
      </c>
      <c r="Q187" s="16">
        <v>6635</v>
      </c>
    </row>
    <row r="188" spans="1:17">
      <c r="A188" s="21" t="s">
        <v>240</v>
      </c>
      <c r="B188" s="21" t="s">
        <v>237</v>
      </c>
      <c r="C188" s="21" t="s">
        <v>265</v>
      </c>
      <c r="D188" s="21" t="s">
        <v>214</v>
      </c>
      <c r="E188" s="21" t="s">
        <v>682</v>
      </c>
      <c r="F188" s="21" t="s">
        <v>424</v>
      </c>
      <c r="G188" s="22" t="s">
        <v>268</v>
      </c>
      <c r="H188" s="22" t="s">
        <v>268</v>
      </c>
      <c r="I188" s="22" t="s">
        <v>268</v>
      </c>
      <c r="J188" s="22" t="s">
        <v>268</v>
      </c>
      <c r="K188" s="22" t="s">
        <v>268</v>
      </c>
      <c r="L188" s="22" t="s">
        <v>268</v>
      </c>
      <c r="M188" s="22" t="s">
        <v>268</v>
      </c>
      <c r="N188" s="22" t="s">
        <v>268</v>
      </c>
      <c r="O188" s="22" t="s">
        <v>268</v>
      </c>
      <c r="P188" s="22" t="s">
        <v>268</v>
      </c>
      <c r="Q188" s="22" t="s">
        <v>268</v>
      </c>
    </row>
    <row r="189" spans="1:17">
      <c r="A189" s="21" t="s">
        <v>240</v>
      </c>
      <c r="B189" s="21" t="s">
        <v>237</v>
      </c>
      <c r="C189" s="21" t="s">
        <v>265</v>
      </c>
      <c r="D189" s="21" t="s">
        <v>214</v>
      </c>
      <c r="E189" s="21" t="s">
        <v>682</v>
      </c>
      <c r="F189" s="21" t="s">
        <v>425</v>
      </c>
      <c r="G189" s="16">
        <v>61985</v>
      </c>
      <c r="H189" s="16">
        <v>54684</v>
      </c>
      <c r="I189" s="16">
        <v>43149</v>
      </c>
      <c r="J189" s="16">
        <v>6554</v>
      </c>
      <c r="K189" s="16">
        <v>11535</v>
      </c>
      <c r="L189" s="16">
        <v>681</v>
      </c>
      <c r="M189" s="16">
        <v>6620</v>
      </c>
      <c r="N189" s="22" t="s">
        <v>268</v>
      </c>
      <c r="O189" s="16">
        <v>8834</v>
      </c>
      <c r="P189" s="16">
        <v>18</v>
      </c>
      <c r="Q189" s="22" t="s">
        <v>268</v>
      </c>
    </row>
    <row r="190" spans="1:17">
      <c r="A190" s="21" t="s">
        <v>240</v>
      </c>
      <c r="B190" s="21" t="s">
        <v>237</v>
      </c>
      <c r="C190" s="21" t="s">
        <v>265</v>
      </c>
      <c r="D190" s="21" t="s">
        <v>214</v>
      </c>
      <c r="E190" s="21" t="s">
        <v>682</v>
      </c>
      <c r="F190" s="21" t="s">
        <v>426</v>
      </c>
      <c r="G190" s="16">
        <v>51975</v>
      </c>
      <c r="H190" s="16">
        <v>44923</v>
      </c>
      <c r="I190" s="16">
        <v>28151</v>
      </c>
      <c r="J190" s="16">
        <v>13710</v>
      </c>
      <c r="K190" s="16">
        <v>16772</v>
      </c>
      <c r="L190" s="16">
        <v>417</v>
      </c>
      <c r="M190" s="16">
        <v>6635</v>
      </c>
      <c r="N190" s="22" t="s">
        <v>268</v>
      </c>
      <c r="O190" s="16">
        <v>12454</v>
      </c>
      <c r="P190" s="16">
        <v>13304</v>
      </c>
      <c r="Q190" s="16">
        <v>6635</v>
      </c>
    </row>
    <row r="191" spans="1:17">
      <c r="A191" s="21" t="s">
        <v>240</v>
      </c>
      <c r="B191" s="21" t="s">
        <v>237</v>
      </c>
      <c r="C191" s="21" t="s">
        <v>265</v>
      </c>
      <c r="D191" s="21" t="s">
        <v>214</v>
      </c>
      <c r="E191" s="21" t="s">
        <v>682</v>
      </c>
      <c r="F191" s="21" t="s">
        <v>720</v>
      </c>
      <c r="G191" s="16">
        <v>1168</v>
      </c>
      <c r="H191" s="22" t="s">
        <v>268</v>
      </c>
      <c r="I191" s="22" t="s">
        <v>268</v>
      </c>
      <c r="J191" s="22" t="s">
        <v>268</v>
      </c>
      <c r="K191" s="22" t="s">
        <v>268</v>
      </c>
      <c r="L191" s="22" t="s">
        <v>268</v>
      </c>
      <c r="M191" s="16">
        <v>974</v>
      </c>
      <c r="N191" s="16">
        <v>194</v>
      </c>
      <c r="O191" s="22" t="s">
        <v>268</v>
      </c>
      <c r="P191" s="22" t="s">
        <v>268</v>
      </c>
      <c r="Q191" s="22" t="s">
        <v>268</v>
      </c>
    </row>
    <row r="192" spans="1:17">
      <c r="A192" s="21" t="s">
        <v>240</v>
      </c>
      <c r="B192" s="21" t="s">
        <v>237</v>
      </c>
      <c r="C192" s="21" t="s">
        <v>265</v>
      </c>
      <c r="D192" s="21" t="s">
        <v>214</v>
      </c>
      <c r="E192" s="21" t="s">
        <v>682</v>
      </c>
      <c r="F192" s="21" t="s">
        <v>427</v>
      </c>
      <c r="G192" s="16">
        <v>62336</v>
      </c>
      <c r="H192" s="16">
        <v>54002</v>
      </c>
      <c r="I192" s="16">
        <v>33633</v>
      </c>
      <c r="J192" s="16">
        <v>15934</v>
      </c>
      <c r="K192" s="16">
        <v>20369</v>
      </c>
      <c r="L192" s="16">
        <v>518</v>
      </c>
      <c r="M192" s="16">
        <v>7816</v>
      </c>
      <c r="N192" s="22" t="s">
        <v>268</v>
      </c>
      <c r="O192" s="16">
        <v>14949</v>
      </c>
      <c r="P192" s="16">
        <v>13322</v>
      </c>
      <c r="Q192" s="16">
        <v>6635</v>
      </c>
    </row>
    <row r="193" spans="1:17">
      <c r="A193" s="21" t="s">
        <v>240</v>
      </c>
      <c r="B193" s="21" t="s">
        <v>237</v>
      </c>
      <c r="C193" s="21" t="s">
        <v>265</v>
      </c>
      <c r="D193" s="21" t="s">
        <v>214</v>
      </c>
      <c r="E193" s="21" t="s">
        <v>682</v>
      </c>
      <c r="F193" s="21" t="s">
        <v>428</v>
      </c>
      <c r="G193" s="16">
        <v>26218</v>
      </c>
      <c r="H193" s="16">
        <v>22292</v>
      </c>
      <c r="I193" s="16">
        <v>13820</v>
      </c>
      <c r="J193" s="16">
        <v>6380</v>
      </c>
      <c r="K193" s="16">
        <v>8472</v>
      </c>
      <c r="L193" s="16">
        <v>188</v>
      </c>
      <c r="M193" s="16">
        <v>3738</v>
      </c>
      <c r="N193" s="22" t="s">
        <v>268</v>
      </c>
      <c r="O193" s="16">
        <v>6136</v>
      </c>
      <c r="P193" s="16">
        <v>6362</v>
      </c>
      <c r="Q193" s="16">
        <v>3738</v>
      </c>
    </row>
    <row r="194" spans="1:17">
      <c r="A194" s="21" t="s">
        <v>240</v>
      </c>
      <c r="B194" s="21" t="s">
        <v>237</v>
      </c>
      <c r="C194" s="21" t="s">
        <v>265</v>
      </c>
      <c r="D194" s="21" t="s">
        <v>214</v>
      </c>
      <c r="E194" s="21" t="s">
        <v>682</v>
      </c>
      <c r="F194" s="21" t="s">
        <v>429</v>
      </c>
      <c r="G194" s="16">
        <v>8061</v>
      </c>
      <c r="H194" s="16">
        <v>6677</v>
      </c>
      <c r="I194" s="16">
        <v>3561</v>
      </c>
      <c r="J194" s="16">
        <v>1384</v>
      </c>
      <c r="K194" s="16">
        <v>3116</v>
      </c>
      <c r="L194" s="16">
        <v>43</v>
      </c>
      <c r="M194" s="16">
        <v>1341</v>
      </c>
      <c r="N194" s="22" t="s">
        <v>268</v>
      </c>
      <c r="O194" s="16">
        <v>2049</v>
      </c>
      <c r="P194" s="16">
        <v>1384</v>
      </c>
      <c r="Q194" s="16">
        <v>1341</v>
      </c>
    </row>
    <row r="195" spans="1:17">
      <c r="A195" s="21" t="s">
        <v>240</v>
      </c>
      <c r="B195" s="21" t="s">
        <v>237</v>
      </c>
      <c r="C195" s="21" t="s">
        <v>265</v>
      </c>
      <c r="D195" s="21" t="s">
        <v>214</v>
      </c>
      <c r="E195" s="21" t="s">
        <v>683</v>
      </c>
      <c r="F195" s="21" t="s">
        <v>214</v>
      </c>
      <c r="G195" s="16">
        <v>86323</v>
      </c>
      <c r="H195" s="16">
        <v>78722</v>
      </c>
      <c r="I195" s="16">
        <v>51953</v>
      </c>
      <c r="J195" s="16">
        <v>16594</v>
      </c>
      <c r="K195" s="16">
        <v>26769</v>
      </c>
      <c r="L195" s="16">
        <v>647</v>
      </c>
      <c r="M195" s="16">
        <v>6869</v>
      </c>
      <c r="N195" s="16">
        <v>85</v>
      </c>
      <c r="O195" s="16">
        <v>20324</v>
      </c>
      <c r="P195" s="16">
        <v>12176</v>
      </c>
      <c r="Q195" s="16">
        <v>4896</v>
      </c>
    </row>
    <row r="196" spans="1:17">
      <c r="A196" s="21" t="s">
        <v>240</v>
      </c>
      <c r="B196" s="21" t="s">
        <v>237</v>
      </c>
      <c r="C196" s="21" t="s">
        <v>265</v>
      </c>
      <c r="D196" s="21" t="s">
        <v>214</v>
      </c>
      <c r="E196" s="21" t="s">
        <v>683</v>
      </c>
      <c r="F196" s="21" t="s">
        <v>424</v>
      </c>
      <c r="G196" s="22" t="s">
        <v>268</v>
      </c>
      <c r="H196" s="22" t="s">
        <v>268</v>
      </c>
      <c r="I196" s="22" t="s">
        <v>268</v>
      </c>
      <c r="J196" s="22" t="s">
        <v>268</v>
      </c>
      <c r="K196" s="22" t="s">
        <v>268</v>
      </c>
      <c r="L196" s="22" t="s">
        <v>268</v>
      </c>
      <c r="M196" s="22" t="s">
        <v>268</v>
      </c>
      <c r="N196" s="22" t="s">
        <v>268</v>
      </c>
      <c r="O196" s="22" t="s">
        <v>268</v>
      </c>
      <c r="P196" s="22" t="s">
        <v>268</v>
      </c>
      <c r="Q196" s="22" t="s">
        <v>268</v>
      </c>
    </row>
    <row r="197" spans="1:17">
      <c r="A197" s="21" t="s">
        <v>240</v>
      </c>
      <c r="B197" s="21" t="s">
        <v>237</v>
      </c>
      <c r="C197" s="21" t="s">
        <v>265</v>
      </c>
      <c r="D197" s="21" t="s">
        <v>214</v>
      </c>
      <c r="E197" s="21" t="s">
        <v>683</v>
      </c>
      <c r="F197" s="21" t="s">
        <v>425</v>
      </c>
      <c r="G197" s="16">
        <v>39036</v>
      </c>
      <c r="H197" s="16">
        <v>36876</v>
      </c>
      <c r="I197" s="16">
        <v>26451</v>
      </c>
      <c r="J197" s="16">
        <v>4114</v>
      </c>
      <c r="K197" s="16">
        <v>10425</v>
      </c>
      <c r="L197" s="16">
        <v>283</v>
      </c>
      <c r="M197" s="16">
        <v>1877</v>
      </c>
      <c r="N197" s="22" t="s">
        <v>268</v>
      </c>
      <c r="O197" s="16">
        <v>8083</v>
      </c>
      <c r="P197" s="16">
        <v>10</v>
      </c>
      <c r="Q197" s="22" t="s">
        <v>268</v>
      </c>
    </row>
    <row r="198" spans="1:17">
      <c r="A198" s="21" t="s">
        <v>240</v>
      </c>
      <c r="B198" s="21" t="s">
        <v>237</v>
      </c>
      <c r="C198" s="21" t="s">
        <v>265</v>
      </c>
      <c r="D198" s="21" t="s">
        <v>214</v>
      </c>
      <c r="E198" s="21" t="s">
        <v>683</v>
      </c>
      <c r="F198" s="21" t="s">
        <v>426</v>
      </c>
      <c r="G198" s="16">
        <v>47106</v>
      </c>
      <c r="H198" s="16">
        <v>41846</v>
      </c>
      <c r="I198" s="16">
        <v>25502</v>
      </c>
      <c r="J198" s="16">
        <v>12480</v>
      </c>
      <c r="K198" s="16">
        <v>16344</v>
      </c>
      <c r="L198" s="16">
        <v>364</v>
      </c>
      <c r="M198" s="16">
        <v>4896</v>
      </c>
      <c r="N198" s="22" t="s">
        <v>268</v>
      </c>
      <c r="O198" s="16">
        <v>12241</v>
      </c>
      <c r="P198" s="16">
        <v>12166</v>
      </c>
      <c r="Q198" s="16">
        <v>4896</v>
      </c>
    </row>
    <row r="199" spans="1:17">
      <c r="A199" s="21" t="s">
        <v>240</v>
      </c>
      <c r="B199" s="21" t="s">
        <v>237</v>
      </c>
      <c r="C199" s="21" t="s">
        <v>265</v>
      </c>
      <c r="D199" s="21" t="s">
        <v>214</v>
      </c>
      <c r="E199" s="21" t="s">
        <v>683</v>
      </c>
      <c r="F199" s="21" t="s">
        <v>720</v>
      </c>
      <c r="G199" s="16">
        <v>181</v>
      </c>
      <c r="H199" s="22" t="s">
        <v>268</v>
      </c>
      <c r="I199" s="22" t="s">
        <v>268</v>
      </c>
      <c r="J199" s="22" t="s">
        <v>268</v>
      </c>
      <c r="K199" s="22" t="s">
        <v>268</v>
      </c>
      <c r="L199" s="22" t="s">
        <v>268</v>
      </c>
      <c r="M199" s="16">
        <v>96</v>
      </c>
      <c r="N199" s="16">
        <v>85</v>
      </c>
      <c r="O199" s="22" t="s">
        <v>268</v>
      </c>
      <c r="P199" s="22" t="s">
        <v>268</v>
      </c>
      <c r="Q199" s="22" t="s">
        <v>268</v>
      </c>
    </row>
    <row r="200" spans="1:17">
      <c r="A200" s="21" t="s">
        <v>240</v>
      </c>
      <c r="B200" s="21" t="s">
        <v>237</v>
      </c>
      <c r="C200" s="21" t="s">
        <v>265</v>
      </c>
      <c r="D200" s="21" t="s">
        <v>214</v>
      </c>
      <c r="E200" s="21" t="s">
        <v>683</v>
      </c>
      <c r="F200" s="21" t="s">
        <v>427</v>
      </c>
      <c r="G200" s="16">
        <v>55822</v>
      </c>
      <c r="H200" s="16">
        <v>49800</v>
      </c>
      <c r="I200" s="16">
        <v>30007</v>
      </c>
      <c r="J200" s="16">
        <v>14306</v>
      </c>
      <c r="K200" s="16">
        <v>19793</v>
      </c>
      <c r="L200" s="16">
        <v>444</v>
      </c>
      <c r="M200" s="16">
        <v>5578</v>
      </c>
      <c r="N200" s="22" t="s">
        <v>268</v>
      </c>
      <c r="O200" s="16">
        <v>14652</v>
      </c>
      <c r="P200" s="16">
        <v>12176</v>
      </c>
      <c r="Q200" s="16">
        <v>4896</v>
      </c>
    </row>
    <row r="201" spans="1:17">
      <c r="A201" s="21" t="s">
        <v>240</v>
      </c>
      <c r="B201" s="21" t="s">
        <v>237</v>
      </c>
      <c r="C201" s="21" t="s">
        <v>265</v>
      </c>
      <c r="D201" s="21" t="s">
        <v>214</v>
      </c>
      <c r="E201" s="21" t="s">
        <v>683</v>
      </c>
      <c r="F201" s="21" t="s">
        <v>428</v>
      </c>
      <c r="G201" s="16">
        <v>24364</v>
      </c>
      <c r="H201" s="16">
        <v>21128</v>
      </c>
      <c r="I201" s="16">
        <v>12848</v>
      </c>
      <c r="J201" s="16">
        <v>5940</v>
      </c>
      <c r="K201" s="16">
        <v>8280</v>
      </c>
      <c r="L201" s="16">
        <v>174</v>
      </c>
      <c r="M201" s="16">
        <v>3062</v>
      </c>
      <c r="N201" s="22" t="s">
        <v>268</v>
      </c>
      <c r="O201" s="16">
        <v>6043</v>
      </c>
      <c r="P201" s="16">
        <v>5928</v>
      </c>
      <c r="Q201" s="16">
        <v>3062</v>
      </c>
    </row>
    <row r="202" spans="1:17">
      <c r="A202" s="21" t="s">
        <v>240</v>
      </c>
      <c r="B202" s="21" t="s">
        <v>237</v>
      </c>
      <c r="C202" s="21" t="s">
        <v>265</v>
      </c>
      <c r="D202" s="21" t="s">
        <v>214</v>
      </c>
      <c r="E202" s="21" t="s">
        <v>683</v>
      </c>
      <c r="F202" s="21" t="s">
        <v>429</v>
      </c>
      <c r="G202" s="16">
        <v>7658</v>
      </c>
      <c r="H202" s="16">
        <v>6447</v>
      </c>
      <c r="I202" s="16">
        <v>3377</v>
      </c>
      <c r="J202" s="16">
        <v>1320</v>
      </c>
      <c r="K202" s="16">
        <v>3070</v>
      </c>
      <c r="L202" s="16">
        <v>41</v>
      </c>
      <c r="M202" s="16">
        <v>1170</v>
      </c>
      <c r="N202" s="22" t="s">
        <v>268</v>
      </c>
      <c r="O202" s="16">
        <v>2038</v>
      </c>
      <c r="P202" s="16">
        <v>1320</v>
      </c>
      <c r="Q202" s="16">
        <v>1170</v>
      </c>
    </row>
    <row r="203" spans="1:17">
      <c r="A203" s="21" t="s">
        <v>240</v>
      </c>
      <c r="B203" s="21" t="s">
        <v>237</v>
      </c>
      <c r="C203" s="21" t="s">
        <v>265</v>
      </c>
      <c r="D203" s="21" t="s">
        <v>214</v>
      </c>
      <c r="E203" s="21" t="s">
        <v>684</v>
      </c>
      <c r="F203" s="21" t="s">
        <v>214</v>
      </c>
      <c r="G203" s="16">
        <v>2187</v>
      </c>
      <c r="H203" s="16">
        <v>1709</v>
      </c>
      <c r="I203" s="16">
        <v>1551</v>
      </c>
      <c r="J203" s="16">
        <v>312</v>
      </c>
      <c r="K203" s="16">
        <v>158</v>
      </c>
      <c r="L203" s="16">
        <v>6</v>
      </c>
      <c r="M203" s="16">
        <v>472</v>
      </c>
      <c r="N203" s="22" t="s">
        <v>268</v>
      </c>
      <c r="O203" s="16">
        <v>69</v>
      </c>
      <c r="P203" s="16">
        <v>220</v>
      </c>
      <c r="Q203" s="16">
        <v>323</v>
      </c>
    </row>
    <row r="204" spans="1:17">
      <c r="A204" s="21" t="s">
        <v>240</v>
      </c>
      <c r="B204" s="21" t="s">
        <v>237</v>
      </c>
      <c r="C204" s="21" t="s">
        <v>265</v>
      </c>
      <c r="D204" s="21" t="s">
        <v>214</v>
      </c>
      <c r="E204" s="21" t="s">
        <v>684</v>
      </c>
      <c r="F204" s="21" t="s">
        <v>424</v>
      </c>
      <c r="G204" s="22" t="s">
        <v>268</v>
      </c>
      <c r="H204" s="22" t="s">
        <v>268</v>
      </c>
      <c r="I204" s="22" t="s">
        <v>268</v>
      </c>
      <c r="J204" s="22" t="s">
        <v>268</v>
      </c>
      <c r="K204" s="22" t="s">
        <v>268</v>
      </c>
      <c r="L204" s="22" t="s">
        <v>268</v>
      </c>
      <c r="M204" s="22" t="s">
        <v>268</v>
      </c>
      <c r="N204" s="22" t="s">
        <v>268</v>
      </c>
      <c r="O204" s="22" t="s">
        <v>268</v>
      </c>
      <c r="P204" s="22" t="s">
        <v>268</v>
      </c>
      <c r="Q204" s="22" t="s">
        <v>268</v>
      </c>
    </row>
    <row r="205" spans="1:17">
      <c r="A205" s="21" t="s">
        <v>240</v>
      </c>
      <c r="B205" s="21" t="s">
        <v>237</v>
      </c>
      <c r="C205" s="21" t="s">
        <v>265</v>
      </c>
      <c r="D205" s="21" t="s">
        <v>214</v>
      </c>
      <c r="E205" s="21" t="s">
        <v>684</v>
      </c>
      <c r="F205" s="21" t="s">
        <v>425</v>
      </c>
      <c r="G205" s="16">
        <v>1247</v>
      </c>
      <c r="H205" s="16">
        <v>1114</v>
      </c>
      <c r="I205" s="16">
        <v>1029</v>
      </c>
      <c r="J205" s="16">
        <v>86</v>
      </c>
      <c r="K205" s="16">
        <v>85</v>
      </c>
      <c r="L205" s="22" t="s">
        <v>268</v>
      </c>
      <c r="M205" s="16">
        <v>133</v>
      </c>
      <c r="N205" s="22" t="s">
        <v>268</v>
      </c>
      <c r="O205" s="16">
        <v>53</v>
      </c>
      <c r="P205" s="16">
        <v>2</v>
      </c>
      <c r="Q205" s="22" t="s">
        <v>268</v>
      </c>
    </row>
    <row r="206" spans="1:17">
      <c r="A206" s="21" t="s">
        <v>240</v>
      </c>
      <c r="B206" s="21" t="s">
        <v>237</v>
      </c>
      <c r="C206" s="21" t="s">
        <v>265</v>
      </c>
      <c r="D206" s="21" t="s">
        <v>214</v>
      </c>
      <c r="E206" s="21" t="s">
        <v>684</v>
      </c>
      <c r="F206" s="21" t="s">
        <v>426</v>
      </c>
      <c r="G206" s="16">
        <v>924</v>
      </c>
      <c r="H206" s="16">
        <v>595</v>
      </c>
      <c r="I206" s="16">
        <v>522</v>
      </c>
      <c r="J206" s="16">
        <v>226</v>
      </c>
      <c r="K206" s="16">
        <v>73</v>
      </c>
      <c r="L206" s="16">
        <v>6</v>
      </c>
      <c r="M206" s="16">
        <v>323</v>
      </c>
      <c r="N206" s="22" t="s">
        <v>268</v>
      </c>
      <c r="O206" s="16">
        <v>16</v>
      </c>
      <c r="P206" s="16">
        <v>218</v>
      </c>
      <c r="Q206" s="16">
        <v>323</v>
      </c>
    </row>
    <row r="207" spans="1:17">
      <c r="A207" s="21" t="s">
        <v>240</v>
      </c>
      <c r="B207" s="21" t="s">
        <v>237</v>
      </c>
      <c r="C207" s="21" t="s">
        <v>265</v>
      </c>
      <c r="D207" s="21" t="s">
        <v>214</v>
      </c>
      <c r="E207" s="21" t="s">
        <v>684</v>
      </c>
      <c r="F207" s="21" t="s">
        <v>720</v>
      </c>
      <c r="G207" s="16">
        <v>16</v>
      </c>
      <c r="H207" s="22" t="s">
        <v>268</v>
      </c>
      <c r="I207" s="22" t="s">
        <v>268</v>
      </c>
      <c r="J207" s="22" t="s">
        <v>268</v>
      </c>
      <c r="K207" s="22" t="s">
        <v>268</v>
      </c>
      <c r="L207" s="22" t="s">
        <v>268</v>
      </c>
      <c r="M207" s="16">
        <v>16</v>
      </c>
      <c r="N207" s="22" t="s">
        <v>268</v>
      </c>
      <c r="O207" s="22" t="s">
        <v>268</v>
      </c>
      <c r="P207" s="22" t="s">
        <v>268</v>
      </c>
      <c r="Q207" s="22" t="s">
        <v>268</v>
      </c>
    </row>
    <row r="208" spans="1:17">
      <c r="A208" s="21" t="s">
        <v>240</v>
      </c>
      <c r="B208" s="21" t="s">
        <v>237</v>
      </c>
      <c r="C208" s="21" t="s">
        <v>265</v>
      </c>
      <c r="D208" s="21" t="s">
        <v>214</v>
      </c>
      <c r="E208" s="21" t="s">
        <v>684</v>
      </c>
      <c r="F208" s="21" t="s">
        <v>427</v>
      </c>
      <c r="G208" s="16">
        <v>1114</v>
      </c>
      <c r="H208" s="16">
        <v>739</v>
      </c>
      <c r="I208" s="16">
        <v>650</v>
      </c>
      <c r="J208" s="16">
        <v>274</v>
      </c>
      <c r="K208" s="16">
        <v>89</v>
      </c>
      <c r="L208" s="16">
        <v>6</v>
      </c>
      <c r="M208" s="16">
        <v>369</v>
      </c>
      <c r="N208" s="22" t="s">
        <v>268</v>
      </c>
      <c r="O208" s="16">
        <v>25</v>
      </c>
      <c r="P208" s="16">
        <v>220</v>
      </c>
      <c r="Q208" s="16">
        <v>323</v>
      </c>
    </row>
    <row r="209" spans="1:17">
      <c r="A209" s="21" t="s">
        <v>240</v>
      </c>
      <c r="B209" s="21" t="s">
        <v>237</v>
      </c>
      <c r="C209" s="21" t="s">
        <v>265</v>
      </c>
      <c r="D209" s="21" t="s">
        <v>214</v>
      </c>
      <c r="E209" s="21" t="s">
        <v>684</v>
      </c>
      <c r="F209" s="21" t="s">
        <v>428</v>
      </c>
      <c r="G209" s="16">
        <v>362</v>
      </c>
      <c r="H209" s="16">
        <v>231</v>
      </c>
      <c r="I209" s="16">
        <v>188</v>
      </c>
      <c r="J209" s="16">
        <v>80</v>
      </c>
      <c r="K209" s="16">
        <v>43</v>
      </c>
      <c r="L209" s="16">
        <v>2</v>
      </c>
      <c r="M209" s="16">
        <v>129</v>
      </c>
      <c r="N209" s="22" t="s">
        <v>268</v>
      </c>
      <c r="O209" s="16">
        <v>9</v>
      </c>
      <c r="P209" s="16">
        <v>80</v>
      </c>
      <c r="Q209" s="16">
        <v>129</v>
      </c>
    </row>
    <row r="210" spans="1:17">
      <c r="A210" s="21" t="s">
        <v>240</v>
      </c>
      <c r="B210" s="21" t="s">
        <v>237</v>
      </c>
      <c r="C210" s="21" t="s">
        <v>265</v>
      </c>
      <c r="D210" s="21" t="s">
        <v>214</v>
      </c>
      <c r="E210" s="21" t="s">
        <v>684</v>
      </c>
      <c r="F210" s="21" t="s">
        <v>429</v>
      </c>
      <c r="G210" s="16">
        <v>85</v>
      </c>
      <c r="H210" s="16">
        <v>49</v>
      </c>
      <c r="I210" s="16">
        <v>37</v>
      </c>
      <c r="J210" s="16">
        <v>14</v>
      </c>
      <c r="K210" s="16">
        <v>12</v>
      </c>
      <c r="L210" s="22" t="s">
        <v>268</v>
      </c>
      <c r="M210" s="16">
        <v>36</v>
      </c>
      <c r="N210" s="22" t="s">
        <v>268</v>
      </c>
      <c r="O210" s="22" t="s">
        <v>268</v>
      </c>
      <c r="P210" s="16">
        <v>14</v>
      </c>
      <c r="Q210" s="16">
        <v>36</v>
      </c>
    </row>
    <row r="211" spans="1:17">
      <c r="A211" s="21" t="s">
        <v>240</v>
      </c>
      <c r="B211" s="21" t="s">
        <v>237</v>
      </c>
      <c r="C211" s="21" t="s">
        <v>265</v>
      </c>
      <c r="D211" s="21" t="s">
        <v>214</v>
      </c>
      <c r="E211" s="21" t="s">
        <v>685</v>
      </c>
      <c r="F211" s="21" t="s">
        <v>214</v>
      </c>
      <c r="G211" s="16">
        <v>24550</v>
      </c>
      <c r="H211" s="16">
        <v>17890</v>
      </c>
      <c r="I211" s="16">
        <v>16599</v>
      </c>
      <c r="J211" s="16">
        <v>3092</v>
      </c>
      <c r="K211" s="16">
        <v>1291</v>
      </c>
      <c r="L211" s="16">
        <v>431</v>
      </c>
      <c r="M211" s="16">
        <v>6120</v>
      </c>
      <c r="N211" s="16">
        <v>109</v>
      </c>
      <c r="O211" s="16">
        <v>826</v>
      </c>
      <c r="P211" s="16">
        <v>896</v>
      </c>
      <c r="Q211" s="16">
        <v>1403</v>
      </c>
    </row>
    <row r="212" spans="1:17">
      <c r="A212" s="21" t="s">
        <v>240</v>
      </c>
      <c r="B212" s="21" t="s">
        <v>237</v>
      </c>
      <c r="C212" s="21" t="s">
        <v>265</v>
      </c>
      <c r="D212" s="21" t="s">
        <v>214</v>
      </c>
      <c r="E212" s="21" t="s">
        <v>685</v>
      </c>
      <c r="F212" s="21" t="s">
        <v>424</v>
      </c>
      <c r="G212" s="22" t="s">
        <v>268</v>
      </c>
      <c r="H212" s="22" t="s">
        <v>268</v>
      </c>
      <c r="I212" s="22" t="s">
        <v>268</v>
      </c>
      <c r="J212" s="22" t="s">
        <v>268</v>
      </c>
      <c r="K212" s="22" t="s">
        <v>268</v>
      </c>
      <c r="L212" s="22" t="s">
        <v>268</v>
      </c>
      <c r="M212" s="22" t="s">
        <v>268</v>
      </c>
      <c r="N212" s="22" t="s">
        <v>268</v>
      </c>
      <c r="O212" s="22" t="s">
        <v>268</v>
      </c>
      <c r="P212" s="22" t="s">
        <v>268</v>
      </c>
      <c r="Q212" s="22" t="s">
        <v>268</v>
      </c>
    </row>
    <row r="213" spans="1:17">
      <c r="A213" s="21" t="s">
        <v>240</v>
      </c>
      <c r="B213" s="21" t="s">
        <v>237</v>
      </c>
      <c r="C213" s="21" t="s">
        <v>265</v>
      </c>
      <c r="D213" s="21" t="s">
        <v>214</v>
      </c>
      <c r="E213" s="21" t="s">
        <v>685</v>
      </c>
      <c r="F213" s="21" t="s">
        <v>425</v>
      </c>
      <c r="G213" s="16">
        <v>19783</v>
      </c>
      <c r="H213" s="16">
        <v>15495</v>
      </c>
      <c r="I213" s="16">
        <v>14533</v>
      </c>
      <c r="J213" s="16">
        <v>2124</v>
      </c>
      <c r="K213" s="16">
        <v>962</v>
      </c>
      <c r="L213" s="16">
        <v>384</v>
      </c>
      <c r="M213" s="16">
        <v>3904</v>
      </c>
      <c r="N213" s="22" t="s">
        <v>268</v>
      </c>
      <c r="O213" s="16">
        <v>647</v>
      </c>
      <c r="P213" s="16">
        <v>6</v>
      </c>
      <c r="Q213" s="22" t="s">
        <v>268</v>
      </c>
    </row>
    <row r="214" spans="1:17">
      <c r="A214" s="21" t="s">
        <v>240</v>
      </c>
      <c r="B214" s="21" t="s">
        <v>237</v>
      </c>
      <c r="C214" s="21" t="s">
        <v>265</v>
      </c>
      <c r="D214" s="21" t="s">
        <v>214</v>
      </c>
      <c r="E214" s="21" t="s">
        <v>685</v>
      </c>
      <c r="F214" s="21" t="s">
        <v>426</v>
      </c>
      <c r="G214" s="16">
        <v>3845</v>
      </c>
      <c r="H214" s="16">
        <v>2395</v>
      </c>
      <c r="I214" s="16">
        <v>2066</v>
      </c>
      <c r="J214" s="16">
        <v>968</v>
      </c>
      <c r="K214" s="16">
        <v>329</v>
      </c>
      <c r="L214" s="16">
        <v>47</v>
      </c>
      <c r="M214" s="16">
        <v>1403</v>
      </c>
      <c r="N214" s="22" t="s">
        <v>268</v>
      </c>
      <c r="O214" s="16">
        <v>179</v>
      </c>
      <c r="P214" s="16">
        <v>890</v>
      </c>
      <c r="Q214" s="16">
        <v>1403</v>
      </c>
    </row>
    <row r="215" spans="1:17">
      <c r="A215" s="21" t="s">
        <v>240</v>
      </c>
      <c r="B215" s="21" t="s">
        <v>237</v>
      </c>
      <c r="C215" s="21" t="s">
        <v>265</v>
      </c>
      <c r="D215" s="21" t="s">
        <v>214</v>
      </c>
      <c r="E215" s="21" t="s">
        <v>685</v>
      </c>
      <c r="F215" s="21" t="s">
        <v>720</v>
      </c>
      <c r="G215" s="16">
        <v>922</v>
      </c>
      <c r="H215" s="22" t="s">
        <v>268</v>
      </c>
      <c r="I215" s="22" t="s">
        <v>268</v>
      </c>
      <c r="J215" s="22" t="s">
        <v>268</v>
      </c>
      <c r="K215" s="22" t="s">
        <v>268</v>
      </c>
      <c r="L215" s="22" t="s">
        <v>268</v>
      </c>
      <c r="M215" s="16">
        <v>813</v>
      </c>
      <c r="N215" s="16">
        <v>109</v>
      </c>
      <c r="O215" s="22" t="s">
        <v>268</v>
      </c>
      <c r="P215" s="22" t="s">
        <v>268</v>
      </c>
      <c r="Q215" s="22" t="s">
        <v>268</v>
      </c>
    </row>
    <row r="216" spans="1:17">
      <c r="A216" s="21" t="s">
        <v>240</v>
      </c>
      <c r="B216" s="21" t="s">
        <v>237</v>
      </c>
      <c r="C216" s="21" t="s">
        <v>265</v>
      </c>
      <c r="D216" s="21" t="s">
        <v>214</v>
      </c>
      <c r="E216" s="21" t="s">
        <v>685</v>
      </c>
      <c r="F216" s="21" t="s">
        <v>427</v>
      </c>
      <c r="G216" s="16">
        <v>5214</v>
      </c>
      <c r="H216" s="16">
        <v>3320</v>
      </c>
      <c r="I216" s="16">
        <v>2875</v>
      </c>
      <c r="J216" s="16">
        <v>1298</v>
      </c>
      <c r="K216" s="16">
        <v>445</v>
      </c>
      <c r="L216" s="16">
        <v>68</v>
      </c>
      <c r="M216" s="16">
        <v>1826</v>
      </c>
      <c r="N216" s="22" t="s">
        <v>268</v>
      </c>
      <c r="O216" s="16">
        <v>241</v>
      </c>
      <c r="P216" s="16">
        <v>896</v>
      </c>
      <c r="Q216" s="16">
        <v>1403</v>
      </c>
    </row>
    <row r="217" spans="1:17">
      <c r="A217" s="21" t="s">
        <v>240</v>
      </c>
      <c r="B217" s="21" t="s">
        <v>237</v>
      </c>
      <c r="C217" s="21" t="s">
        <v>265</v>
      </c>
      <c r="D217" s="21" t="s">
        <v>214</v>
      </c>
      <c r="E217" s="21" t="s">
        <v>685</v>
      </c>
      <c r="F217" s="21" t="s">
        <v>428</v>
      </c>
      <c r="G217" s="16">
        <v>1451</v>
      </c>
      <c r="H217" s="16">
        <v>895</v>
      </c>
      <c r="I217" s="16">
        <v>764</v>
      </c>
      <c r="J217" s="16">
        <v>348</v>
      </c>
      <c r="K217" s="16">
        <v>131</v>
      </c>
      <c r="L217" s="16">
        <v>12</v>
      </c>
      <c r="M217" s="16">
        <v>544</v>
      </c>
      <c r="N217" s="22" t="s">
        <v>268</v>
      </c>
      <c r="O217" s="16">
        <v>70</v>
      </c>
      <c r="P217" s="16">
        <v>344</v>
      </c>
      <c r="Q217" s="16">
        <v>544</v>
      </c>
    </row>
    <row r="218" spans="1:17">
      <c r="A218" s="21" t="s">
        <v>240</v>
      </c>
      <c r="B218" s="21" t="s">
        <v>237</v>
      </c>
      <c r="C218" s="21" t="s">
        <v>265</v>
      </c>
      <c r="D218" s="21" t="s">
        <v>214</v>
      </c>
      <c r="E218" s="21" t="s">
        <v>685</v>
      </c>
      <c r="F218" s="21" t="s">
        <v>429</v>
      </c>
      <c r="G218" s="16">
        <v>315</v>
      </c>
      <c r="H218" s="16">
        <v>178</v>
      </c>
      <c r="I218" s="16">
        <v>144</v>
      </c>
      <c r="J218" s="16">
        <v>50</v>
      </c>
      <c r="K218" s="16">
        <v>34</v>
      </c>
      <c r="L218" s="16">
        <v>2</v>
      </c>
      <c r="M218" s="16">
        <v>135</v>
      </c>
      <c r="N218" s="22" t="s">
        <v>268</v>
      </c>
      <c r="O218" s="16">
        <v>11</v>
      </c>
      <c r="P218" s="16">
        <v>50</v>
      </c>
      <c r="Q218" s="16">
        <v>135</v>
      </c>
    </row>
    <row r="219" spans="1:17">
      <c r="A219" s="21" t="s">
        <v>240</v>
      </c>
      <c r="B219" s="21" t="s">
        <v>237</v>
      </c>
      <c r="C219" s="21" t="s">
        <v>265</v>
      </c>
      <c r="D219" s="21" t="s">
        <v>214</v>
      </c>
      <c r="E219" s="21" t="s">
        <v>686</v>
      </c>
      <c r="F219" s="21" t="s">
        <v>214</v>
      </c>
      <c r="G219" s="16">
        <v>2068</v>
      </c>
      <c r="H219" s="16">
        <v>1286</v>
      </c>
      <c r="I219" s="16">
        <v>1197</v>
      </c>
      <c r="J219" s="16">
        <v>266</v>
      </c>
      <c r="K219" s="16">
        <v>89</v>
      </c>
      <c r="L219" s="16">
        <v>14</v>
      </c>
      <c r="M219" s="16">
        <v>768</v>
      </c>
      <c r="N219" s="22" t="s">
        <v>268</v>
      </c>
      <c r="O219" s="16">
        <v>69</v>
      </c>
      <c r="P219" s="16">
        <v>30</v>
      </c>
      <c r="Q219" s="16">
        <v>13</v>
      </c>
    </row>
    <row r="220" spans="1:17">
      <c r="A220" s="21" t="s">
        <v>240</v>
      </c>
      <c r="B220" s="21" t="s">
        <v>237</v>
      </c>
      <c r="C220" s="21" t="s">
        <v>265</v>
      </c>
      <c r="D220" s="21" t="s">
        <v>214</v>
      </c>
      <c r="E220" s="21" t="s">
        <v>686</v>
      </c>
      <c r="F220" s="21" t="s">
        <v>424</v>
      </c>
      <c r="G220" s="22" t="s">
        <v>268</v>
      </c>
      <c r="H220" s="22" t="s">
        <v>268</v>
      </c>
      <c r="I220" s="22" t="s">
        <v>268</v>
      </c>
      <c r="J220" s="22" t="s">
        <v>268</v>
      </c>
      <c r="K220" s="22" t="s">
        <v>268</v>
      </c>
      <c r="L220" s="22" t="s">
        <v>268</v>
      </c>
      <c r="M220" s="22" t="s">
        <v>268</v>
      </c>
      <c r="N220" s="22" t="s">
        <v>268</v>
      </c>
      <c r="O220" s="22" t="s">
        <v>268</v>
      </c>
      <c r="P220" s="22" t="s">
        <v>268</v>
      </c>
      <c r="Q220" s="22" t="s">
        <v>268</v>
      </c>
    </row>
    <row r="221" spans="1:17">
      <c r="A221" s="21" t="s">
        <v>240</v>
      </c>
      <c r="B221" s="21" t="s">
        <v>237</v>
      </c>
      <c r="C221" s="21" t="s">
        <v>265</v>
      </c>
      <c r="D221" s="21" t="s">
        <v>214</v>
      </c>
      <c r="E221" s="21" t="s">
        <v>686</v>
      </c>
      <c r="F221" s="21" t="s">
        <v>425</v>
      </c>
      <c r="G221" s="16">
        <v>1919</v>
      </c>
      <c r="H221" s="16">
        <v>1199</v>
      </c>
      <c r="I221" s="16">
        <v>1136</v>
      </c>
      <c r="J221" s="16">
        <v>230</v>
      </c>
      <c r="K221" s="16">
        <v>63</v>
      </c>
      <c r="L221" s="16">
        <v>14</v>
      </c>
      <c r="M221" s="16">
        <v>706</v>
      </c>
      <c r="N221" s="22" t="s">
        <v>268</v>
      </c>
      <c r="O221" s="16">
        <v>51</v>
      </c>
      <c r="P221" s="22" t="s">
        <v>268</v>
      </c>
      <c r="Q221" s="22" t="s">
        <v>268</v>
      </c>
    </row>
    <row r="222" spans="1:17">
      <c r="A222" s="21" t="s">
        <v>240</v>
      </c>
      <c r="B222" s="21" t="s">
        <v>237</v>
      </c>
      <c r="C222" s="21" t="s">
        <v>265</v>
      </c>
      <c r="D222" s="21" t="s">
        <v>214</v>
      </c>
      <c r="E222" s="21" t="s">
        <v>686</v>
      </c>
      <c r="F222" s="21" t="s">
        <v>426</v>
      </c>
      <c r="G222" s="16">
        <v>100</v>
      </c>
      <c r="H222" s="16">
        <v>87</v>
      </c>
      <c r="I222" s="16">
        <v>61</v>
      </c>
      <c r="J222" s="16">
        <v>36</v>
      </c>
      <c r="K222" s="16">
        <v>26</v>
      </c>
      <c r="L222" s="22" t="s">
        <v>268</v>
      </c>
      <c r="M222" s="16">
        <v>13</v>
      </c>
      <c r="N222" s="22" t="s">
        <v>268</v>
      </c>
      <c r="O222" s="16">
        <v>18</v>
      </c>
      <c r="P222" s="16">
        <v>30</v>
      </c>
      <c r="Q222" s="16">
        <v>13</v>
      </c>
    </row>
    <row r="223" spans="1:17">
      <c r="A223" s="21" t="s">
        <v>240</v>
      </c>
      <c r="B223" s="21" t="s">
        <v>237</v>
      </c>
      <c r="C223" s="21" t="s">
        <v>265</v>
      </c>
      <c r="D223" s="21" t="s">
        <v>214</v>
      </c>
      <c r="E223" s="21" t="s">
        <v>686</v>
      </c>
      <c r="F223" s="21" t="s">
        <v>720</v>
      </c>
      <c r="G223" s="16">
        <v>49</v>
      </c>
      <c r="H223" s="22" t="s">
        <v>268</v>
      </c>
      <c r="I223" s="22" t="s">
        <v>268</v>
      </c>
      <c r="J223" s="22" t="s">
        <v>268</v>
      </c>
      <c r="K223" s="22" t="s">
        <v>268</v>
      </c>
      <c r="L223" s="22" t="s">
        <v>268</v>
      </c>
      <c r="M223" s="16">
        <v>49</v>
      </c>
      <c r="N223" s="22" t="s">
        <v>268</v>
      </c>
      <c r="O223" s="22" t="s">
        <v>268</v>
      </c>
      <c r="P223" s="22" t="s">
        <v>268</v>
      </c>
      <c r="Q223" s="22" t="s">
        <v>268</v>
      </c>
    </row>
    <row r="224" spans="1:17">
      <c r="A224" s="21" t="s">
        <v>240</v>
      </c>
      <c r="B224" s="21" t="s">
        <v>237</v>
      </c>
      <c r="C224" s="21" t="s">
        <v>265</v>
      </c>
      <c r="D224" s="21" t="s">
        <v>214</v>
      </c>
      <c r="E224" s="21" t="s">
        <v>686</v>
      </c>
      <c r="F224" s="21" t="s">
        <v>427</v>
      </c>
      <c r="G224" s="16">
        <v>186</v>
      </c>
      <c r="H224" s="16">
        <v>143</v>
      </c>
      <c r="I224" s="16">
        <v>101</v>
      </c>
      <c r="J224" s="16">
        <v>56</v>
      </c>
      <c r="K224" s="16">
        <v>42</v>
      </c>
      <c r="L224" s="22" t="s">
        <v>268</v>
      </c>
      <c r="M224" s="16">
        <v>43</v>
      </c>
      <c r="N224" s="22" t="s">
        <v>268</v>
      </c>
      <c r="O224" s="16">
        <v>31</v>
      </c>
      <c r="P224" s="16">
        <v>30</v>
      </c>
      <c r="Q224" s="16">
        <v>13</v>
      </c>
    </row>
    <row r="225" spans="1:17">
      <c r="A225" s="21" t="s">
        <v>240</v>
      </c>
      <c r="B225" s="21" t="s">
        <v>237</v>
      </c>
      <c r="C225" s="21" t="s">
        <v>265</v>
      </c>
      <c r="D225" s="21" t="s">
        <v>214</v>
      </c>
      <c r="E225" s="21" t="s">
        <v>686</v>
      </c>
      <c r="F225" s="21" t="s">
        <v>428</v>
      </c>
      <c r="G225" s="16">
        <v>41</v>
      </c>
      <c r="H225" s="16">
        <v>38</v>
      </c>
      <c r="I225" s="16">
        <v>20</v>
      </c>
      <c r="J225" s="16">
        <v>12</v>
      </c>
      <c r="K225" s="16">
        <v>18</v>
      </c>
      <c r="L225" s="22" t="s">
        <v>268</v>
      </c>
      <c r="M225" s="16">
        <v>3</v>
      </c>
      <c r="N225" s="22" t="s">
        <v>268</v>
      </c>
      <c r="O225" s="16">
        <v>14</v>
      </c>
      <c r="P225" s="16">
        <v>10</v>
      </c>
      <c r="Q225" s="16">
        <v>3</v>
      </c>
    </row>
    <row r="226" spans="1:17">
      <c r="A226" s="21" t="s">
        <v>240</v>
      </c>
      <c r="B226" s="21" t="s">
        <v>237</v>
      </c>
      <c r="C226" s="21" t="s">
        <v>265</v>
      </c>
      <c r="D226" s="21" t="s">
        <v>214</v>
      </c>
      <c r="E226" s="21" t="s">
        <v>686</v>
      </c>
      <c r="F226" s="21" t="s">
        <v>429</v>
      </c>
      <c r="G226" s="16">
        <v>3</v>
      </c>
      <c r="H226" s="16">
        <v>3</v>
      </c>
      <c r="I226" s="16">
        <v>3</v>
      </c>
      <c r="J226" s="22" t="s">
        <v>268</v>
      </c>
      <c r="K226" s="22" t="s">
        <v>268</v>
      </c>
      <c r="L226" s="22" t="s">
        <v>268</v>
      </c>
      <c r="M226" s="22" t="s">
        <v>268</v>
      </c>
      <c r="N226" s="22" t="s">
        <v>268</v>
      </c>
      <c r="O226" s="22" t="s">
        <v>268</v>
      </c>
      <c r="P226" s="22" t="s">
        <v>268</v>
      </c>
      <c r="Q226" s="22" t="s">
        <v>268</v>
      </c>
    </row>
    <row r="227" spans="1:17">
      <c r="A227" s="21" t="s">
        <v>240</v>
      </c>
      <c r="B227" s="21" t="s">
        <v>237</v>
      </c>
      <c r="C227" s="21" t="s">
        <v>265</v>
      </c>
      <c r="D227" s="21" t="s">
        <v>214</v>
      </c>
      <c r="E227" s="21" t="s">
        <v>687</v>
      </c>
      <c r="F227" s="21" t="s">
        <v>214</v>
      </c>
      <c r="G227" s="16">
        <v>971</v>
      </c>
      <c r="H227" s="16">
        <v>504</v>
      </c>
      <c r="I227" s="16">
        <v>454</v>
      </c>
      <c r="J227" s="16">
        <v>76</v>
      </c>
      <c r="K227" s="16">
        <v>50</v>
      </c>
      <c r="L227" s="16">
        <v>2</v>
      </c>
      <c r="M227" s="16">
        <v>465</v>
      </c>
      <c r="N227" s="22" t="s">
        <v>268</v>
      </c>
      <c r="O227" s="16">
        <v>31</v>
      </c>
      <c r="P227" s="16">
        <v>36</v>
      </c>
      <c r="Q227" s="16">
        <v>62</v>
      </c>
    </row>
    <row r="228" spans="1:17">
      <c r="A228" s="21" t="s">
        <v>240</v>
      </c>
      <c r="B228" s="21" t="s">
        <v>237</v>
      </c>
      <c r="C228" s="21" t="s">
        <v>265</v>
      </c>
      <c r="D228" s="21" t="s">
        <v>214</v>
      </c>
      <c r="E228" s="21" t="s">
        <v>687</v>
      </c>
      <c r="F228" s="21" t="s">
        <v>424</v>
      </c>
      <c r="G228" s="22" t="s">
        <v>268</v>
      </c>
      <c r="H228" s="22" t="s">
        <v>268</v>
      </c>
      <c r="I228" s="22" t="s">
        <v>268</v>
      </c>
      <c r="J228" s="22" t="s">
        <v>268</v>
      </c>
      <c r="K228" s="22" t="s">
        <v>268</v>
      </c>
      <c r="L228" s="22" t="s">
        <v>268</v>
      </c>
      <c r="M228" s="22" t="s">
        <v>268</v>
      </c>
      <c r="N228" s="22" t="s">
        <v>268</v>
      </c>
      <c r="O228" s="22" t="s">
        <v>268</v>
      </c>
      <c r="P228" s="22" t="s">
        <v>268</v>
      </c>
      <c r="Q228" s="22" t="s">
        <v>268</v>
      </c>
    </row>
    <row r="229" spans="1:17">
      <c r="A229" s="21" t="s">
        <v>240</v>
      </c>
      <c r="B229" s="21" t="s">
        <v>237</v>
      </c>
      <c r="C229" s="21" t="s">
        <v>265</v>
      </c>
      <c r="D229" s="21" t="s">
        <v>214</v>
      </c>
      <c r="E229" s="21" t="s">
        <v>687</v>
      </c>
      <c r="F229" s="21" t="s">
        <v>425</v>
      </c>
      <c r="G229" s="16">
        <v>814</v>
      </c>
      <c r="H229" s="16">
        <v>413</v>
      </c>
      <c r="I229" s="16">
        <v>377</v>
      </c>
      <c r="J229" s="16">
        <v>38</v>
      </c>
      <c r="K229" s="16">
        <v>36</v>
      </c>
      <c r="L229" s="16">
        <v>2</v>
      </c>
      <c r="M229" s="16">
        <v>399</v>
      </c>
      <c r="N229" s="22" t="s">
        <v>268</v>
      </c>
      <c r="O229" s="16">
        <v>24</v>
      </c>
      <c r="P229" s="22" t="s">
        <v>268</v>
      </c>
      <c r="Q229" s="22" t="s">
        <v>268</v>
      </c>
    </row>
    <row r="230" spans="1:17">
      <c r="A230" s="21" t="s">
        <v>240</v>
      </c>
      <c r="B230" s="21" t="s">
        <v>237</v>
      </c>
      <c r="C230" s="21" t="s">
        <v>265</v>
      </c>
      <c r="D230" s="21" t="s">
        <v>214</v>
      </c>
      <c r="E230" s="21" t="s">
        <v>687</v>
      </c>
      <c r="F230" s="21" t="s">
        <v>426</v>
      </c>
      <c r="G230" s="16">
        <v>153</v>
      </c>
      <c r="H230" s="16">
        <v>91</v>
      </c>
      <c r="I230" s="16">
        <v>77</v>
      </c>
      <c r="J230" s="16">
        <v>38</v>
      </c>
      <c r="K230" s="16">
        <v>14</v>
      </c>
      <c r="L230" s="22" t="s">
        <v>268</v>
      </c>
      <c r="M230" s="16">
        <v>62</v>
      </c>
      <c r="N230" s="22" t="s">
        <v>268</v>
      </c>
      <c r="O230" s="16">
        <v>7</v>
      </c>
      <c r="P230" s="16">
        <v>36</v>
      </c>
      <c r="Q230" s="16">
        <v>62</v>
      </c>
    </row>
    <row r="231" spans="1:17">
      <c r="A231" s="21" t="s">
        <v>240</v>
      </c>
      <c r="B231" s="21" t="s">
        <v>237</v>
      </c>
      <c r="C231" s="21" t="s">
        <v>265</v>
      </c>
      <c r="D231" s="21" t="s">
        <v>214</v>
      </c>
      <c r="E231" s="21" t="s">
        <v>687</v>
      </c>
      <c r="F231" s="21" t="s">
        <v>720</v>
      </c>
      <c r="G231" s="16">
        <v>4</v>
      </c>
      <c r="H231" s="22" t="s">
        <v>268</v>
      </c>
      <c r="I231" s="22" t="s">
        <v>268</v>
      </c>
      <c r="J231" s="22" t="s">
        <v>268</v>
      </c>
      <c r="K231" s="22" t="s">
        <v>268</v>
      </c>
      <c r="L231" s="22" t="s">
        <v>268</v>
      </c>
      <c r="M231" s="16">
        <v>4</v>
      </c>
      <c r="N231" s="22" t="s">
        <v>268</v>
      </c>
      <c r="O231" s="22" t="s">
        <v>268</v>
      </c>
      <c r="P231" s="22" t="s">
        <v>268</v>
      </c>
      <c r="Q231" s="22" t="s">
        <v>268</v>
      </c>
    </row>
    <row r="232" spans="1:17">
      <c r="A232" s="21" t="s">
        <v>240</v>
      </c>
      <c r="B232" s="21" t="s">
        <v>237</v>
      </c>
      <c r="C232" s="21" t="s">
        <v>265</v>
      </c>
      <c r="D232" s="21" t="s">
        <v>214</v>
      </c>
      <c r="E232" s="21" t="s">
        <v>687</v>
      </c>
      <c r="F232" s="21" t="s">
        <v>427</v>
      </c>
      <c r="G232" s="16">
        <v>203</v>
      </c>
      <c r="H232" s="16">
        <v>129</v>
      </c>
      <c r="I232" s="16">
        <v>106</v>
      </c>
      <c r="J232" s="16">
        <v>42</v>
      </c>
      <c r="K232" s="16">
        <v>23</v>
      </c>
      <c r="L232" s="22" t="s">
        <v>268</v>
      </c>
      <c r="M232" s="16">
        <v>74</v>
      </c>
      <c r="N232" s="22" t="s">
        <v>268</v>
      </c>
      <c r="O232" s="16">
        <v>16</v>
      </c>
      <c r="P232" s="16">
        <v>36</v>
      </c>
      <c r="Q232" s="16">
        <v>62</v>
      </c>
    </row>
    <row r="233" spans="1:17">
      <c r="A233" s="21" t="s">
        <v>240</v>
      </c>
      <c r="B233" s="21" t="s">
        <v>237</v>
      </c>
      <c r="C233" s="21" t="s">
        <v>265</v>
      </c>
      <c r="D233" s="21" t="s">
        <v>214</v>
      </c>
      <c r="E233" s="21" t="s">
        <v>687</v>
      </c>
      <c r="F233" s="21" t="s">
        <v>428</v>
      </c>
      <c r="G233" s="16">
        <v>63</v>
      </c>
      <c r="H233" s="16">
        <v>37</v>
      </c>
      <c r="I233" s="16">
        <v>30</v>
      </c>
      <c r="J233" s="16">
        <v>20</v>
      </c>
      <c r="K233" s="16">
        <v>7</v>
      </c>
      <c r="L233" s="22" t="s">
        <v>268</v>
      </c>
      <c r="M233" s="16">
        <v>26</v>
      </c>
      <c r="N233" s="22" t="s">
        <v>268</v>
      </c>
      <c r="O233" s="16">
        <v>7</v>
      </c>
      <c r="P233" s="16">
        <v>20</v>
      </c>
      <c r="Q233" s="16">
        <v>26</v>
      </c>
    </row>
    <row r="234" spans="1:17">
      <c r="A234" s="21" t="s">
        <v>240</v>
      </c>
      <c r="B234" s="21" t="s">
        <v>237</v>
      </c>
      <c r="C234" s="21" t="s">
        <v>265</v>
      </c>
      <c r="D234" s="21" t="s">
        <v>214</v>
      </c>
      <c r="E234" s="21" t="s">
        <v>687</v>
      </c>
      <c r="F234" s="21" t="s">
        <v>429</v>
      </c>
      <c r="G234" s="16">
        <v>24</v>
      </c>
      <c r="H234" s="16">
        <v>17</v>
      </c>
      <c r="I234" s="16">
        <v>10</v>
      </c>
      <c r="J234" s="16">
        <v>10</v>
      </c>
      <c r="K234" s="16">
        <v>7</v>
      </c>
      <c r="L234" s="22" t="s">
        <v>268</v>
      </c>
      <c r="M234" s="16">
        <v>7</v>
      </c>
      <c r="N234" s="22" t="s">
        <v>268</v>
      </c>
      <c r="O234" s="16">
        <v>7</v>
      </c>
      <c r="P234" s="16">
        <v>10</v>
      </c>
      <c r="Q234" s="16">
        <v>7</v>
      </c>
    </row>
    <row r="235" spans="1:17">
      <c r="A235" s="21" t="s">
        <v>240</v>
      </c>
      <c r="B235" s="21" t="s">
        <v>237</v>
      </c>
      <c r="C235" s="21" t="s">
        <v>265</v>
      </c>
      <c r="D235" s="21" t="s">
        <v>214</v>
      </c>
      <c r="E235" s="21" t="s">
        <v>688</v>
      </c>
      <c r="F235" s="21" t="s">
        <v>214</v>
      </c>
      <c r="G235" s="16">
        <v>1728</v>
      </c>
      <c r="H235" s="16">
        <v>614</v>
      </c>
      <c r="I235" s="16">
        <v>545</v>
      </c>
      <c r="J235" s="16">
        <v>150</v>
      </c>
      <c r="K235" s="16">
        <v>69</v>
      </c>
      <c r="L235" s="16">
        <v>17</v>
      </c>
      <c r="M235" s="16">
        <v>1097</v>
      </c>
      <c r="N235" s="22" t="s">
        <v>268</v>
      </c>
      <c r="O235" s="16">
        <v>51</v>
      </c>
      <c r="P235" s="16">
        <v>118</v>
      </c>
      <c r="Q235" s="16">
        <v>42</v>
      </c>
    </row>
    <row r="236" spans="1:17">
      <c r="A236" s="21" t="s">
        <v>240</v>
      </c>
      <c r="B236" s="21" t="s">
        <v>237</v>
      </c>
      <c r="C236" s="21" t="s">
        <v>265</v>
      </c>
      <c r="D236" s="21" t="s">
        <v>214</v>
      </c>
      <c r="E236" s="21" t="s">
        <v>688</v>
      </c>
      <c r="F236" s="21" t="s">
        <v>424</v>
      </c>
      <c r="G236" s="22" t="s">
        <v>268</v>
      </c>
      <c r="H236" s="22" t="s">
        <v>268</v>
      </c>
      <c r="I236" s="22" t="s">
        <v>268</v>
      </c>
      <c r="J236" s="22" t="s">
        <v>268</v>
      </c>
      <c r="K236" s="22" t="s">
        <v>268</v>
      </c>
      <c r="L236" s="22" t="s">
        <v>268</v>
      </c>
      <c r="M236" s="22" t="s">
        <v>268</v>
      </c>
      <c r="N236" s="22" t="s">
        <v>268</v>
      </c>
      <c r="O236" s="22" t="s">
        <v>268</v>
      </c>
      <c r="P236" s="22" t="s">
        <v>268</v>
      </c>
      <c r="Q236" s="22" t="s">
        <v>268</v>
      </c>
    </row>
    <row r="237" spans="1:17">
      <c r="A237" s="21" t="s">
        <v>240</v>
      </c>
      <c r="B237" s="21" t="s">
        <v>237</v>
      </c>
      <c r="C237" s="21" t="s">
        <v>265</v>
      </c>
      <c r="D237" s="21" t="s">
        <v>214</v>
      </c>
      <c r="E237" s="21" t="s">
        <v>688</v>
      </c>
      <c r="F237" s="21" t="s">
        <v>425</v>
      </c>
      <c r="G237" s="16">
        <v>1493</v>
      </c>
      <c r="H237" s="16">
        <v>450</v>
      </c>
      <c r="I237" s="16">
        <v>400</v>
      </c>
      <c r="J237" s="16">
        <v>30</v>
      </c>
      <c r="K237" s="16">
        <v>50</v>
      </c>
      <c r="L237" s="16">
        <v>13</v>
      </c>
      <c r="M237" s="16">
        <v>1030</v>
      </c>
      <c r="N237" s="22" t="s">
        <v>268</v>
      </c>
      <c r="O237" s="16">
        <v>40</v>
      </c>
      <c r="P237" s="22" t="s">
        <v>268</v>
      </c>
      <c r="Q237" s="22" t="s">
        <v>268</v>
      </c>
    </row>
    <row r="238" spans="1:17">
      <c r="A238" s="21" t="s">
        <v>240</v>
      </c>
      <c r="B238" s="21" t="s">
        <v>237</v>
      </c>
      <c r="C238" s="21" t="s">
        <v>265</v>
      </c>
      <c r="D238" s="21" t="s">
        <v>214</v>
      </c>
      <c r="E238" s="21" t="s">
        <v>688</v>
      </c>
      <c r="F238" s="21" t="s">
        <v>426</v>
      </c>
      <c r="G238" s="16">
        <v>210</v>
      </c>
      <c r="H238" s="16">
        <v>164</v>
      </c>
      <c r="I238" s="16">
        <v>145</v>
      </c>
      <c r="J238" s="16">
        <v>120</v>
      </c>
      <c r="K238" s="16">
        <v>19</v>
      </c>
      <c r="L238" s="16">
        <v>4</v>
      </c>
      <c r="M238" s="16">
        <v>42</v>
      </c>
      <c r="N238" s="22" t="s">
        <v>268</v>
      </c>
      <c r="O238" s="16">
        <v>11</v>
      </c>
      <c r="P238" s="16">
        <v>118</v>
      </c>
      <c r="Q238" s="16">
        <v>42</v>
      </c>
    </row>
    <row r="239" spans="1:17">
      <c r="A239" s="21" t="s">
        <v>240</v>
      </c>
      <c r="B239" s="21" t="s">
        <v>237</v>
      </c>
      <c r="C239" s="21" t="s">
        <v>265</v>
      </c>
      <c r="D239" s="21" t="s">
        <v>214</v>
      </c>
      <c r="E239" s="21" t="s">
        <v>688</v>
      </c>
      <c r="F239" s="21" t="s">
        <v>720</v>
      </c>
      <c r="G239" s="16">
        <v>25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22" t="s">
        <v>268</v>
      </c>
      <c r="M239" s="16">
        <v>25</v>
      </c>
      <c r="N239" s="22" t="s">
        <v>268</v>
      </c>
      <c r="O239" s="22" t="s">
        <v>268</v>
      </c>
      <c r="P239" s="22" t="s">
        <v>268</v>
      </c>
      <c r="Q239" s="22" t="s">
        <v>268</v>
      </c>
    </row>
    <row r="240" spans="1:17">
      <c r="A240" s="21" t="s">
        <v>240</v>
      </c>
      <c r="B240" s="21" t="s">
        <v>237</v>
      </c>
      <c r="C240" s="21" t="s">
        <v>265</v>
      </c>
      <c r="D240" s="21" t="s">
        <v>214</v>
      </c>
      <c r="E240" s="21" t="s">
        <v>688</v>
      </c>
      <c r="F240" s="21" t="s">
        <v>427</v>
      </c>
      <c r="G240" s="16">
        <v>246</v>
      </c>
      <c r="H240" s="16">
        <v>194</v>
      </c>
      <c r="I240" s="16">
        <v>166</v>
      </c>
      <c r="J240" s="16">
        <v>124</v>
      </c>
      <c r="K240" s="16">
        <v>28</v>
      </c>
      <c r="L240" s="16">
        <v>4</v>
      </c>
      <c r="M240" s="16">
        <v>48</v>
      </c>
      <c r="N240" s="22" t="s">
        <v>268</v>
      </c>
      <c r="O240" s="16">
        <v>15</v>
      </c>
      <c r="P240" s="16">
        <v>118</v>
      </c>
      <c r="Q240" s="16">
        <v>42</v>
      </c>
    </row>
    <row r="241" spans="1:17">
      <c r="A241" s="21" t="s">
        <v>240</v>
      </c>
      <c r="B241" s="21" t="s">
        <v>237</v>
      </c>
      <c r="C241" s="21" t="s">
        <v>265</v>
      </c>
      <c r="D241" s="21" t="s">
        <v>214</v>
      </c>
      <c r="E241" s="21" t="s">
        <v>688</v>
      </c>
      <c r="F241" s="21" t="s">
        <v>428</v>
      </c>
      <c r="G241" s="16">
        <v>146</v>
      </c>
      <c r="H241" s="16">
        <v>121</v>
      </c>
      <c r="I241" s="16">
        <v>109</v>
      </c>
      <c r="J241" s="16">
        <v>100</v>
      </c>
      <c r="K241" s="16">
        <v>12</v>
      </c>
      <c r="L241" s="16">
        <v>4</v>
      </c>
      <c r="M241" s="16">
        <v>21</v>
      </c>
      <c r="N241" s="22" t="s">
        <v>268</v>
      </c>
      <c r="O241" s="16">
        <v>7</v>
      </c>
      <c r="P241" s="16">
        <v>100</v>
      </c>
      <c r="Q241" s="16">
        <v>21</v>
      </c>
    </row>
    <row r="242" spans="1:17">
      <c r="A242" s="21" t="s">
        <v>240</v>
      </c>
      <c r="B242" s="21" t="s">
        <v>237</v>
      </c>
      <c r="C242" s="21" t="s">
        <v>265</v>
      </c>
      <c r="D242" s="21" t="s">
        <v>214</v>
      </c>
      <c r="E242" s="21" t="s">
        <v>688</v>
      </c>
      <c r="F242" s="21" t="s">
        <v>429</v>
      </c>
      <c r="G242" s="16">
        <v>109</v>
      </c>
      <c r="H242" s="16">
        <v>99</v>
      </c>
      <c r="I242" s="16">
        <v>87</v>
      </c>
      <c r="J242" s="16">
        <v>80</v>
      </c>
      <c r="K242" s="16">
        <v>12</v>
      </c>
      <c r="L242" s="16">
        <v>2</v>
      </c>
      <c r="M242" s="16">
        <v>8</v>
      </c>
      <c r="N242" s="22" t="s">
        <v>268</v>
      </c>
      <c r="O242" s="16">
        <v>7</v>
      </c>
      <c r="P242" s="16">
        <v>80</v>
      </c>
      <c r="Q242" s="16">
        <v>8</v>
      </c>
    </row>
    <row r="243" spans="1:17">
      <c r="A243" s="21" t="s">
        <v>240</v>
      </c>
      <c r="B243" s="21" t="s">
        <v>237</v>
      </c>
      <c r="C243" s="21" t="s">
        <v>265</v>
      </c>
      <c r="D243" s="21" t="s">
        <v>214</v>
      </c>
      <c r="E243" s="21" t="s">
        <v>689</v>
      </c>
      <c r="F243" s="21" t="s">
        <v>214</v>
      </c>
      <c r="G243" s="22" t="s">
        <v>268</v>
      </c>
      <c r="H243" s="22" t="s">
        <v>268</v>
      </c>
      <c r="I243" s="22" t="s">
        <v>268</v>
      </c>
      <c r="J243" s="22" t="s">
        <v>268</v>
      </c>
      <c r="K243" s="22" t="s">
        <v>268</v>
      </c>
      <c r="L243" s="22" t="s">
        <v>268</v>
      </c>
      <c r="M243" s="22" t="s">
        <v>268</v>
      </c>
      <c r="N243" s="22" t="s">
        <v>268</v>
      </c>
      <c r="O243" s="22" t="s">
        <v>268</v>
      </c>
      <c r="P243" s="22" t="s">
        <v>268</v>
      </c>
      <c r="Q243" s="22" t="s">
        <v>268</v>
      </c>
    </row>
    <row r="244" spans="1:17">
      <c r="A244" s="21" t="s">
        <v>240</v>
      </c>
      <c r="B244" s="21" t="s">
        <v>237</v>
      </c>
      <c r="C244" s="21" t="s">
        <v>265</v>
      </c>
      <c r="D244" s="21" t="s">
        <v>214</v>
      </c>
      <c r="E244" s="21" t="s">
        <v>689</v>
      </c>
      <c r="F244" s="21" t="s">
        <v>424</v>
      </c>
      <c r="G244" s="22" t="s">
        <v>268</v>
      </c>
      <c r="H244" s="22" t="s">
        <v>268</v>
      </c>
      <c r="I244" s="22" t="s">
        <v>268</v>
      </c>
      <c r="J244" s="22" t="s">
        <v>268</v>
      </c>
      <c r="K244" s="22" t="s">
        <v>268</v>
      </c>
      <c r="L244" s="22" t="s">
        <v>268</v>
      </c>
      <c r="M244" s="22" t="s">
        <v>268</v>
      </c>
      <c r="N244" s="22" t="s">
        <v>268</v>
      </c>
      <c r="O244" s="22" t="s">
        <v>268</v>
      </c>
      <c r="P244" s="22" t="s">
        <v>268</v>
      </c>
      <c r="Q244" s="22" t="s">
        <v>268</v>
      </c>
    </row>
    <row r="245" spans="1:17">
      <c r="A245" s="21" t="s">
        <v>240</v>
      </c>
      <c r="B245" s="21" t="s">
        <v>237</v>
      </c>
      <c r="C245" s="21" t="s">
        <v>265</v>
      </c>
      <c r="D245" s="21" t="s">
        <v>214</v>
      </c>
      <c r="E245" s="21" t="s">
        <v>689</v>
      </c>
      <c r="F245" s="21" t="s">
        <v>425</v>
      </c>
      <c r="G245" s="22" t="s">
        <v>268</v>
      </c>
      <c r="H245" s="22" t="s">
        <v>268</v>
      </c>
      <c r="I245" s="22" t="s">
        <v>268</v>
      </c>
      <c r="J245" s="22" t="s">
        <v>268</v>
      </c>
      <c r="K245" s="22" t="s">
        <v>268</v>
      </c>
      <c r="L245" s="22" t="s">
        <v>268</v>
      </c>
      <c r="M245" s="22" t="s">
        <v>268</v>
      </c>
      <c r="N245" s="22" t="s">
        <v>268</v>
      </c>
      <c r="O245" s="22" t="s">
        <v>268</v>
      </c>
      <c r="P245" s="22" t="s">
        <v>268</v>
      </c>
      <c r="Q245" s="22" t="s">
        <v>268</v>
      </c>
    </row>
    <row r="246" spans="1:17">
      <c r="A246" s="21" t="s">
        <v>240</v>
      </c>
      <c r="B246" s="21" t="s">
        <v>237</v>
      </c>
      <c r="C246" s="21" t="s">
        <v>265</v>
      </c>
      <c r="D246" s="21" t="s">
        <v>214</v>
      </c>
      <c r="E246" s="21" t="s">
        <v>689</v>
      </c>
      <c r="F246" s="21" t="s">
        <v>426</v>
      </c>
      <c r="G246" s="22" t="s">
        <v>268</v>
      </c>
      <c r="H246" s="22" t="s">
        <v>268</v>
      </c>
      <c r="I246" s="22" t="s">
        <v>268</v>
      </c>
      <c r="J246" s="22" t="s">
        <v>268</v>
      </c>
      <c r="K246" s="22" t="s">
        <v>268</v>
      </c>
      <c r="L246" s="22" t="s">
        <v>268</v>
      </c>
      <c r="M246" s="22" t="s">
        <v>268</v>
      </c>
      <c r="N246" s="22" t="s">
        <v>268</v>
      </c>
      <c r="O246" s="22" t="s">
        <v>268</v>
      </c>
      <c r="P246" s="22" t="s">
        <v>268</v>
      </c>
      <c r="Q246" s="22" t="s">
        <v>268</v>
      </c>
    </row>
    <row r="247" spans="1:17">
      <c r="A247" s="21" t="s">
        <v>240</v>
      </c>
      <c r="B247" s="21" t="s">
        <v>237</v>
      </c>
      <c r="C247" s="21" t="s">
        <v>265</v>
      </c>
      <c r="D247" s="21" t="s">
        <v>214</v>
      </c>
      <c r="E247" s="21" t="s">
        <v>689</v>
      </c>
      <c r="F247" s="21" t="s">
        <v>720</v>
      </c>
      <c r="G247" s="22" t="s">
        <v>268</v>
      </c>
      <c r="H247" s="22" t="s">
        <v>268</v>
      </c>
      <c r="I247" s="22" t="s">
        <v>268</v>
      </c>
      <c r="J247" s="22" t="s">
        <v>268</v>
      </c>
      <c r="K247" s="22" t="s">
        <v>268</v>
      </c>
      <c r="L247" s="22" t="s">
        <v>268</v>
      </c>
      <c r="M247" s="22" t="s">
        <v>268</v>
      </c>
      <c r="N247" s="22" t="s">
        <v>268</v>
      </c>
      <c r="O247" s="22" t="s">
        <v>268</v>
      </c>
      <c r="P247" s="22" t="s">
        <v>268</v>
      </c>
      <c r="Q247" s="22" t="s">
        <v>268</v>
      </c>
    </row>
    <row r="248" spans="1:17">
      <c r="A248" s="21" t="s">
        <v>240</v>
      </c>
      <c r="B248" s="21" t="s">
        <v>237</v>
      </c>
      <c r="C248" s="21" t="s">
        <v>265</v>
      </c>
      <c r="D248" s="21" t="s">
        <v>214</v>
      </c>
      <c r="E248" s="21" t="s">
        <v>689</v>
      </c>
      <c r="F248" s="21" t="s">
        <v>427</v>
      </c>
      <c r="G248" s="22" t="s">
        <v>268</v>
      </c>
      <c r="H248" s="22" t="s">
        <v>268</v>
      </c>
      <c r="I248" s="22" t="s">
        <v>268</v>
      </c>
      <c r="J248" s="22" t="s">
        <v>268</v>
      </c>
      <c r="K248" s="22" t="s">
        <v>268</v>
      </c>
      <c r="L248" s="22" t="s">
        <v>268</v>
      </c>
      <c r="M248" s="22" t="s">
        <v>268</v>
      </c>
      <c r="N248" s="22" t="s">
        <v>268</v>
      </c>
      <c r="O248" s="22" t="s">
        <v>268</v>
      </c>
      <c r="P248" s="22" t="s">
        <v>268</v>
      </c>
      <c r="Q248" s="22" t="s">
        <v>268</v>
      </c>
    </row>
    <row r="249" spans="1:17">
      <c r="A249" s="21" t="s">
        <v>240</v>
      </c>
      <c r="B249" s="21" t="s">
        <v>237</v>
      </c>
      <c r="C249" s="21" t="s">
        <v>265</v>
      </c>
      <c r="D249" s="21" t="s">
        <v>214</v>
      </c>
      <c r="E249" s="21" t="s">
        <v>689</v>
      </c>
      <c r="F249" s="21" t="s">
        <v>428</v>
      </c>
      <c r="G249" s="22" t="s">
        <v>268</v>
      </c>
      <c r="H249" s="22" t="s">
        <v>268</v>
      </c>
      <c r="I249" s="22" t="s">
        <v>268</v>
      </c>
      <c r="J249" s="22" t="s">
        <v>268</v>
      </c>
      <c r="K249" s="22" t="s">
        <v>268</v>
      </c>
      <c r="L249" s="22" t="s">
        <v>268</v>
      </c>
      <c r="M249" s="22" t="s">
        <v>268</v>
      </c>
      <c r="N249" s="22" t="s">
        <v>268</v>
      </c>
      <c r="O249" s="22" t="s">
        <v>268</v>
      </c>
      <c r="P249" s="22" t="s">
        <v>268</v>
      </c>
      <c r="Q249" s="22" t="s">
        <v>268</v>
      </c>
    </row>
    <row r="250" spans="1:17">
      <c r="A250" s="21" t="s">
        <v>240</v>
      </c>
      <c r="B250" s="21" t="s">
        <v>237</v>
      </c>
      <c r="C250" s="21" t="s">
        <v>265</v>
      </c>
      <c r="D250" s="21" t="s">
        <v>214</v>
      </c>
      <c r="E250" s="21" t="s">
        <v>689</v>
      </c>
      <c r="F250" s="21" t="s">
        <v>429</v>
      </c>
      <c r="G250" s="22" t="s">
        <v>268</v>
      </c>
      <c r="H250" s="22" t="s">
        <v>268</v>
      </c>
      <c r="I250" s="22" t="s">
        <v>268</v>
      </c>
      <c r="J250" s="22" t="s">
        <v>268</v>
      </c>
      <c r="K250" s="22" t="s">
        <v>268</v>
      </c>
      <c r="L250" s="22" t="s">
        <v>268</v>
      </c>
      <c r="M250" s="22" t="s">
        <v>268</v>
      </c>
      <c r="N250" s="22" t="s">
        <v>268</v>
      </c>
      <c r="O250" s="22" t="s">
        <v>268</v>
      </c>
      <c r="P250" s="22" t="s">
        <v>268</v>
      </c>
      <c r="Q25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7" orientation="portrait" r:id="rId1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2301BB7-BF26-4518-8C7A-714383DDE190}">
  <sheetPr>
    <pageSetUpPr fitToPage="1"/>
  </sheetPr>
  <dimension ref="A1:Q250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4" width="12.625" style="20"/>
    <col min="5" max="5" width="33.625" style="20" bestFit="1" customWidth="1"/>
    <col min="6" max="6" width="19" style="20" bestFit="1" customWidth="1"/>
    <col min="7" max="16384" width="12.625" style="20"/>
  </cols>
  <sheetData>
    <row r="1" spans="1:17" s="11" customFormat="1">
      <c r="A1" s="11" t="s">
        <v>192</v>
      </c>
    </row>
    <row r="2" spans="1:17" s="11" customFormat="1">
      <c r="A2" s="11" t="s">
        <v>724</v>
      </c>
    </row>
    <row r="3" spans="1:17" s="11" customFormat="1"/>
    <row r="4" spans="1:17" s="11" customFormat="1" hidden="1"/>
    <row r="5" spans="1:17" s="11" customFormat="1"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</row>
    <row r="6" spans="1:17" s="11" customFormat="1" ht="24"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</row>
    <row r="7" spans="1:17" s="11" customFormat="1">
      <c r="G7" s="12">
        <v>1</v>
      </c>
      <c r="H7" s="12">
        <v>1</v>
      </c>
      <c r="I7" s="12">
        <v>2</v>
      </c>
      <c r="J7" s="12">
        <v>3</v>
      </c>
      <c r="K7" s="12">
        <v>2</v>
      </c>
      <c r="L7" s="12">
        <v>1</v>
      </c>
      <c r="M7" s="12">
        <v>1</v>
      </c>
      <c r="N7" s="12">
        <v>1</v>
      </c>
      <c r="O7" s="12">
        <v>1</v>
      </c>
      <c r="P7" s="12">
        <v>1</v>
      </c>
      <c r="Q7" s="12">
        <v>1</v>
      </c>
    </row>
    <row r="8" spans="1:17" s="11" customFormat="1" ht="48">
      <c r="G8" s="12" t="s">
        <v>214</v>
      </c>
      <c r="H8" s="12" t="s">
        <v>564</v>
      </c>
      <c r="I8" s="12" t="s">
        <v>565</v>
      </c>
      <c r="J8" s="12" t="s">
        <v>719</v>
      </c>
      <c r="K8" s="12" t="s">
        <v>570</v>
      </c>
      <c r="L8" s="12" t="s">
        <v>594</v>
      </c>
      <c r="M8" s="12" t="s">
        <v>595</v>
      </c>
      <c r="N8" s="12" t="s">
        <v>596</v>
      </c>
      <c r="O8" s="12" t="s">
        <v>597</v>
      </c>
      <c r="P8" s="12" t="s">
        <v>616</v>
      </c>
      <c r="Q8" s="12" t="s">
        <v>617</v>
      </c>
    </row>
    <row r="9" spans="1:17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</row>
    <row r="10" spans="1:17" s="11" customFormat="1">
      <c r="A10" s="14" t="s">
        <v>224</v>
      </c>
      <c r="B10" s="14" t="s">
        <v>259</v>
      </c>
      <c r="C10" s="14" t="s">
        <v>230</v>
      </c>
      <c r="D10" s="14" t="s">
        <v>621</v>
      </c>
      <c r="E10" s="14" t="s">
        <v>680</v>
      </c>
      <c r="F10" s="14" t="s">
        <v>622</v>
      </c>
      <c r="G10" s="14" t="s">
        <v>231</v>
      </c>
      <c r="H10" s="14"/>
      <c r="I10" s="14"/>
      <c r="J10" s="14"/>
      <c r="K10" s="14"/>
      <c r="L10" s="14"/>
      <c r="M10" s="14"/>
      <c r="N10" s="14"/>
      <c r="O10" s="14"/>
      <c r="P10" s="14"/>
      <c r="Q10" s="14"/>
    </row>
    <row r="11" spans="1:17">
      <c r="A11" s="15" t="s">
        <v>232</v>
      </c>
      <c r="B11" s="15" t="s">
        <v>233</v>
      </c>
      <c r="C11" s="15" t="s">
        <v>262</v>
      </c>
      <c r="D11" s="15" t="s">
        <v>215</v>
      </c>
      <c r="E11" s="15" t="s">
        <v>214</v>
      </c>
      <c r="F11" s="15" t="s">
        <v>214</v>
      </c>
      <c r="G11" s="16">
        <v>100259814</v>
      </c>
      <c r="H11" s="16">
        <v>88077925</v>
      </c>
      <c r="I11" s="16">
        <v>74780205</v>
      </c>
      <c r="J11" s="16">
        <v>21935870</v>
      </c>
      <c r="K11" s="16">
        <v>13297720</v>
      </c>
      <c r="L11" s="16">
        <v>864528</v>
      </c>
      <c r="M11" s="16">
        <v>10936246</v>
      </c>
      <c r="N11" s="16">
        <v>381115</v>
      </c>
      <c r="O11" s="16">
        <v>9809667</v>
      </c>
      <c r="P11" s="16">
        <v>12976792</v>
      </c>
      <c r="Q11" s="16">
        <v>2308171</v>
      </c>
    </row>
    <row r="12" spans="1:17">
      <c r="A12" s="21" t="s">
        <v>232</v>
      </c>
      <c r="B12" s="21" t="s">
        <v>233</v>
      </c>
      <c r="C12" s="21" t="s">
        <v>262</v>
      </c>
      <c r="D12" s="21" t="s">
        <v>215</v>
      </c>
      <c r="E12" s="21" t="s">
        <v>214</v>
      </c>
      <c r="F12" s="21" t="s">
        <v>424</v>
      </c>
      <c r="G12" s="16">
        <v>237</v>
      </c>
      <c r="H12" s="16">
        <v>137</v>
      </c>
      <c r="I12" s="16">
        <v>76</v>
      </c>
      <c r="J12" s="22" t="s">
        <v>268</v>
      </c>
      <c r="K12" s="16">
        <v>61</v>
      </c>
      <c r="L12" s="16">
        <v>6</v>
      </c>
      <c r="M12" s="16">
        <v>94</v>
      </c>
      <c r="N12" s="22" t="s">
        <v>268</v>
      </c>
      <c r="O12" s="22" t="s">
        <v>268</v>
      </c>
      <c r="P12" s="22" t="s">
        <v>268</v>
      </c>
      <c r="Q12" s="22" t="s">
        <v>268</v>
      </c>
    </row>
    <row r="13" spans="1:17">
      <c r="A13" s="21" t="s">
        <v>232</v>
      </c>
      <c r="B13" s="21" t="s">
        <v>233</v>
      </c>
      <c r="C13" s="21" t="s">
        <v>262</v>
      </c>
      <c r="D13" s="21" t="s">
        <v>215</v>
      </c>
      <c r="E13" s="21" t="s">
        <v>214</v>
      </c>
      <c r="F13" s="21" t="s">
        <v>425</v>
      </c>
      <c r="G13" s="16">
        <v>65786823</v>
      </c>
      <c r="H13" s="16">
        <v>57803074</v>
      </c>
      <c r="I13" s="16">
        <v>50932588</v>
      </c>
      <c r="J13" s="16">
        <v>8572308</v>
      </c>
      <c r="K13" s="16">
        <v>6870486</v>
      </c>
      <c r="L13" s="16">
        <v>690346</v>
      </c>
      <c r="M13" s="16">
        <v>7293403</v>
      </c>
      <c r="N13" s="22" t="s">
        <v>268</v>
      </c>
      <c r="O13" s="16">
        <v>5158849</v>
      </c>
      <c r="P13" s="22" t="s">
        <v>268</v>
      </c>
      <c r="Q13" s="22" t="s">
        <v>268</v>
      </c>
    </row>
    <row r="14" spans="1:17">
      <c r="A14" s="21" t="s">
        <v>232</v>
      </c>
      <c r="B14" s="21" t="s">
        <v>233</v>
      </c>
      <c r="C14" s="21" t="s">
        <v>262</v>
      </c>
      <c r="D14" s="21" t="s">
        <v>215</v>
      </c>
      <c r="E14" s="21" t="s">
        <v>214</v>
      </c>
      <c r="F14" s="21" t="s">
        <v>426</v>
      </c>
      <c r="G14" s="16">
        <v>32757061</v>
      </c>
      <c r="H14" s="16">
        <v>30274714</v>
      </c>
      <c r="I14" s="16">
        <v>23847541</v>
      </c>
      <c r="J14" s="16">
        <v>13363562</v>
      </c>
      <c r="K14" s="16">
        <v>6427173</v>
      </c>
      <c r="L14" s="16">
        <v>174176</v>
      </c>
      <c r="M14" s="16">
        <v>2308171</v>
      </c>
      <c r="N14" s="22" t="s">
        <v>268</v>
      </c>
      <c r="O14" s="16">
        <v>4650818</v>
      </c>
      <c r="P14" s="16">
        <v>12976792</v>
      </c>
      <c r="Q14" s="16">
        <v>2308171</v>
      </c>
    </row>
    <row r="15" spans="1:17">
      <c r="A15" s="21" t="s">
        <v>232</v>
      </c>
      <c r="B15" s="21" t="s">
        <v>233</v>
      </c>
      <c r="C15" s="21" t="s">
        <v>262</v>
      </c>
      <c r="D15" s="21" t="s">
        <v>215</v>
      </c>
      <c r="E15" s="21" t="s">
        <v>214</v>
      </c>
      <c r="F15" s="21" t="s">
        <v>720</v>
      </c>
      <c r="G15" s="16">
        <v>1715693</v>
      </c>
      <c r="H15" s="22" t="s">
        <v>268</v>
      </c>
      <c r="I15" s="22" t="s">
        <v>268</v>
      </c>
      <c r="J15" s="22" t="s">
        <v>268</v>
      </c>
      <c r="K15" s="22" t="s">
        <v>268</v>
      </c>
      <c r="L15" s="22" t="s">
        <v>268</v>
      </c>
      <c r="M15" s="16">
        <v>1334578</v>
      </c>
      <c r="N15" s="16">
        <v>381115</v>
      </c>
      <c r="O15" s="22" t="s">
        <v>268</v>
      </c>
      <c r="P15" s="22" t="s">
        <v>268</v>
      </c>
      <c r="Q15" s="22" t="s">
        <v>268</v>
      </c>
    </row>
    <row r="16" spans="1:17">
      <c r="A16" s="21" t="s">
        <v>232</v>
      </c>
      <c r="B16" s="21" t="s">
        <v>233</v>
      </c>
      <c r="C16" s="21" t="s">
        <v>262</v>
      </c>
      <c r="D16" s="21" t="s">
        <v>215</v>
      </c>
      <c r="E16" s="21" t="s">
        <v>214</v>
      </c>
      <c r="F16" s="21" t="s">
        <v>427</v>
      </c>
      <c r="G16" s="16">
        <v>40849403</v>
      </c>
      <c r="H16" s="16">
        <v>37659412</v>
      </c>
      <c r="I16" s="16">
        <v>29439428</v>
      </c>
      <c r="J16" s="16">
        <v>15496068</v>
      </c>
      <c r="K16" s="16">
        <v>8219984</v>
      </c>
      <c r="L16" s="16">
        <v>230813</v>
      </c>
      <c r="M16" s="16">
        <v>2959178</v>
      </c>
      <c r="N16" s="22" t="s">
        <v>268</v>
      </c>
      <c r="O16" s="16">
        <v>5834600</v>
      </c>
      <c r="P16" s="16">
        <v>12976792</v>
      </c>
      <c r="Q16" s="16">
        <v>2308171</v>
      </c>
    </row>
    <row r="17" spans="1:17">
      <c r="A17" s="21" t="s">
        <v>232</v>
      </c>
      <c r="B17" s="21" t="s">
        <v>233</v>
      </c>
      <c r="C17" s="21" t="s">
        <v>262</v>
      </c>
      <c r="D17" s="21" t="s">
        <v>215</v>
      </c>
      <c r="E17" s="21" t="s">
        <v>214</v>
      </c>
      <c r="F17" s="21" t="s">
        <v>428</v>
      </c>
      <c r="G17" s="16">
        <v>14649173</v>
      </c>
      <c r="H17" s="16">
        <v>13635236</v>
      </c>
      <c r="I17" s="16">
        <v>10848855</v>
      </c>
      <c r="J17" s="16">
        <v>6461498</v>
      </c>
      <c r="K17" s="16">
        <v>2786381</v>
      </c>
      <c r="L17" s="16">
        <v>66435</v>
      </c>
      <c r="M17" s="16">
        <v>947502</v>
      </c>
      <c r="N17" s="22" t="s">
        <v>268</v>
      </c>
      <c r="O17" s="16">
        <v>2083602</v>
      </c>
      <c r="P17" s="16">
        <v>6440224</v>
      </c>
      <c r="Q17" s="16">
        <v>947502</v>
      </c>
    </row>
    <row r="18" spans="1:17">
      <c r="A18" s="21" t="s">
        <v>232</v>
      </c>
      <c r="B18" s="21" t="s">
        <v>233</v>
      </c>
      <c r="C18" s="21" t="s">
        <v>262</v>
      </c>
      <c r="D18" s="21" t="s">
        <v>215</v>
      </c>
      <c r="E18" s="21" t="s">
        <v>214</v>
      </c>
      <c r="F18" s="21" t="s">
        <v>429</v>
      </c>
      <c r="G18" s="16">
        <v>3325334</v>
      </c>
      <c r="H18" s="16">
        <v>3032075</v>
      </c>
      <c r="I18" s="16">
        <v>2242003</v>
      </c>
      <c r="J18" s="16">
        <v>1352048</v>
      </c>
      <c r="K18" s="16">
        <v>790072</v>
      </c>
      <c r="L18" s="16">
        <v>15828</v>
      </c>
      <c r="M18" s="16">
        <v>277431</v>
      </c>
      <c r="N18" s="22" t="s">
        <v>268</v>
      </c>
      <c r="O18" s="16">
        <v>535045</v>
      </c>
      <c r="P18" s="16">
        <v>1351106</v>
      </c>
      <c r="Q18" s="16">
        <v>277431</v>
      </c>
    </row>
    <row r="19" spans="1:17">
      <c r="A19" s="21" t="s">
        <v>232</v>
      </c>
      <c r="B19" s="21" t="s">
        <v>233</v>
      </c>
      <c r="C19" s="21" t="s">
        <v>262</v>
      </c>
      <c r="D19" s="21" t="s">
        <v>215</v>
      </c>
      <c r="E19" s="21" t="s">
        <v>681</v>
      </c>
      <c r="F19" s="21" t="s">
        <v>214</v>
      </c>
      <c r="G19" s="16">
        <v>99529157</v>
      </c>
      <c r="H19" s="16">
        <v>87804509</v>
      </c>
      <c r="I19" s="16">
        <v>74533057</v>
      </c>
      <c r="J19" s="16">
        <v>21864304</v>
      </c>
      <c r="K19" s="16">
        <v>13271452</v>
      </c>
      <c r="L19" s="16">
        <v>858816</v>
      </c>
      <c r="M19" s="16">
        <v>10488285</v>
      </c>
      <c r="N19" s="16">
        <v>377547</v>
      </c>
      <c r="O19" s="16">
        <v>9789700</v>
      </c>
      <c r="P19" s="16">
        <v>12933598</v>
      </c>
      <c r="Q19" s="16">
        <v>2292753</v>
      </c>
    </row>
    <row r="20" spans="1:17">
      <c r="A20" s="21" t="s">
        <v>232</v>
      </c>
      <c r="B20" s="21" t="s">
        <v>233</v>
      </c>
      <c r="C20" s="21" t="s">
        <v>262</v>
      </c>
      <c r="D20" s="21" t="s">
        <v>215</v>
      </c>
      <c r="E20" s="21" t="s">
        <v>681</v>
      </c>
      <c r="F20" s="21" t="s">
        <v>424</v>
      </c>
      <c r="G20" s="16">
        <v>217</v>
      </c>
      <c r="H20" s="16">
        <v>135</v>
      </c>
      <c r="I20" s="16">
        <v>74</v>
      </c>
      <c r="J20" s="22" t="s">
        <v>268</v>
      </c>
      <c r="K20" s="16">
        <v>61</v>
      </c>
      <c r="L20" s="16">
        <v>6</v>
      </c>
      <c r="M20" s="16">
        <v>76</v>
      </c>
      <c r="N20" s="22" t="s">
        <v>268</v>
      </c>
      <c r="O20" s="22" t="s">
        <v>268</v>
      </c>
      <c r="P20" s="22" t="s">
        <v>268</v>
      </c>
      <c r="Q20" s="22" t="s">
        <v>268</v>
      </c>
    </row>
    <row r="21" spans="1:17">
      <c r="A21" s="21" t="s">
        <v>232</v>
      </c>
      <c r="B21" s="21" t="s">
        <v>233</v>
      </c>
      <c r="C21" s="21" t="s">
        <v>262</v>
      </c>
      <c r="D21" s="21" t="s">
        <v>215</v>
      </c>
      <c r="E21" s="21" t="s">
        <v>681</v>
      </c>
      <c r="F21" s="21" t="s">
        <v>425</v>
      </c>
      <c r="G21" s="16">
        <v>65177984</v>
      </c>
      <c r="H21" s="16">
        <v>57592737</v>
      </c>
      <c r="I21" s="16">
        <v>50740277</v>
      </c>
      <c r="J21" s="16">
        <v>8544904</v>
      </c>
      <c r="K21" s="16">
        <v>6852460</v>
      </c>
      <c r="L21" s="16">
        <v>686517</v>
      </c>
      <c r="M21" s="16">
        <v>6898730</v>
      </c>
      <c r="N21" s="22" t="s">
        <v>268</v>
      </c>
      <c r="O21" s="16">
        <v>5145117</v>
      </c>
      <c r="P21" s="22" t="s">
        <v>268</v>
      </c>
      <c r="Q21" s="22" t="s">
        <v>268</v>
      </c>
    </row>
    <row r="22" spans="1:17">
      <c r="A22" s="21" t="s">
        <v>232</v>
      </c>
      <c r="B22" s="21" t="s">
        <v>233</v>
      </c>
      <c r="C22" s="21" t="s">
        <v>262</v>
      </c>
      <c r="D22" s="21" t="s">
        <v>215</v>
      </c>
      <c r="E22" s="21" t="s">
        <v>681</v>
      </c>
      <c r="F22" s="21" t="s">
        <v>426</v>
      </c>
      <c r="G22" s="16">
        <v>32676683</v>
      </c>
      <c r="H22" s="16">
        <v>30211637</v>
      </c>
      <c r="I22" s="16">
        <v>23792706</v>
      </c>
      <c r="J22" s="16">
        <v>13319400</v>
      </c>
      <c r="K22" s="16">
        <v>6418931</v>
      </c>
      <c r="L22" s="16">
        <v>172293</v>
      </c>
      <c r="M22" s="16">
        <v>2292753</v>
      </c>
      <c r="N22" s="22" t="s">
        <v>268</v>
      </c>
      <c r="O22" s="16">
        <v>4644583</v>
      </c>
      <c r="P22" s="16">
        <v>12933598</v>
      </c>
      <c r="Q22" s="16">
        <v>2292753</v>
      </c>
    </row>
    <row r="23" spans="1:17">
      <c r="A23" s="21" t="s">
        <v>232</v>
      </c>
      <c r="B23" s="21" t="s">
        <v>233</v>
      </c>
      <c r="C23" s="21" t="s">
        <v>262</v>
      </c>
      <c r="D23" s="21" t="s">
        <v>215</v>
      </c>
      <c r="E23" s="21" t="s">
        <v>681</v>
      </c>
      <c r="F23" s="21" t="s">
        <v>720</v>
      </c>
      <c r="G23" s="16">
        <v>1674273</v>
      </c>
      <c r="H23" s="22" t="s">
        <v>268</v>
      </c>
      <c r="I23" s="22" t="s">
        <v>268</v>
      </c>
      <c r="J23" s="22" t="s">
        <v>268</v>
      </c>
      <c r="K23" s="22" t="s">
        <v>268</v>
      </c>
      <c r="L23" s="22" t="s">
        <v>268</v>
      </c>
      <c r="M23" s="16">
        <v>1296726</v>
      </c>
      <c r="N23" s="16">
        <v>377547</v>
      </c>
      <c r="O23" s="22" t="s">
        <v>268</v>
      </c>
      <c r="P23" s="22" t="s">
        <v>268</v>
      </c>
      <c r="Q23" s="22" t="s">
        <v>268</v>
      </c>
    </row>
    <row r="24" spans="1:17">
      <c r="A24" s="21" t="s">
        <v>232</v>
      </c>
      <c r="B24" s="21" t="s">
        <v>233</v>
      </c>
      <c r="C24" s="21" t="s">
        <v>262</v>
      </c>
      <c r="D24" s="21" t="s">
        <v>215</v>
      </c>
      <c r="E24" s="21" t="s">
        <v>681</v>
      </c>
      <c r="F24" s="21" t="s">
        <v>427</v>
      </c>
      <c r="G24" s="16">
        <v>40741574</v>
      </c>
      <c r="H24" s="16">
        <v>37580994</v>
      </c>
      <c r="I24" s="16">
        <v>29372344</v>
      </c>
      <c r="J24" s="16">
        <v>15446966</v>
      </c>
      <c r="K24" s="16">
        <v>8208650</v>
      </c>
      <c r="L24" s="16">
        <v>228513</v>
      </c>
      <c r="M24" s="16">
        <v>2932067</v>
      </c>
      <c r="N24" s="22" t="s">
        <v>268</v>
      </c>
      <c r="O24" s="16">
        <v>5826183</v>
      </c>
      <c r="P24" s="16">
        <v>12933598</v>
      </c>
      <c r="Q24" s="16">
        <v>2292753</v>
      </c>
    </row>
    <row r="25" spans="1:17">
      <c r="A25" s="21" t="s">
        <v>232</v>
      </c>
      <c r="B25" s="21" t="s">
        <v>233</v>
      </c>
      <c r="C25" s="21" t="s">
        <v>262</v>
      </c>
      <c r="D25" s="21" t="s">
        <v>215</v>
      </c>
      <c r="E25" s="21" t="s">
        <v>681</v>
      </c>
      <c r="F25" s="21" t="s">
        <v>428</v>
      </c>
      <c r="G25" s="16">
        <v>14603377</v>
      </c>
      <c r="H25" s="16">
        <v>13594435</v>
      </c>
      <c r="I25" s="16">
        <v>10811468</v>
      </c>
      <c r="J25" s="16">
        <v>6427794</v>
      </c>
      <c r="K25" s="16">
        <v>2782967</v>
      </c>
      <c r="L25" s="16">
        <v>65215</v>
      </c>
      <c r="M25" s="16">
        <v>943727</v>
      </c>
      <c r="N25" s="22" t="s">
        <v>268</v>
      </c>
      <c r="O25" s="16">
        <v>2080991</v>
      </c>
      <c r="P25" s="16">
        <v>6406586</v>
      </c>
      <c r="Q25" s="16">
        <v>943727</v>
      </c>
    </row>
    <row r="26" spans="1:17">
      <c r="A26" s="21" t="s">
        <v>232</v>
      </c>
      <c r="B26" s="21" t="s">
        <v>233</v>
      </c>
      <c r="C26" s="21" t="s">
        <v>262</v>
      </c>
      <c r="D26" s="21" t="s">
        <v>215</v>
      </c>
      <c r="E26" s="21" t="s">
        <v>681</v>
      </c>
      <c r="F26" s="21" t="s">
        <v>429</v>
      </c>
      <c r="G26" s="16">
        <v>3300913</v>
      </c>
      <c r="H26" s="16">
        <v>3009608</v>
      </c>
      <c r="I26" s="16">
        <v>2220382</v>
      </c>
      <c r="J26" s="16">
        <v>1331342</v>
      </c>
      <c r="K26" s="16">
        <v>789226</v>
      </c>
      <c r="L26" s="16">
        <v>15093</v>
      </c>
      <c r="M26" s="16">
        <v>276212</v>
      </c>
      <c r="N26" s="22" t="s">
        <v>268</v>
      </c>
      <c r="O26" s="16">
        <v>534439</v>
      </c>
      <c r="P26" s="16">
        <v>1330410</v>
      </c>
      <c r="Q26" s="16">
        <v>276212</v>
      </c>
    </row>
    <row r="27" spans="1:17">
      <c r="A27" s="21" t="s">
        <v>232</v>
      </c>
      <c r="B27" s="21" t="s">
        <v>233</v>
      </c>
      <c r="C27" s="21" t="s">
        <v>262</v>
      </c>
      <c r="D27" s="21" t="s">
        <v>215</v>
      </c>
      <c r="E27" s="21" t="s">
        <v>682</v>
      </c>
      <c r="F27" s="21" t="s">
        <v>214</v>
      </c>
      <c r="G27" s="16">
        <v>98751808</v>
      </c>
      <c r="H27" s="16">
        <v>87261497</v>
      </c>
      <c r="I27" s="16">
        <v>74021739</v>
      </c>
      <c r="J27" s="16">
        <v>21741200</v>
      </c>
      <c r="K27" s="16">
        <v>13239758</v>
      </c>
      <c r="L27" s="16">
        <v>852506</v>
      </c>
      <c r="M27" s="16">
        <v>10261582</v>
      </c>
      <c r="N27" s="16">
        <v>376223</v>
      </c>
      <c r="O27" s="16">
        <v>9769504</v>
      </c>
      <c r="P27" s="16">
        <v>12876380</v>
      </c>
      <c r="Q27" s="16">
        <v>2260542</v>
      </c>
    </row>
    <row r="28" spans="1:17">
      <c r="A28" s="21" t="s">
        <v>232</v>
      </c>
      <c r="B28" s="21" t="s">
        <v>233</v>
      </c>
      <c r="C28" s="21" t="s">
        <v>262</v>
      </c>
      <c r="D28" s="21" t="s">
        <v>215</v>
      </c>
      <c r="E28" s="21" t="s">
        <v>682</v>
      </c>
      <c r="F28" s="21" t="s">
        <v>424</v>
      </c>
      <c r="G28" s="16">
        <v>159</v>
      </c>
      <c r="H28" s="16">
        <v>120</v>
      </c>
      <c r="I28" s="16">
        <v>74</v>
      </c>
      <c r="J28" s="22" t="s">
        <v>268</v>
      </c>
      <c r="K28" s="16">
        <v>46</v>
      </c>
      <c r="L28" s="16">
        <v>6</v>
      </c>
      <c r="M28" s="16">
        <v>33</v>
      </c>
      <c r="N28" s="22" t="s">
        <v>268</v>
      </c>
      <c r="O28" s="22" t="s">
        <v>268</v>
      </c>
      <c r="P28" s="22" t="s">
        <v>268</v>
      </c>
      <c r="Q28" s="22" t="s">
        <v>268</v>
      </c>
    </row>
    <row r="29" spans="1:17">
      <c r="A29" s="21" t="s">
        <v>232</v>
      </c>
      <c r="B29" s="21" t="s">
        <v>233</v>
      </c>
      <c r="C29" s="21" t="s">
        <v>262</v>
      </c>
      <c r="D29" s="21" t="s">
        <v>215</v>
      </c>
      <c r="E29" s="21" t="s">
        <v>682</v>
      </c>
      <c r="F29" s="21" t="s">
        <v>425</v>
      </c>
      <c r="G29" s="16">
        <v>64536980</v>
      </c>
      <c r="H29" s="16">
        <v>57143276</v>
      </c>
      <c r="I29" s="16">
        <v>50313851</v>
      </c>
      <c r="J29" s="16">
        <v>8481348</v>
      </c>
      <c r="K29" s="16">
        <v>6829425</v>
      </c>
      <c r="L29" s="16">
        <v>681371</v>
      </c>
      <c r="M29" s="16">
        <v>6712333</v>
      </c>
      <c r="N29" s="22" t="s">
        <v>268</v>
      </c>
      <c r="O29" s="16">
        <v>5129809</v>
      </c>
      <c r="P29" s="22" t="s">
        <v>268</v>
      </c>
      <c r="Q29" s="22" t="s">
        <v>268</v>
      </c>
    </row>
    <row r="30" spans="1:17">
      <c r="A30" s="21" t="s">
        <v>232</v>
      </c>
      <c r="B30" s="21" t="s">
        <v>233</v>
      </c>
      <c r="C30" s="21" t="s">
        <v>262</v>
      </c>
      <c r="D30" s="21" t="s">
        <v>215</v>
      </c>
      <c r="E30" s="21" t="s">
        <v>682</v>
      </c>
      <c r="F30" s="21" t="s">
        <v>426</v>
      </c>
      <c r="G30" s="16">
        <v>32549772</v>
      </c>
      <c r="H30" s="16">
        <v>30118101</v>
      </c>
      <c r="I30" s="16">
        <v>23707814</v>
      </c>
      <c r="J30" s="16">
        <v>13259852</v>
      </c>
      <c r="K30" s="16">
        <v>6410287</v>
      </c>
      <c r="L30" s="16">
        <v>171129</v>
      </c>
      <c r="M30" s="16">
        <v>2260542</v>
      </c>
      <c r="N30" s="22" t="s">
        <v>268</v>
      </c>
      <c r="O30" s="16">
        <v>4639695</v>
      </c>
      <c r="P30" s="16">
        <v>12876380</v>
      </c>
      <c r="Q30" s="16">
        <v>2260542</v>
      </c>
    </row>
    <row r="31" spans="1:17">
      <c r="A31" s="21" t="s">
        <v>232</v>
      </c>
      <c r="B31" s="21" t="s">
        <v>233</v>
      </c>
      <c r="C31" s="21" t="s">
        <v>262</v>
      </c>
      <c r="D31" s="21" t="s">
        <v>215</v>
      </c>
      <c r="E31" s="21" t="s">
        <v>682</v>
      </c>
      <c r="F31" s="21" t="s">
        <v>720</v>
      </c>
      <c r="G31" s="16">
        <v>1664897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22" t="s">
        <v>268</v>
      </c>
      <c r="M31" s="16">
        <v>1288674</v>
      </c>
      <c r="N31" s="16">
        <v>376223</v>
      </c>
      <c r="O31" s="22" t="s">
        <v>268</v>
      </c>
      <c r="P31" s="22" t="s">
        <v>268</v>
      </c>
      <c r="Q31" s="22" t="s">
        <v>268</v>
      </c>
    </row>
    <row r="32" spans="1:17">
      <c r="A32" s="21" t="s">
        <v>232</v>
      </c>
      <c r="B32" s="21" t="s">
        <v>233</v>
      </c>
      <c r="C32" s="21" t="s">
        <v>262</v>
      </c>
      <c r="D32" s="21" t="s">
        <v>215</v>
      </c>
      <c r="E32" s="21" t="s">
        <v>682</v>
      </c>
      <c r="F32" s="21" t="s">
        <v>427</v>
      </c>
      <c r="G32" s="16">
        <v>40573135</v>
      </c>
      <c r="H32" s="16">
        <v>37455276</v>
      </c>
      <c r="I32" s="16">
        <v>29258419</v>
      </c>
      <c r="J32" s="16">
        <v>15375672</v>
      </c>
      <c r="K32" s="16">
        <v>8196857</v>
      </c>
      <c r="L32" s="16">
        <v>226982</v>
      </c>
      <c r="M32" s="16">
        <v>2890877</v>
      </c>
      <c r="N32" s="22" t="s">
        <v>268</v>
      </c>
      <c r="O32" s="16">
        <v>5819455</v>
      </c>
      <c r="P32" s="16">
        <v>12876380</v>
      </c>
      <c r="Q32" s="16">
        <v>2260542</v>
      </c>
    </row>
    <row r="33" spans="1:17">
      <c r="A33" s="21" t="s">
        <v>232</v>
      </c>
      <c r="B33" s="21" t="s">
        <v>233</v>
      </c>
      <c r="C33" s="21" t="s">
        <v>262</v>
      </c>
      <c r="D33" s="21" t="s">
        <v>215</v>
      </c>
      <c r="E33" s="21" t="s">
        <v>682</v>
      </c>
      <c r="F33" s="21" t="s">
        <v>428</v>
      </c>
      <c r="G33" s="16">
        <v>14546845</v>
      </c>
      <c r="H33" s="16">
        <v>13551851</v>
      </c>
      <c r="I33" s="16">
        <v>10772146</v>
      </c>
      <c r="J33" s="16">
        <v>6396592</v>
      </c>
      <c r="K33" s="16">
        <v>2779705</v>
      </c>
      <c r="L33" s="16">
        <v>64800</v>
      </c>
      <c r="M33" s="16">
        <v>930194</v>
      </c>
      <c r="N33" s="22" t="s">
        <v>268</v>
      </c>
      <c r="O33" s="16">
        <v>2079065</v>
      </c>
      <c r="P33" s="16">
        <v>6375514</v>
      </c>
      <c r="Q33" s="16">
        <v>930194</v>
      </c>
    </row>
    <row r="34" spans="1:17">
      <c r="A34" s="21" t="s">
        <v>232</v>
      </c>
      <c r="B34" s="21" t="s">
        <v>233</v>
      </c>
      <c r="C34" s="21" t="s">
        <v>262</v>
      </c>
      <c r="D34" s="21" t="s">
        <v>215</v>
      </c>
      <c r="E34" s="21" t="s">
        <v>682</v>
      </c>
      <c r="F34" s="21" t="s">
        <v>429</v>
      </c>
      <c r="G34" s="16">
        <v>3286031</v>
      </c>
      <c r="H34" s="16">
        <v>2998877</v>
      </c>
      <c r="I34" s="16">
        <v>2210307</v>
      </c>
      <c r="J34" s="16">
        <v>1322824</v>
      </c>
      <c r="K34" s="16">
        <v>788570</v>
      </c>
      <c r="L34" s="16">
        <v>15019</v>
      </c>
      <c r="M34" s="16">
        <v>272135</v>
      </c>
      <c r="N34" s="22" t="s">
        <v>268</v>
      </c>
      <c r="O34" s="16">
        <v>534156</v>
      </c>
      <c r="P34" s="16">
        <v>1321896</v>
      </c>
      <c r="Q34" s="16">
        <v>272135</v>
      </c>
    </row>
    <row r="35" spans="1:17">
      <c r="A35" s="21" t="s">
        <v>232</v>
      </c>
      <c r="B35" s="21" t="s">
        <v>233</v>
      </c>
      <c r="C35" s="21" t="s">
        <v>262</v>
      </c>
      <c r="D35" s="21" t="s">
        <v>215</v>
      </c>
      <c r="E35" s="21" t="s">
        <v>683</v>
      </c>
      <c r="F35" s="21" t="s">
        <v>214</v>
      </c>
      <c r="G35" s="16">
        <v>74889224</v>
      </c>
      <c r="H35" s="16">
        <v>71301088</v>
      </c>
      <c r="I35" s="16">
        <v>58670419</v>
      </c>
      <c r="J35" s="16">
        <v>16956526</v>
      </c>
      <c r="K35" s="16">
        <v>12630669</v>
      </c>
      <c r="L35" s="16">
        <v>365077</v>
      </c>
      <c r="M35" s="16">
        <v>2984106</v>
      </c>
      <c r="N35" s="16">
        <v>238953</v>
      </c>
      <c r="O35" s="16">
        <v>9453762</v>
      </c>
      <c r="P35" s="16">
        <v>11503216</v>
      </c>
      <c r="Q35" s="16">
        <v>1335345</v>
      </c>
    </row>
    <row r="36" spans="1:17">
      <c r="A36" s="21" t="s">
        <v>232</v>
      </c>
      <c r="B36" s="21" t="s">
        <v>233</v>
      </c>
      <c r="C36" s="21" t="s">
        <v>262</v>
      </c>
      <c r="D36" s="21" t="s">
        <v>215</v>
      </c>
      <c r="E36" s="21" t="s">
        <v>683</v>
      </c>
      <c r="F36" s="21" t="s">
        <v>424</v>
      </c>
      <c r="G36" s="16">
        <v>78</v>
      </c>
      <c r="H36" s="16">
        <v>70</v>
      </c>
      <c r="I36" s="16">
        <v>37</v>
      </c>
      <c r="J36" s="22" t="s">
        <v>268</v>
      </c>
      <c r="K36" s="16">
        <v>33</v>
      </c>
      <c r="L36" s="22" t="s">
        <v>268</v>
      </c>
      <c r="M36" s="16">
        <v>8</v>
      </c>
      <c r="N36" s="22" t="s">
        <v>268</v>
      </c>
      <c r="O36" s="22" t="s">
        <v>268</v>
      </c>
      <c r="P36" s="22" t="s">
        <v>268</v>
      </c>
      <c r="Q36" s="22" t="s">
        <v>268</v>
      </c>
    </row>
    <row r="37" spans="1:17">
      <c r="A37" s="21" t="s">
        <v>232</v>
      </c>
      <c r="B37" s="21" t="s">
        <v>233</v>
      </c>
      <c r="C37" s="21" t="s">
        <v>262</v>
      </c>
      <c r="D37" s="21" t="s">
        <v>215</v>
      </c>
      <c r="E37" s="21" t="s">
        <v>683</v>
      </c>
      <c r="F37" s="21" t="s">
        <v>425</v>
      </c>
      <c r="G37" s="16">
        <v>45398457</v>
      </c>
      <c r="H37" s="16">
        <v>43776423</v>
      </c>
      <c r="I37" s="16">
        <v>37377797</v>
      </c>
      <c r="J37" s="16">
        <v>5156562</v>
      </c>
      <c r="K37" s="16">
        <v>6398626</v>
      </c>
      <c r="L37" s="16">
        <v>240523</v>
      </c>
      <c r="M37" s="16">
        <v>1381511</v>
      </c>
      <c r="N37" s="22" t="s">
        <v>268</v>
      </c>
      <c r="O37" s="16">
        <v>4907534</v>
      </c>
      <c r="P37" s="22" t="s">
        <v>268</v>
      </c>
      <c r="Q37" s="22" t="s">
        <v>268</v>
      </c>
    </row>
    <row r="38" spans="1:17">
      <c r="A38" s="21" t="s">
        <v>232</v>
      </c>
      <c r="B38" s="21" t="s">
        <v>233</v>
      </c>
      <c r="C38" s="21" t="s">
        <v>262</v>
      </c>
      <c r="D38" s="21" t="s">
        <v>215</v>
      </c>
      <c r="E38" s="21" t="s">
        <v>683</v>
      </c>
      <c r="F38" s="21" t="s">
        <v>426</v>
      </c>
      <c r="G38" s="16">
        <v>28984494</v>
      </c>
      <c r="H38" s="16">
        <v>27524595</v>
      </c>
      <c r="I38" s="16">
        <v>21292585</v>
      </c>
      <c r="J38" s="16">
        <v>11799964</v>
      </c>
      <c r="K38" s="16">
        <v>6232010</v>
      </c>
      <c r="L38" s="16">
        <v>124554</v>
      </c>
      <c r="M38" s="16">
        <v>1335345</v>
      </c>
      <c r="N38" s="22" t="s">
        <v>268</v>
      </c>
      <c r="O38" s="16">
        <v>4546228</v>
      </c>
      <c r="P38" s="16">
        <v>11503216</v>
      </c>
      <c r="Q38" s="16">
        <v>1335345</v>
      </c>
    </row>
    <row r="39" spans="1:17">
      <c r="A39" s="21" t="s">
        <v>232</v>
      </c>
      <c r="B39" s="21" t="s">
        <v>233</v>
      </c>
      <c r="C39" s="21" t="s">
        <v>262</v>
      </c>
      <c r="D39" s="21" t="s">
        <v>215</v>
      </c>
      <c r="E39" s="21" t="s">
        <v>683</v>
      </c>
      <c r="F39" s="21" t="s">
        <v>720</v>
      </c>
      <c r="G39" s="16">
        <v>506195</v>
      </c>
      <c r="H39" s="22" t="s">
        <v>268</v>
      </c>
      <c r="I39" s="22" t="s">
        <v>268</v>
      </c>
      <c r="J39" s="22" t="s">
        <v>268</v>
      </c>
      <c r="K39" s="22" t="s">
        <v>268</v>
      </c>
      <c r="L39" s="22" t="s">
        <v>268</v>
      </c>
      <c r="M39" s="16">
        <v>267242</v>
      </c>
      <c r="N39" s="16">
        <v>238953</v>
      </c>
      <c r="O39" s="22" t="s">
        <v>268</v>
      </c>
      <c r="P39" s="22" t="s">
        <v>268</v>
      </c>
      <c r="Q39" s="22" t="s">
        <v>268</v>
      </c>
    </row>
    <row r="40" spans="1:17">
      <c r="A40" s="21" t="s">
        <v>232</v>
      </c>
      <c r="B40" s="21" t="s">
        <v>233</v>
      </c>
      <c r="C40" s="21" t="s">
        <v>262</v>
      </c>
      <c r="D40" s="21" t="s">
        <v>215</v>
      </c>
      <c r="E40" s="21" t="s">
        <v>683</v>
      </c>
      <c r="F40" s="21" t="s">
        <v>427</v>
      </c>
      <c r="G40" s="16">
        <v>35857857</v>
      </c>
      <c r="H40" s="16">
        <v>34055834</v>
      </c>
      <c r="I40" s="16">
        <v>26102252</v>
      </c>
      <c r="J40" s="16">
        <v>13596554</v>
      </c>
      <c r="K40" s="16">
        <v>7953582</v>
      </c>
      <c r="L40" s="16">
        <v>162284</v>
      </c>
      <c r="M40" s="16">
        <v>1639739</v>
      </c>
      <c r="N40" s="22" t="s">
        <v>268</v>
      </c>
      <c r="O40" s="16">
        <v>5690581</v>
      </c>
      <c r="P40" s="16">
        <v>11503216</v>
      </c>
      <c r="Q40" s="16">
        <v>1335345</v>
      </c>
    </row>
    <row r="41" spans="1:17">
      <c r="A41" s="21" t="s">
        <v>232</v>
      </c>
      <c r="B41" s="21" t="s">
        <v>233</v>
      </c>
      <c r="C41" s="21" t="s">
        <v>262</v>
      </c>
      <c r="D41" s="21" t="s">
        <v>215</v>
      </c>
      <c r="E41" s="21" t="s">
        <v>683</v>
      </c>
      <c r="F41" s="21" t="s">
        <v>428</v>
      </c>
      <c r="G41" s="16">
        <v>13124094</v>
      </c>
      <c r="H41" s="16">
        <v>12460324</v>
      </c>
      <c r="I41" s="16">
        <v>9739377</v>
      </c>
      <c r="J41" s="16">
        <v>5714268</v>
      </c>
      <c r="K41" s="16">
        <v>2720947</v>
      </c>
      <c r="L41" s="16">
        <v>50628</v>
      </c>
      <c r="M41" s="16">
        <v>613142</v>
      </c>
      <c r="N41" s="22" t="s">
        <v>268</v>
      </c>
      <c r="O41" s="16">
        <v>2046806</v>
      </c>
      <c r="P41" s="16">
        <v>5700634</v>
      </c>
      <c r="Q41" s="16">
        <v>613142</v>
      </c>
    </row>
    <row r="42" spans="1:17">
      <c r="A42" s="21" t="s">
        <v>232</v>
      </c>
      <c r="B42" s="21" t="s">
        <v>233</v>
      </c>
      <c r="C42" s="21" t="s">
        <v>262</v>
      </c>
      <c r="D42" s="21" t="s">
        <v>215</v>
      </c>
      <c r="E42" s="21" t="s">
        <v>683</v>
      </c>
      <c r="F42" s="21" t="s">
        <v>429</v>
      </c>
      <c r="G42" s="16">
        <v>3012804</v>
      </c>
      <c r="H42" s="16">
        <v>2789264</v>
      </c>
      <c r="I42" s="16">
        <v>2011056</v>
      </c>
      <c r="J42" s="16">
        <v>1185060</v>
      </c>
      <c r="K42" s="16">
        <v>778208</v>
      </c>
      <c r="L42" s="16">
        <v>13059</v>
      </c>
      <c r="M42" s="16">
        <v>210481</v>
      </c>
      <c r="N42" s="22" t="s">
        <v>268</v>
      </c>
      <c r="O42" s="16">
        <v>528442</v>
      </c>
      <c r="P42" s="16">
        <v>1184402</v>
      </c>
      <c r="Q42" s="16">
        <v>210481</v>
      </c>
    </row>
    <row r="43" spans="1:17">
      <c r="A43" s="21" t="s">
        <v>232</v>
      </c>
      <c r="B43" s="21" t="s">
        <v>233</v>
      </c>
      <c r="C43" s="21" t="s">
        <v>262</v>
      </c>
      <c r="D43" s="21" t="s">
        <v>215</v>
      </c>
      <c r="E43" s="21" t="s">
        <v>684</v>
      </c>
      <c r="F43" s="21" t="s">
        <v>214</v>
      </c>
      <c r="G43" s="16">
        <v>3041851</v>
      </c>
      <c r="H43" s="16">
        <v>2554143</v>
      </c>
      <c r="I43" s="16">
        <v>2443517</v>
      </c>
      <c r="J43" s="16">
        <v>926650</v>
      </c>
      <c r="K43" s="16">
        <v>110626</v>
      </c>
      <c r="L43" s="16">
        <v>22708</v>
      </c>
      <c r="M43" s="16">
        <v>449864</v>
      </c>
      <c r="N43" s="16">
        <v>15136</v>
      </c>
      <c r="O43" s="16">
        <v>54561</v>
      </c>
      <c r="P43" s="16">
        <v>645658</v>
      </c>
      <c r="Q43" s="16">
        <v>232147</v>
      </c>
    </row>
    <row r="44" spans="1:17">
      <c r="A44" s="21" t="s">
        <v>232</v>
      </c>
      <c r="B44" s="21" t="s">
        <v>233</v>
      </c>
      <c r="C44" s="21" t="s">
        <v>262</v>
      </c>
      <c r="D44" s="21" t="s">
        <v>215</v>
      </c>
      <c r="E44" s="21" t="s">
        <v>684</v>
      </c>
      <c r="F44" s="21" t="s">
        <v>424</v>
      </c>
      <c r="G44" s="16">
        <v>9</v>
      </c>
      <c r="H44" s="16">
        <v>2</v>
      </c>
      <c r="I44" s="16">
        <v>2</v>
      </c>
      <c r="J44" s="22" t="s">
        <v>268</v>
      </c>
      <c r="K44" s="22" t="s">
        <v>268</v>
      </c>
      <c r="L44" s="16">
        <v>6</v>
      </c>
      <c r="M44" s="16">
        <v>1</v>
      </c>
      <c r="N44" s="22" t="s">
        <v>268</v>
      </c>
      <c r="O44" s="22" t="s">
        <v>268</v>
      </c>
      <c r="P44" s="22" t="s">
        <v>268</v>
      </c>
      <c r="Q44" s="22" t="s">
        <v>268</v>
      </c>
    </row>
    <row r="45" spans="1:17">
      <c r="A45" s="21" t="s">
        <v>232</v>
      </c>
      <c r="B45" s="21" t="s">
        <v>233</v>
      </c>
      <c r="C45" s="21" t="s">
        <v>262</v>
      </c>
      <c r="D45" s="21" t="s">
        <v>215</v>
      </c>
      <c r="E45" s="21" t="s">
        <v>684</v>
      </c>
      <c r="F45" s="21" t="s">
        <v>425</v>
      </c>
      <c r="G45" s="16">
        <v>1684175</v>
      </c>
      <c r="H45" s="16">
        <v>1477394</v>
      </c>
      <c r="I45" s="16">
        <v>1416455</v>
      </c>
      <c r="J45" s="16">
        <v>257080</v>
      </c>
      <c r="K45" s="16">
        <v>60939</v>
      </c>
      <c r="L45" s="16">
        <v>14942</v>
      </c>
      <c r="M45" s="16">
        <v>191839</v>
      </c>
      <c r="N45" s="22" t="s">
        <v>268</v>
      </c>
      <c r="O45" s="16">
        <v>31520</v>
      </c>
      <c r="P45" s="22" t="s">
        <v>268</v>
      </c>
      <c r="Q45" s="22" t="s">
        <v>268</v>
      </c>
    </row>
    <row r="46" spans="1:17">
      <c r="A46" s="21" t="s">
        <v>232</v>
      </c>
      <c r="B46" s="21" t="s">
        <v>233</v>
      </c>
      <c r="C46" s="21" t="s">
        <v>262</v>
      </c>
      <c r="D46" s="21" t="s">
        <v>215</v>
      </c>
      <c r="E46" s="21" t="s">
        <v>684</v>
      </c>
      <c r="F46" s="21" t="s">
        <v>426</v>
      </c>
      <c r="G46" s="16">
        <v>1316654</v>
      </c>
      <c r="H46" s="16">
        <v>1076747</v>
      </c>
      <c r="I46" s="16">
        <v>1027060</v>
      </c>
      <c r="J46" s="16">
        <v>669570</v>
      </c>
      <c r="K46" s="16">
        <v>49687</v>
      </c>
      <c r="L46" s="16">
        <v>7760</v>
      </c>
      <c r="M46" s="16">
        <v>232147</v>
      </c>
      <c r="N46" s="22" t="s">
        <v>268</v>
      </c>
      <c r="O46" s="16">
        <v>23041</v>
      </c>
      <c r="P46" s="16">
        <v>645658</v>
      </c>
      <c r="Q46" s="16">
        <v>232147</v>
      </c>
    </row>
    <row r="47" spans="1:17">
      <c r="A47" s="21" t="s">
        <v>232</v>
      </c>
      <c r="B47" s="21" t="s">
        <v>233</v>
      </c>
      <c r="C47" s="21" t="s">
        <v>262</v>
      </c>
      <c r="D47" s="21" t="s">
        <v>215</v>
      </c>
      <c r="E47" s="21" t="s">
        <v>684</v>
      </c>
      <c r="F47" s="21" t="s">
        <v>720</v>
      </c>
      <c r="G47" s="16">
        <v>41013</v>
      </c>
      <c r="H47" s="22" t="s">
        <v>268</v>
      </c>
      <c r="I47" s="22" t="s">
        <v>268</v>
      </c>
      <c r="J47" s="22" t="s">
        <v>268</v>
      </c>
      <c r="K47" s="22" t="s">
        <v>268</v>
      </c>
      <c r="L47" s="22" t="s">
        <v>268</v>
      </c>
      <c r="M47" s="16">
        <v>25877</v>
      </c>
      <c r="N47" s="16">
        <v>15136</v>
      </c>
      <c r="O47" s="22" t="s">
        <v>268</v>
      </c>
      <c r="P47" s="22" t="s">
        <v>268</v>
      </c>
      <c r="Q47" s="22" t="s">
        <v>268</v>
      </c>
    </row>
    <row r="48" spans="1:17">
      <c r="A48" s="21" t="s">
        <v>232</v>
      </c>
      <c r="B48" s="21" t="s">
        <v>233</v>
      </c>
      <c r="C48" s="21" t="s">
        <v>262</v>
      </c>
      <c r="D48" s="21" t="s">
        <v>215</v>
      </c>
      <c r="E48" s="21" t="s">
        <v>684</v>
      </c>
      <c r="F48" s="21" t="s">
        <v>427</v>
      </c>
      <c r="G48" s="16">
        <v>1539048</v>
      </c>
      <c r="H48" s="16">
        <v>1258670</v>
      </c>
      <c r="I48" s="16">
        <v>1196448</v>
      </c>
      <c r="J48" s="16">
        <v>743950</v>
      </c>
      <c r="K48" s="16">
        <v>62222</v>
      </c>
      <c r="L48" s="16">
        <v>9643</v>
      </c>
      <c r="M48" s="16">
        <v>270735</v>
      </c>
      <c r="N48" s="22" t="s">
        <v>268</v>
      </c>
      <c r="O48" s="16">
        <v>29160</v>
      </c>
      <c r="P48" s="16">
        <v>645658</v>
      </c>
      <c r="Q48" s="16">
        <v>232147</v>
      </c>
    </row>
    <row r="49" spans="1:17">
      <c r="A49" s="21" t="s">
        <v>232</v>
      </c>
      <c r="B49" s="21" t="s">
        <v>233</v>
      </c>
      <c r="C49" s="21" t="s">
        <v>262</v>
      </c>
      <c r="D49" s="21" t="s">
        <v>215</v>
      </c>
      <c r="E49" s="21" t="s">
        <v>684</v>
      </c>
      <c r="F49" s="21" t="s">
        <v>428</v>
      </c>
      <c r="G49" s="16">
        <v>649489</v>
      </c>
      <c r="H49" s="16">
        <v>541050</v>
      </c>
      <c r="I49" s="16">
        <v>522357</v>
      </c>
      <c r="J49" s="16">
        <v>364042</v>
      </c>
      <c r="K49" s="16">
        <v>18693</v>
      </c>
      <c r="L49" s="16">
        <v>3043</v>
      </c>
      <c r="M49" s="16">
        <v>105396</v>
      </c>
      <c r="N49" s="22" t="s">
        <v>268</v>
      </c>
      <c r="O49" s="16">
        <v>9162</v>
      </c>
      <c r="P49" s="16">
        <v>361386</v>
      </c>
      <c r="Q49" s="16">
        <v>105396</v>
      </c>
    </row>
    <row r="50" spans="1:17">
      <c r="A50" s="21" t="s">
        <v>232</v>
      </c>
      <c r="B50" s="21" t="s">
        <v>233</v>
      </c>
      <c r="C50" s="21" t="s">
        <v>262</v>
      </c>
      <c r="D50" s="21" t="s">
        <v>215</v>
      </c>
      <c r="E50" s="21" t="s">
        <v>684</v>
      </c>
      <c r="F50" s="21" t="s">
        <v>429</v>
      </c>
      <c r="G50" s="16">
        <v>131976</v>
      </c>
      <c r="H50" s="16">
        <v>107808</v>
      </c>
      <c r="I50" s="16">
        <v>104633</v>
      </c>
      <c r="J50" s="16">
        <v>74748</v>
      </c>
      <c r="K50" s="16">
        <v>3175</v>
      </c>
      <c r="L50" s="16">
        <v>477</v>
      </c>
      <c r="M50" s="16">
        <v>23691</v>
      </c>
      <c r="N50" s="22" t="s">
        <v>268</v>
      </c>
      <c r="O50" s="16">
        <v>1522</v>
      </c>
      <c r="P50" s="16">
        <v>74662</v>
      </c>
      <c r="Q50" s="16">
        <v>23691</v>
      </c>
    </row>
    <row r="51" spans="1:17">
      <c r="A51" s="21" t="s">
        <v>232</v>
      </c>
      <c r="B51" s="21" t="s">
        <v>233</v>
      </c>
      <c r="C51" s="21" t="s">
        <v>262</v>
      </c>
      <c r="D51" s="21" t="s">
        <v>215</v>
      </c>
      <c r="E51" s="21" t="s">
        <v>685</v>
      </c>
      <c r="F51" s="21" t="s">
        <v>214</v>
      </c>
      <c r="G51" s="16">
        <v>18537730</v>
      </c>
      <c r="H51" s="16">
        <v>11847501</v>
      </c>
      <c r="I51" s="16">
        <v>11386419</v>
      </c>
      <c r="J51" s="16">
        <v>3504188</v>
      </c>
      <c r="K51" s="16">
        <v>461082</v>
      </c>
      <c r="L51" s="16">
        <v>448951</v>
      </c>
      <c r="M51" s="16">
        <v>6124071</v>
      </c>
      <c r="N51" s="16">
        <v>117207</v>
      </c>
      <c r="O51" s="16">
        <v>235961</v>
      </c>
      <c r="P51" s="16">
        <v>697428</v>
      </c>
      <c r="Q51" s="16">
        <v>677803</v>
      </c>
    </row>
    <row r="52" spans="1:17">
      <c r="A52" s="21" t="s">
        <v>232</v>
      </c>
      <c r="B52" s="21" t="s">
        <v>233</v>
      </c>
      <c r="C52" s="21" t="s">
        <v>262</v>
      </c>
      <c r="D52" s="21" t="s">
        <v>215</v>
      </c>
      <c r="E52" s="21" t="s">
        <v>685</v>
      </c>
      <c r="F52" s="21" t="s">
        <v>424</v>
      </c>
      <c r="G52" s="16">
        <v>72</v>
      </c>
      <c r="H52" s="16">
        <v>48</v>
      </c>
      <c r="I52" s="16">
        <v>35</v>
      </c>
      <c r="J52" s="22" t="s">
        <v>268</v>
      </c>
      <c r="K52" s="16">
        <v>13</v>
      </c>
      <c r="L52" s="22" t="s">
        <v>268</v>
      </c>
      <c r="M52" s="16">
        <v>24</v>
      </c>
      <c r="N52" s="22" t="s">
        <v>268</v>
      </c>
      <c r="O52" s="22" t="s">
        <v>268</v>
      </c>
      <c r="P52" s="22" t="s">
        <v>268</v>
      </c>
      <c r="Q52" s="22" t="s">
        <v>268</v>
      </c>
    </row>
    <row r="53" spans="1:17">
      <c r="A53" s="21" t="s">
        <v>232</v>
      </c>
      <c r="B53" s="21" t="s">
        <v>233</v>
      </c>
      <c r="C53" s="21" t="s">
        <v>262</v>
      </c>
      <c r="D53" s="21" t="s">
        <v>215</v>
      </c>
      <c r="E53" s="21" t="s">
        <v>685</v>
      </c>
      <c r="F53" s="21" t="s">
        <v>425</v>
      </c>
      <c r="G53" s="16">
        <v>15310369</v>
      </c>
      <c r="H53" s="16">
        <v>10395019</v>
      </c>
      <c r="I53" s="16">
        <v>10052122</v>
      </c>
      <c r="J53" s="16">
        <v>2746638</v>
      </c>
      <c r="K53" s="16">
        <v>342897</v>
      </c>
      <c r="L53" s="16">
        <v>411479</v>
      </c>
      <c r="M53" s="16">
        <v>4503871</v>
      </c>
      <c r="N53" s="22" t="s">
        <v>268</v>
      </c>
      <c r="O53" s="16">
        <v>173065</v>
      </c>
      <c r="P53" s="22" t="s">
        <v>268</v>
      </c>
      <c r="Q53" s="22" t="s">
        <v>268</v>
      </c>
    </row>
    <row r="54" spans="1:17">
      <c r="A54" s="21" t="s">
        <v>232</v>
      </c>
      <c r="B54" s="21" t="s">
        <v>233</v>
      </c>
      <c r="C54" s="21" t="s">
        <v>262</v>
      </c>
      <c r="D54" s="21" t="s">
        <v>215</v>
      </c>
      <c r="E54" s="21" t="s">
        <v>685</v>
      </c>
      <c r="F54" s="21" t="s">
        <v>426</v>
      </c>
      <c r="G54" s="16">
        <v>2167709</v>
      </c>
      <c r="H54" s="16">
        <v>1452434</v>
      </c>
      <c r="I54" s="16">
        <v>1334262</v>
      </c>
      <c r="J54" s="16">
        <v>757550</v>
      </c>
      <c r="K54" s="16">
        <v>118172</v>
      </c>
      <c r="L54" s="16">
        <v>37472</v>
      </c>
      <c r="M54" s="16">
        <v>677803</v>
      </c>
      <c r="N54" s="22" t="s">
        <v>268</v>
      </c>
      <c r="O54" s="16">
        <v>62896</v>
      </c>
      <c r="P54" s="16">
        <v>697428</v>
      </c>
      <c r="Q54" s="16">
        <v>677803</v>
      </c>
    </row>
    <row r="55" spans="1:17">
      <c r="A55" s="21" t="s">
        <v>232</v>
      </c>
      <c r="B55" s="21" t="s">
        <v>233</v>
      </c>
      <c r="C55" s="21" t="s">
        <v>262</v>
      </c>
      <c r="D55" s="21" t="s">
        <v>215</v>
      </c>
      <c r="E55" s="21" t="s">
        <v>685</v>
      </c>
      <c r="F55" s="21" t="s">
        <v>720</v>
      </c>
      <c r="G55" s="16">
        <v>1059580</v>
      </c>
      <c r="H55" s="22" t="s">
        <v>268</v>
      </c>
      <c r="I55" s="22" t="s">
        <v>268</v>
      </c>
      <c r="J55" s="22" t="s">
        <v>268</v>
      </c>
      <c r="K55" s="22" t="s">
        <v>268</v>
      </c>
      <c r="L55" s="22" t="s">
        <v>268</v>
      </c>
      <c r="M55" s="16">
        <v>942373</v>
      </c>
      <c r="N55" s="16">
        <v>117207</v>
      </c>
      <c r="O55" s="22" t="s">
        <v>268</v>
      </c>
      <c r="P55" s="22" t="s">
        <v>268</v>
      </c>
      <c r="Q55" s="22" t="s">
        <v>268</v>
      </c>
    </row>
    <row r="56" spans="1:17">
      <c r="A56" s="21" t="s">
        <v>232</v>
      </c>
      <c r="B56" s="21" t="s">
        <v>233</v>
      </c>
      <c r="C56" s="21" t="s">
        <v>262</v>
      </c>
      <c r="D56" s="21" t="s">
        <v>215</v>
      </c>
      <c r="E56" s="21" t="s">
        <v>685</v>
      </c>
      <c r="F56" s="21" t="s">
        <v>427</v>
      </c>
      <c r="G56" s="16">
        <v>3022183</v>
      </c>
      <c r="H56" s="16">
        <v>2027079</v>
      </c>
      <c r="I56" s="16">
        <v>1860478</v>
      </c>
      <c r="J56" s="16">
        <v>980172</v>
      </c>
      <c r="K56" s="16">
        <v>166601</v>
      </c>
      <c r="L56" s="16">
        <v>53099</v>
      </c>
      <c r="M56" s="16">
        <v>942005</v>
      </c>
      <c r="N56" s="22" t="s">
        <v>268</v>
      </c>
      <c r="O56" s="16">
        <v>89640</v>
      </c>
      <c r="P56" s="16">
        <v>697428</v>
      </c>
      <c r="Q56" s="16">
        <v>677803</v>
      </c>
    </row>
    <row r="57" spans="1:17">
      <c r="A57" s="21" t="s">
        <v>232</v>
      </c>
      <c r="B57" s="21" t="s">
        <v>233</v>
      </c>
      <c r="C57" s="21" t="s">
        <v>262</v>
      </c>
      <c r="D57" s="21" t="s">
        <v>215</v>
      </c>
      <c r="E57" s="21" t="s">
        <v>685</v>
      </c>
      <c r="F57" s="21" t="s">
        <v>428</v>
      </c>
      <c r="G57" s="16">
        <v>750556</v>
      </c>
      <c r="H57" s="16">
        <v>530621</v>
      </c>
      <c r="I57" s="16">
        <v>494632</v>
      </c>
      <c r="J57" s="16">
        <v>308292</v>
      </c>
      <c r="K57" s="16">
        <v>35989</v>
      </c>
      <c r="L57" s="16">
        <v>10706</v>
      </c>
      <c r="M57" s="16">
        <v>209229</v>
      </c>
      <c r="N57" s="22" t="s">
        <v>268</v>
      </c>
      <c r="O57" s="16">
        <v>19966</v>
      </c>
      <c r="P57" s="16">
        <v>303654</v>
      </c>
      <c r="Q57" s="16">
        <v>209229</v>
      </c>
    </row>
    <row r="58" spans="1:17">
      <c r="A58" s="21" t="s">
        <v>232</v>
      </c>
      <c r="B58" s="21" t="s">
        <v>233</v>
      </c>
      <c r="C58" s="21" t="s">
        <v>262</v>
      </c>
      <c r="D58" s="21" t="s">
        <v>215</v>
      </c>
      <c r="E58" s="21" t="s">
        <v>685</v>
      </c>
      <c r="F58" s="21" t="s">
        <v>429</v>
      </c>
      <c r="G58" s="16">
        <v>137538</v>
      </c>
      <c r="H58" s="16">
        <v>98377</v>
      </c>
      <c r="I58" s="16">
        <v>92163</v>
      </c>
      <c r="J58" s="16">
        <v>61446</v>
      </c>
      <c r="K58" s="16">
        <v>6214</v>
      </c>
      <c r="L58" s="16">
        <v>1428</v>
      </c>
      <c r="M58" s="16">
        <v>37733</v>
      </c>
      <c r="N58" s="22" t="s">
        <v>268</v>
      </c>
      <c r="O58" s="16">
        <v>3477</v>
      </c>
      <c r="P58" s="16">
        <v>61268</v>
      </c>
      <c r="Q58" s="16">
        <v>37733</v>
      </c>
    </row>
    <row r="59" spans="1:17">
      <c r="A59" s="21" t="s">
        <v>232</v>
      </c>
      <c r="B59" s="21" t="s">
        <v>233</v>
      </c>
      <c r="C59" s="21" t="s">
        <v>262</v>
      </c>
      <c r="D59" s="21" t="s">
        <v>215</v>
      </c>
      <c r="E59" s="21" t="s">
        <v>686</v>
      </c>
      <c r="F59" s="21" t="s">
        <v>214</v>
      </c>
      <c r="G59" s="16">
        <v>2283003</v>
      </c>
      <c r="H59" s="16">
        <v>1558765</v>
      </c>
      <c r="I59" s="16">
        <v>1521384</v>
      </c>
      <c r="J59" s="16">
        <v>353836</v>
      </c>
      <c r="K59" s="16">
        <v>37381</v>
      </c>
      <c r="L59" s="16">
        <v>15770</v>
      </c>
      <c r="M59" s="16">
        <v>703541</v>
      </c>
      <c r="N59" s="16">
        <v>4927</v>
      </c>
      <c r="O59" s="16">
        <v>25220</v>
      </c>
      <c r="P59" s="16">
        <v>30078</v>
      </c>
      <c r="Q59" s="16">
        <v>15247</v>
      </c>
    </row>
    <row r="60" spans="1:17">
      <c r="A60" s="21" t="s">
        <v>232</v>
      </c>
      <c r="B60" s="21" t="s">
        <v>233</v>
      </c>
      <c r="C60" s="21" t="s">
        <v>262</v>
      </c>
      <c r="D60" s="21" t="s">
        <v>215</v>
      </c>
      <c r="E60" s="21" t="s">
        <v>686</v>
      </c>
      <c r="F60" s="21" t="s">
        <v>424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22" t="s">
        <v>268</v>
      </c>
      <c r="L60" s="22" t="s">
        <v>268</v>
      </c>
      <c r="M60" s="22" t="s">
        <v>268</v>
      </c>
      <c r="N60" s="22" t="s">
        <v>268</v>
      </c>
      <c r="O60" s="22" t="s">
        <v>268</v>
      </c>
      <c r="P60" s="22" t="s">
        <v>268</v>
      </c>
      <c r="Q60" s="22" t="s">
        <v>268</v>
      </c>
    </row>
    <row r="61" spans="1:17">
      <c r="A61" s="21" t="s">
        <v>232</v>
      </c>
      <c r="B61" s="21" t="s">
        <v>233</v>
      </c>
      <c r="C61" s="21" t="s">
        <v>262</v>
      </c>
      <c r="D61" s="21" t="s">
        <v>215</v>
      </c>
      <c r="E61" s="21" t="s">
        <v>686</v>
      </c>
      <c r="F61" s="21" t="s">
        <v>425</v>
      </c>
      <c r="G61" s="16">
        <v>2143979</v>
      </c>
      <c r="H61" s="16">
        <v>1494440</v>
      </c>
      <c r="I61" s="16">
        <v>1467477</v>
      </c>
      <c r="J61" s="16">
        <v>321068</v>
      </c>
      <c r="K61" s="16">
        <v>26963</v>
      </c>
      <c r="L61" s="16">
        <v>14427</v>
      </c>
      <c r="M61" s="16">
        <v>635112</v>
      </c>
      <c r="N61" s="22" t="s">
        <v>268</v>
      </c>
      <c r="O61" s="16">
        <v>17690</v>
      </c>
      <c r="P61" s="22" t="s">
        <v>268</v>
      </c>
      <c r="Q61" s="22" t="s">
        <v>268</v>
      </c>
    </row>
    <row r="62" spans="1:17">
      <c r="A62" s="21" t="s">
        <v>232</v>
      </c>
      <c r="B62" s="21" t="s">
        <v>233</v>
      </c>
      <c r="C62" s="21" t="s">
        <v>262</v>
      </c>
      <c r="D62" s="21" t="s">
        <v>215</v>
      </c>
      <c r="E62" s="21" t="s">
        <v>686</v>
      </c>
      <c r="F62" s="21" t="s">
        <v>426</v>
      </c>
      <c r="G62" s="16">
        <v>80915</v>
      </c>
      <c r="H62" s="16">
        <v>64325</v>
      </c>
      <c r="I62" s="16">
        <v>53907</v>
      </c>
      <c r="J62" s="16">
        <v>32768</v>
      </c>
      <c r="K62" s="16">
        <v>10418</v>
      </c>
      <c r="L62" s="16">
        <v>1343</v>
      </c>
      <c r="M62" s="16">
        <v>15247</v>
      </c>
      <c r="N62" s="22" t="s">
        <v>268</v>
      </c>
      <c r="O62" s="16">
        <v>7530</v>
      </c>
      <c r="P62" s="16">
        <v>30078</v>
      </c>
      <c r="Q62" s="16">
        <v>15247</v>
      </c>
    </row>
    <row r="63" spans="1:17">
      <c r="A63" s="21" t="s">
        <v>232</v>
      </c>
      <c r="B63" s="21" t="s">
        <v>233</v>
      </c>
      <c r="C63" s="21" t="s">
        <v>262</v>
      </c>
      <c r="D63" s="21" t="s">
        <v>215</v>
      </c>
      <c r="E63" s="21" t="s">
        <v>686</v>
      </c>
      <c r="F63" s="21" t="s">
        <v>720</v>
      </c>
      <c r="G63" s="16">
        <v>58109</v>
      </c>
      <c r="H63" s="22" t="s">
        <v>268</v>
      </c>
      <c r="I63" s="22" t="s">
        <v>268</v>
      </c>
      <c r="J63" s="22" t="s">
        <v>268</v>
      </c>
      <c r="K63" s="22" t="s">
        <v>268</v>
      </c>
      <c r="L63" s="22" t="s">
        <v>268</v>
      </c>
      <c r="M63" s="16">
        <v>53182</v>
      </c>
      <c r="N63" s="16">
        <v>4927</v>
      </c>
      <c r="O63" s="22" t="s">
        <v>268</v>
      </c>
      <c r="P63" s="22" t="s">
        <v>268</v>
      </c>
      <c r="Q63" s="22" t="s">
        <v>268</v>
      </c>
    </row>
    <row r="64" spans="1:17">
      <c r="A64" s="21" t="s">
        <v>232</v>
      </c>
      <c r="B64" s="21" t="s">
        <v>233</v>
      </c>
      <c r="C64" s="21" t="s">
        <v>262</v>
      </c>
      <c r="D64" s="21" t="s">
        <v>215</v>
      </c>
      <c r="E64" s="21" t="s">
        <v>686</v>
      </c>
      <c r="F64" s="21" t="s">
        <v>427</v>
      </c>
      <c r="G64" s="16">
        <v>154047</v>
      </c>
      <c r="H64" s="16">
        <v>113693</v>
      </c>
      <c r="I64" s="16">
        <v>99241</v>
      </c>
      <c r="J64" s="16">
        <v>54996</v>
      </c>
      <c r="K64" s="16">
        <v>14452</v>
      </c>
      <c r="L64" s="16">
        <v>1956</v>
      </c>
      <c r="M64" s="16">
        <v>38398</v>
      </c>
      <c r="N64" s="22" t="s">
        <v>268</v>
      </c>
      <c r="O64" s="16">
        <v>10074</v>
      </c>
      <c r="P64" s="16">
        <v>30078</v>
      </c>
      <c r="Q64" s="16">
        <v>15247</v>
      </c>
    </row>
    <row r="65" spans="1:17">
      <c r="A65" s="21" t="s">
        <v>232</v>
      </c>
      <c r="B65" s="21" t="s">
        <v>233</v>
      </c>
      <c r="C65" s="21" t="s">
        <v>262</v>
      </c>
      <c r="D65" s="21" t="s">
        <v>215</v>
      </c>
      <c r="E65" s="21" t="s">
        <v>686</v>
      </c>
      <c r="F65" s="21" t="s">
        <v>428</v>
      </c>
      <c r="G65" s="16">
        <v>22706</v>
      </c>
      <c r="H65" s="16">
        <v>19856</v>
      </c>
      <c r="I65" s="16">
        <v>15780</v>
      </c>
      <c r="J65" s="16">
        <v>9990</v>
      </c>
      <c r="K65" s="16">
        <v>4076</v>
      </c>
      <c r="L65" s="16">
        <v>423</v>
      </c>
      <c r="M65" s="16">
        <v>2427</v>
      </c>
      <c r="N65" s="22" t="s">
        <v>268</v>
      </c>
      <c r="O65" s="16">
        <v>3131</v>
      </c>
      <c r="P65" s="16">
        <v>9840</v>
      </c>
      <c r="Q65" s="16">
        <v>2427</v>
      </c>
    </row>
    <row r="66" spans="1:17">
      <c r="A66" s="21" t="s">
        <v>232</v>
      </c>
      <c r="B66" s="21" t="s">
        <v>233</v>
      </c>
      <c r="C66" s="21" t="s">
        <v>262</v>
      </c>
      <c r="D66" s="21" t="s">
        <v>215</v>
      </c>
      <c r="E66" s="21" t="s">
        <v>686</v>
      </c>
      <c r="F66" s="21" t="s">
        <v>429</v>
      </c>
      <c r="G66" s="16">
        <v>3713</v>
      </c>
      <c r="H66" s="16">
        <v>3428</v>
      </c>
      <c r="I66" s="16">
        <v>2455</v>
      </c>
      <c r="J66" s="16">
        <v>1570</v>
      </c>
      <c r="K66" s="16">
        <v>973</v>
      </c>
      <c r="L66" s="16">
        <v>55</v>
      </c>
      <c r="M66" s="16">
        <v>230</v>
      </c>
      <c r="N66" s="22" t="s">
        <v>268</v>
      </c>
      <c r="O66" s="16">
        <v>715</v>
      </c>
      <c r="P66" s="16">
        <v>1564</v>
      </c>
      <c r="Q66" s="16">
        <v>230</v>
      </c>
    </row>
    <row r="67" spans="1:17">
      <c r="A67" s="21" t="s">
        <v>232</v>
      </c>
      <c r="B67" s="21" t="s">
        <v>233</v>
      </c>
      <c r="C67" s="21" t="s">
        <v>262</v>
      </c>
      <c r="D67" s="21" t="s">
        <v>215</v>
      </c>
      <c r="E67" s="21" t="s">
        <v>687</v>
      </c>
      <c r="F67" s="21" t="s">
        <v>214</v>
      </c>
      <c r="G67" s="16">
        <v>777349</v>
      </c>
      <c r="H67" s="16">
        <v>543012</v>
      </c>
      <c r="I67" s="16">
        <v>511318</v>
      </c>
      <c r="J67" s="16">
        <v>123104</v>
      </c>
      <c r="K67" s="16">
        <v>31694</v>
      </c>
      <c r="L67" s="16">
        <v>6310</v>
      </c>
      <c r="M67" s="16">
        <v>226703</v>
      </c>
      <c r="N67" s="16">
        <v>1324</v>
      </c>
      <c r="O67" s="16">
        <v>20196</v>
      </c>
      <c r="P67" s="16">
        <v>57218</v>
      </c>
      <c r="Q67" s="16">
        <v>32211</v>
      </c>
    </row>
    <row r="68" spans="1:17">
      <c r="A68" s="21" t="s">
        <v>232</v>
      </c>
      <c r="B68" s="21" t="s">
        <v>233</v>
      </c>
      <c r="C68" s="21" t="s">
        <v>262</v>
      </c>
      <c r="D68" s="21" t="s">
        <v>215</v>
      </c>
      <c r="E68" s="21" t="s">
        <v>687</v>
      </c>
      <c r="F68" s="21" t="s">
        <v>424</v>
      </c>
      <c r="G68" s="16">
        <v>58</v>
      </c>
      <c r="H68" s="16">
        <v>15</v>
      </c>
      <c r="I68" s="22" t="s">
        <v>268</v>
      </c>
      <c r="J68" s="22" t="s">
        <v>268</v>
      </c>
      <c r="K68" s="16">
        <v>15</v>
      </c>
      <c r="L68" s="22" t="s">
        <v>268</v>
      </c>
      <c r="M68" s="16">
        <v>43</v>
      </c>
      <c r="N68" s="22" t="s">
        <v>268</v>
      </c>
      <c r="O68" s="22" t="s">
        <v>268</v>
      </c>
      <c r="P68" s="22" t="s">
        <v>268</v>
      </c>
      <c r="Q68" s="22" t="s">
        <v>268</v>
      </c>
    </row>
    <row r="69" spans="1:17">
      <c r="A69" s="21" t="s">
        <v>232</v>
      </c>
      <c r="B69" s="21" t="s">
        <v>233</v>
      </c>
      <c r="C69" s="21" t="s">
        <v>262</v>
      </c>
      <c r="D69" s="21" t="s">
        <v>215</v>
      </c>
      <c r="E69" s="21" t="s">
        <v>687</v>
      </c>
      <c r="F69" s="21" t="s">
        <v>425</v>
      </c>
      <c r="G69" s="16">
        <v>641004</v>
      </c>
      <c r="H69" s="16">
        <v>449461</v>
      </c>
      <c r="I69" s="16">
        <v>426426</v>
      </c>
      <c r="J69" s="16">
        <v>63556</v>
      </c>
      <c r="K69" s="16">
        <v>23035</v>
      </c>
      <c r="L69" s="16">
        <v>5146</v>
      </c>
      <c r="M69" s="16">
        <v>186397</v>
      </c>
      <c r="N69" s="22" t="s">
        <v>268</v>
      </c>
      <c r="O69" s="16">
        <v>15308</v>
      </c>
      <c r="P69" s="22" t="s">
        <v>268</v>
      </c>
      <c r="Q69" s="22" t="s">
        <v>268</v>
      </c>
    </row>
    <row r="70" spans="1:17">
      <c r="A70" s="21" t="s">
        <v>232</v>
      </c>
      <c r="B70" s="21" t="s">
        <v>233</v>
      </c>
      <c r="C70" s="21" t="s">
        <v>262</v>
      </c>
      <c r="D70" s="21" t="s">
        <v>215</v>
      </c>
      <c r="E70" s="21" t="s">
        <v>687</v>
      </c>
      <c r="F70" s="21" t="s">
        <v>426</v>
      </c>
      <c r="G70" s="16">
        <v>126911</v>
      </c>
      <c r="H70" s="16">
        <v>93536</v>
      </c>
      <c r="I70" s="16">
        <v>84892</v>
      </c>
      <c r="J70" s="16">
        <v>59548</v>
      </c>
      <c r="K70" s="16">
        <v>8644</v>
      </c>
      <c r="L70" s="16">
        <v>1164</v>
      </c>
      <c r="M70" s="16">
        <v>32211</v>
      </c>
      <c r="N70" s="22" t="s">
        <v>268</v>
      </c>
      <c r="O70" s="16">
        <v>4888</v>
      </c>
      <c r="P70" s="16">
        <v>57218</v>
      </c>
      <c r="Q70" s="16">
        <v>32211</v>
      </c>
    </row>
    <row r="71" spans="1:17">
      <c r="A71" s="21" t="s">
        <v>232</v>
      </c>
      <c r="B71" s="21" t="s">
        <v>233</v>
      </c>
      <c r="C71" s="21" t="s">
        <v>262</v>
      </c>
      <c r="D71" s="21" t="s">
        <v>215</v>
      </c>
      <c r="E71" s="21" t="s">
        <v>687</v>
      </c>
      <c r="F71" s="21" t="s">
        <v>720</v>
      </c>
      <c r="G71" s="16">
        <v>9376</v>
      </c>
      <c r="H71" s="22" t="s">
        <v>268</v>
      </c>
      <c r="I71" s="22" t="s">
        <v>268</v>
      </c>
      <c r="J71" s="22" t="s">
        <v>268</v>
      </c>
      <c r="K71" s="22" t="s">
        <v>268</v>
      </c>
      <c r="L71" s="22" t="s">
        <v>268</v>
      </c>
      <c r="M71" s="16">
        <v>8052</v>
      </c>
      <c r="N71" s="16">
        <v>1324</v>
      </c>
      <c r="O71" s="22" t="s">
        <v>268</v>
      </c>
      <c r="P71" s="22" t="s">
        <v>268</v>
      </c>
      <c r="Q71" s="22" t="s">
        <v>268</v>
      </c>
    </row>
    <row r="72" spans="1:17">
      <c r="A72" s="21" t="s">
        <v>232</v>
      </c>
      <c r="B72" s="21" t="s">
        <v>233</v>
      </c>
      <c r="C72" s="21" t="s">
        <v>262</v>
      </c>
      <c r="D72" s="21" t="s">
        <v>215</v>
      </c>
      <c r="E72" s="21" t="s">
        <v>687</v>
      </c>
      <c r="F72" s="21" t="s">
        <v>427</v>
      </c>
      <c r="G72" s="16">
        <v>168439</v>
      </c>
      <c r="H72" s="16">
        <v>125718</v>
      </c>
      <c r="I72" s="16">
        <v>113925</v>
      </c>
      <c r="J72" s="16">
        <v>71294</v>
      </c>
      <c r="K72" s="16">
        <v>11793</v>
      </c>
      <c r="L72" s="16">
        <v>1531</v>
      </c>
      <c r="M72" s="16">
        <v>41190</v>
      </c>
      <c r="N72" s="22" t="s">
        <v>268</v>
      </c>
      <c r="O72" s="16">
        <v>6728</v>
      </c>
      <c r="P72" s="16">
        <v>57218</v>
      </c>
      <c r="Q72" s="16">
        <v>32211</v>
      </c>
    </row>
    <row r="73" spans="1:17">
      <c r="A73" s="21" t="s">
        <v>232</v>
      </c>
      <c r="B73" s="21" t="s">
        <v>233</v>
      </c>
      <c r="C73" s="21" t="s">
        <v>262</v>
      </c>
      <c r="D73" s="21" t="s">
        <v>215</v>
      </c>
      <c r="E73" s="21" t="s">
        <v>687</v>
      </c>
      <c r="F73" s="21" t="s">
        <v>428</v>
      </c>
      <c r="G73" s="16">
        <v>56532</v>
      </c>
      <c r="H73" s="16">
        <v>42584</v>
      </c>
      <c r="I73" s="16">
        <v>39322</v>
      </c>
      <c r="J73" s="16">
        <v>31202</v>
      </c>
      <c r="K73" s="16">
        <v>3262</v>
      </c>
      <c r="L73" s="16">
        <v>415</v>
      </c>
      <c r="M73" s="16">
        <v>13533</v>
      </c>
      <c r="N73" s="22" t="s">
        <v>268</v>
      </c>
      <c r="O73" s="16">
        <v>1926</v>
      </c>
      <c r="P73" s="16">
        <v>31072</v>
      </c>
      <c r="Q73" s="16">
        <v>13533</v>
      </c>
    </row>
    <row r="74" spans="1:17">
      <c r="A74" s="21" t="s">
        <v>232</v>
      </c>
      <c r="B74" s="21" t="s">
        <v>233</v>
      </c>
      <c r="C74" s="21" t="s">
        <v>262</v>
      </c>
      <c r="D74" s="21" t="s">
        <v>215</v>
      </c>
      <c r="E74" s="21" t="s">
        <v>687</v>
      </c>
      <c r="F74" s="21" t="s">
        <v>429</v>
      </c>
      <c r="G74" s="16">
        <v>14882</v>
      </c>
      <c r="H74" s="16">
        <v>10731</v>
      </c>
      <c r="I74" s="16">
        <v>10075</v>
      </c>
      <c r="J74" s="16">
        <v>8518</v>
      </c>
      <c r="K74" s="16">
        <v>656</v>
      </c>
      <c r="L74" s="16">
        <v>74</v>
      </c>
      <c r="M74" s="16">
        <v>4077</v>
      </c>
      <c r="N74" s="22" t="s">
        <v>268</v>
      </c>
      <c r="O74" s="16">
        <v>283</v>
      </c>
      <c r="P74" s="16">
        <v>8514</v>
      </c>
      <c r="Q74" s="16">
        <v>4077</v>
      </c>
    </row>
    <row r="75" spans="1:17">
      <c r="A75" s="21" t="s">
        <v>232</v>
      </c>
      <c r="B75" s="21" t="s">
        <v>233</v>
      </c>
      <c r="C75" s="21" t="s">
        <v>262</v>
      </c>
      <c r="D75" s="21" t="s">
        <v>215</v>
      </c>
      <c r="E75" s="21" t="s">
        <v>688</v>
      </c>
      <c r="F75" s="21" t="s">
        <v>214</v>
      </c>
      <c r="G75" s="16">
        <v>730518</v>
      </c>
      <c r="H75" s="16">
        <v>273306</v>
      </c>
      <c r="I75" s="16">
        <v>247061</v>
      </c>
      <c r="J75" s="16">
        <v>71558</v>
      </c>
      <c r="K75" s="16">
        <v>26245</v>
      </c>
      <c r="L75" s="16">
        <v>5712</v>
      </c>
      <c r="M75" s="16">
        <v>447948</v>
      </c>
      <c r="N75" s="16">
        <v>3552</v>
      </c>
      <c r="O75" s="16">
        <v>19944</v>
      </c>
      <c r="P75" s="16">
        <v>43188</v>
      </c>
      <c r="Q75" s="16">
        <v>15416</v>
      </c>
    </row>
    <row r="76" spans="1:17">
      <c r="A76" s="21" t="s">
        <v>232</v>
      </c>
      <c r="B76" s="21" t="s">
        <v>233</v>
      </c>
      <c r="C76" s="21" t="s">
        <v>262</v>
      </c>
      <c r="D76" s="21" t="s">
        <v>215</v>
      </c>
      <c r="E76" s="21" t="s">
        <v>688</v>
      </c>
      <c r="F76" s="21" t="s">
        <v>424</v>
      </c>
      <c r="G76" s="16">
        <v>20</v>
      </c>
      <c r="H76" s="16">
        <v>2</v>
      </c>
      <c r="I76" s="16">
        <v>2</v>
      </c>
      <c r="J76" s="22" t="s">
        <v>268</v>
      </c>
      <c r="K76" s="22" t="s">
        <v>268</v>
      </c>
      <c r="L76" s="22" t="s">
        <v>268</v>
      </c>
      <c r="M76" s="16">
        <v>18</v>
      </c>
      <c r="N76" s="22" t="s">
        <v>268</v>
      </c>
      <c r="O76" s="22" t="s">
        <v>268</v>
      </c>
      <c r="P76" s="22" t="s">
        <v>268</v>
      </c>
      <c r="Q76" s="22" t="s">
        <v>268</v>
      </c>
    </row>
    <row r="77" spans="1:17">
      <c r="A77" s="21" t="s">
        <v>232</v>
      </c>
      <c r="B77" s="21" t="s">
        <v>233</v>
      </c>
      <c r="C77" s="21" t="s">
        <v>262</v>
      </c>
      <c r="D77" s="21" t="s">
        <v>215</v>
      </c>
      <c r="E77" s="21" t="s">
        <v>688</v>
      </c>
      <c r="F77" s="21" t="s">
        <v>425</v>
      </c>
      <c r="G77" s="16">
        <v>608757</v>
      </c>
      <c r="H77" s="16">
        <v>210261</v>
      </c>
      <c r="I77" s="16">
        <v>192250</v>
      </c>
      <c r="J77" s="16">
        <v>27402</v>
      </c>
      <c r="K77" s="16">
        <v>18011</v>
      </c>
      <c r="L77" s="16">
        <v>3829</v>
      </c>
      <c r="M77" s="16">
        <v>394667</v>
      </c>
      <c r="N77" s="22" t="s">
        <v>268</v>
      </c>
      <c r="O77" s="16">
        <v>13717</v>
      </c>
      <c r="P77" s="22" t="s">
        <v>268</v>
      </c>
      <c r="Q77" s="22" t="s">
        <v>268</v>
      </c>
    </row>
    <row r="78" spans="1:17">
      <c r="A78" s="21" t="s">
        <v>232</v>
      </c>
      <c r="B78" s="21" t="s">
        <v>233</v>
      </c>
      <c r="C78" s="21" t="s">
        <v>262</v>
      </c>
      <c r="D78" s="21" t="s">
        <v>215</v>
      </c>
      <c r="E78" s="21" t="s">
        <v>688</v>
      </c>
      <c r="F78" s="21" t="s">
        <v>426</v>
      </c>
      <c r="G78" s="16">
        <v>80342</v>
      </c>
      <c r="H78" s="16">
        <v>63043</v>
      </c>
      <c r="I78" s="16">
        <v>54809</v>
      </c>
      <c r="J78" s="16">
        <v>44156</v>
      </c>
      <c r="K78" s="16">
        <v>8234</v>
      </c>
      <c r="L78" s="16">
        <v>1883</v>
      </c>
      <c r="M78" s="16">
        <v>15416</v>
      </c>
      <c r="N78" s="22" t="s">
        <v>268</v>
      </c>
      <c r="O78" s="16">
        <v>6227</v>
      </c>
      <c r="P78" s="16">
        <v>43188</v>
      </c>
      <c r="Q78" s="16">
        <v>15416</v>
      </c>
    </row>
    <row r="79" spans="1:17">
      <c r="A79" s="21" t="s">
        <v>232</v>
      </c>
      <c r="B79" s="21" t="s">
        <v>233</v>
      </c>
      <c r="C79" s="21" t="s">
        <v>262</v>
      </c>
      <c r="D79" s="21" t="s">
        <v>215</v>
      </c>
      <c r="E79" s="21" t="s">
        <v>688</v>
      </c>
      <c r="F79" s="21" t="s">
        <v>720</v>
      </c>
      <c r="G79" s="16">
        <v>41399</v>
      </c>
      <c r="H79" s="22" t="s">
        <v>268</v>
      </c>
      <c r="I79" s="22" t="s">
        <v>268</v>
      </c>
      <c r="J79" s="22" t="s">
        <v>268</v>
      </c>
      <c r="K79" s="22" t="s">
        <v>268</v>
      </c>
      <c r="L79" s="22" t="s">
        <v>268</v>
      </c>
      <c r="M79" s="16">
        <v>37847</v>
      </c>
      <c r="N79" s="16">
        <v>3552</v>
      </c>
      <c r="O79" s="22" t="s">
        <v>268</v>
      </c>
      <c r="P79" s="22" t="s">
        <v>268</v>
      </c>
      <c r="Q79" s="22" t="s">
        <v>268</v>
      </c>
    </row>
    <row r="80" spans="1:17">
      <c r="A80" s="21" t="s">
        <v>232</v>
      </c>
      <c r="B80" s="21" t="s">
        <v>233</v>
      </c>
      <c r="C80" s="21" t="s">
        <v>262</v>
      </c>
      <c r="D80" s="21" t="s">
        <v>215</v>
      </c>
      <c r="E80" s="21" t="s">
        <v>688</v>
      </c>
      <c r="F80" s="21" t="s">
        <v>427</v>
      </c>
      <c r="G80" s="16">
        <v>107787</v>
      </c>
      <c r="H80" s="16">
        <v>78379</v>
      </c>
      <c r="I80" s="16">
        <v>67053</v>
      </c>
      <c r="J80" s="16">
        <v>49094</v>
      </c>
      <c r="K80" s="16">
        <v>11326</v>
      </c>
      <c r="L80" s="16">
        <v>2300</v>
      </c>
      <c r="M80" s="16">
        <v>27108</v>
      </c>
      <c r="N80" s="22" t="s">
        <v>268</v>
      </c>
      <c r="O80" s="16">
        <v>8409</v>
      </c>
      <c r="P80" s="16">
        <v>43188</v>
      </c>
      <c r="Q80" s="16">
        <v>15416</v>
      </c>
    </row>
    <row r="81" spans="1:17">
      <c r="A81" s="21" t="s">
        <v>232</v>
      </c>
      <c r="B81" s="21" t="s">
        <v>233</v>
      </c>
      <c r="C81" s="21" t="s">
        <v>262</v>
      </c>
      <c r="D81" s="21" t="s">
        <v>215</v>
      </c>
      <c r="E81" s="21" t="s">
        <v>688</v>
      </c>
      <c r="F81" s="21" t="s">
        <v>428</v>
      </c>
      <c r="G81" s="16">
        <v>45772</v>
      </c>
      <c r="H81" s="16">
        <v>40778</v>
      </c>
      <c r="I81" s="16">
        <v>37368</v>
      </c>
      <c r="J81" s="16">
        <v>33700</v>
      </c>
      <c r="K81" s="16">
        <v>3410</v>
      </c>
      <c r="L81" s="16">
        <v>1220</v>
      </c>
      <c r="M81" s="16">
        <v>3774</v>
      </c>
      <c r="N81" s="22" t="s">
        <v>268</v>
      </c>
      <c r="O81" s="16">
        <v>2607</v>
      </c>
      <c r="P81" s="16">
        <v>33634</v>
      </c>
      <c r="Q81" s="16">
        <v>3774</v>
      </c>
    </row>
    <row r="82" spans="1:17">
      <c r="A82" s="21" t="s">
        <v>232</v>
      </c>
      <c r="B82" s="21" t="s">
        <v>233</v>
      </c>
      <c r="C82" s="21" t="s">
        <v>262</v>
      </c>
      <c r="D82" s="21" t="s">
        <v>215</v>
      </c>
      <c r="E82" s="21" t="s">
        <v>688</v>
      </c>
      <c r="F82" s="21" t="s">
        <v>429</v>
      </c>
      <c r="G82" s="16">
        <v>24420</v>
      </c>
      <c r="H82" s="16">
        <v>22467</v>
      </c>
      <c r="I82" s="16">
        <v>21621</v>
      </c>
      <c r="J82" s="16">
        <v>20706</v>
      </c>
      <c r="K82" s="16">
        <v>846</v>
      </c>
      <c r="L82" s="16">
        <v>735</v>
      </c>
      <c r="M82" s="16">
        <v>1218</v>
      </c>
      <c r="N82" s="22" t="s">
        <v>268</v>
      </c>
      <c r="O82" s="16">
        <v>606</v>
      </c>
      <c r="P82" s="16">
        <v>20696</v>
      </c>
      <c r="Q82" s="16">
        <v>1218</v>
      </c>
    </row>
    <row r="83" spans="1:17">
      <c r="A83" s="21" t="s">
        <v>232</v>
      </c>
      <c r="B83" s="21" t="s">
        <v>233</v>
      </c>
      <c r="C83" s="21" t="s">
        <v>262</v>
      </c>
      <c r="D83" s="21" t="s">
        <v>215</v>
      </c>
      <c r="E83" s="21" t="s">
        <v>689</v>
      </c>
      <c r="F83" s="21" t="s">
        <v>214</v>
      </c>
      <c r="G83" s="16">
        <v>139</v>
      </c>
      <c r="H83" s="16">
        <v>110</v>
      </c>
      <c r="I83" s="16">
        <v>87</v>
      </c>
      <c r="J83" s="16">
        <v>8</v>
      </c>
      <c r="K83" s="16">
        <v>23</v>
      </c>
      <c r="L83" s="22" t="s">
        <v>268</v>
      </c>
      <c r="M83" s="16">
        <v>13</v>
      </c>
      <c r="N83" s="16">
        <v>16</v>
      </c>
      <c r="O83" s="16">
        <v>23</v>
      </c>
      <c r="P83" s="16">
        <v>6</v>
      </c>
      <c r="Q83" s="16">
        <v>2</v>
      </c>
    </row>
    <row r="84" spans="1:17">
      <c r="A84" s="21" t="s">
        <v>232</v>
      </c>
      <c r="B84" s="21" t="s">
        <v>233</v>
      </c>
      <c r="C84" s="21" t="s">
        <v>262</v>
      </c>
      <c r="D84" s="21" t="s">
        <v>215</v>
      </c>
      <c r="E84" s="21" t="s">
        <v>689</v>
      </c>
      <c r="F84" s="21" t="s">
        <v>424</v>
      </c>
      <c r="G84" s="22" t="s">
        <v>268</v>
      </c>
      <c r="H84" s="22" t="s">
        <v>268</v>
      </c>
      <c r="I84" s="22" t="s">
        <v>268</v>
      </c>
      <c r="J84" s="22" t="s">
        <v>268</v>
      </c>
      <c r="K84" s="22" t="s">
        <v>268</v>
      </c>
      <c r="L84" s="22" t="s">
        <v>268</v>
      </c>
      <c r="M84" s="22" t="s">
        <v>268</v>
      </c>
      <c r="N84" s="22" t="s">
        <v>268</v>
      </c>
      <c r="O84" s="22" t="s">
        <v>268</v>
      </c>
      <c r="P84" s="22" t="s">
        <v>268</v>
      </c>
      <c r="Q84" s="22" t="s">
        <v>268</v>
      </c>
    </row>
    <row r="85" spans="1:17">
      <c r="A85" s="21" t="s">
        <v>232</v>
      </c>
      <c r="B85" s="21" t="s">
        <v>233</v>
      </c>
      <c r="C85" s="21" t="s">
        <v>262</v>
      </c>
      <c r="D85" s="21" t="s">
        <v>215</v>
      </c>
      <c r="E85" s="21" t="s">
        <v>689</v>
      </c>
      <c r="F85" s="21" t="s">
        <v>425</v>
      </c>
      <c r="G85" s="16">
        <v>82</v>
      </c>
      <c r="H85" s="16">
        <v>76</v>
      </c>
      <c r="I85" s="16">
        <v>61</v>
      </c>
      <c r="J85" s="16">
        <v>2</v>
      </c>
      <c r="K85" s="16">
        <v>15</v>
      </c>
      <c r="L85" s="22" t="s">
        <v>268</v>
      </c>
      <c r="M85" s="16">
        <v>6</v>
      </c>
      <c r="N85" s="22" t="s">
        <v>268</v>
      </c>
      <c r="O85" s="16">
        <v>15</v>
      </c>
      <c r="P85" s="22" t="s">
        <v>268</v>
      </c>
      <c r="Q85" s="22" t="s">
        <v>268</v>
      </c>
    </row>
    <row r="86" spans="1:17">
      <c r="A86" s="21" t="s">
        <v>232</v>
      </c>
      <c r="B86" s="21" t="s">
        <v>233</v>
      </c>
      <c r="C86" s="21" t="s">
        <v>262</v>
      </c>
      <c r="D86" s="21" t="s">
        <v>215</v>
      </c>
      <c r="E86" s="21" t="s">
        <v>689</v>
      </c>
      <c r="F86" s="21" t="s">
        <v>426</v>
      </c>
      <c r="G86" s="16">
        <v>36</v>
      </c>
      <c r="H86" s="16">
        <v>34</v>
      </c>
      <c r="I86" s="16">
        <v>26</v>
      </c>
      <c r="J86" s="16">
        <v>6</v>
      </c>
      <c r="K86" s="16">
        <v>8</v>
      </c>
      <c r="L86" s="22" t="s">
        <v>268</v>
      </c>
      <c r="M86" s="16">
        <v>2</v>
      </c>
      <c r="N86" s="22" t="s">
        <v>268</v>
      </c>
      <c r="O86" s="16">
        <v>8</v>
      </c>
      <c r="P86" s="16">
        <v>6</v>
      </c>
      <c r="Q86" s="16">
        <v>2</v>
      </c>
    </row>
    <row r="87" spans="1:17">
      <c r="A87" s="21" t="s">
        <v>232</v>
      </c>
      <c r="B87" s="21" t="s">
        <v>233</v>
      </c>
      <c r="C87" s="21" t="s">
        <v>262</v>
      </c>
      <c r="D87" s="21" t="s">
        <v>215</v>
      </c>
      <c r="E87" s="21" t="s">
        <v>689</v>
      </c>
      <c r="F87" s="21" t="s">
        <v>720</v>
      </c>
      <c r="G87" s="16">
        <v>21</v>
      </c>
      <c r="H87" s="22" t="s">
        <v>268</v>
      </c>
      <c r="I87" s="22" t="s">
        <v>268</v>
      </c>
      <c r="J87" s="22" t="s">
        <v>268</v>
      </c>
      <c r="K87" s="22" t="s">
        <v>268</v>
      </c>
      <c r="L87" s="22" t="s">
        <v>268</v>
      </c>
      <c r="M87" s="16">
        <v>5</v>
      </c>
      <c r="N87" s="16">
        <v>16</v>
      </c>
      <c r="O87" s="22" t="s">
        <v>268</v>
      </c>
      <c r="P87" s="22" t="s">
        <v>268</v>
      </c>
      <c r="Q87" s="22" t="s">
        <v>268</v>
      </c>
    </row>
    <row r="88" spans="1:17">
      <c r="A88" s="21" t="s">
        <v>232</v>
      </c>
      <c r="B88" s="21" t="s">
        <v>233</v>
      </c>
      <c r="C88" s="21" t="s">
        <v>262</v>
      </c>
      <c r="D88" s="21" t="s">
        <v>215</v>
      </c>
      <c r="E88" s="21" t="s">
        <v>689</v>
      </c>
      <c r="F88" s="21" t="s">
        <v>427</v>
      </c>
      <c r="G88" s="16">
        <v>42</v>
      </c>
      <c r="H88" s="16">
        <v>39</v>
      </c>
      <c r="I88" s="16">
        <v>31</v>
      </c>
      <c r="J88" s="16">
        <v>8</v>
      </c>
      <c r="K88" s="16">
        <v>8</v>
      </c>
      <c r="L88" s="22" t="s">
        <v>268</v>
      </c>
      <c r="M88" s="16">
        <v>3</v>
      </c>
      <c r="N88" s="22" t="s">
        <v>268</v>
      </c>
      <c r="O88" s="16">
        <v>8</v>
      </c>
      <c r="P88" s="16">
        <v>6</v>
      </c>
      <c r="Q88" s="16">
        <v>2</v>
      </c>
    </row>
    <row r="89" spans="1:17">
      <c r="A89" s="21" t="s">
        <v>232</v>
      </c>
      <c r="B89" s="21" t="s">
        <v>233</v>
      </c>
      <c r="C89" s="21" t="s">
        <v>262</v>
      </c>
      <c r="D89" s="21" t="s">
        <v>215</v>
      </c>
      <c r="E89" s="21" t="s">
        <v>689</v>
      </c>
      <c r="F89" s="21" t="s">
        <v>428</v>
      </c>
      <c r="G89" s="16">
        <v>24</v>
      </c>
      <c r="H89" s="16">
        <v>23</v>
      </c>
      <c r="I89" s="16">
        <v>19</v>
      </c>
      <c r="J89" s="16">
        <v>4</v>
      </c>
      <c r="K89" s="16">
        <v>4</v>
      </c>
      <c r="L89" s="22" t="s">
        <v>268</v>
      </c>
      <c r="M89" s="16">
        <v>1</v>
      </c>
      <c r="N89" s="22" t="s">
        <v>268</v>
      </c>
      <c r="O89" s="16">
        <v>4</v>
      </c>
      <c r="P89" s="16">
        <v>4</v>
      </c>
      <c r="Q89" s="16">
        <v>1</v>
      </c>
    </row>
    <row r="90" spans="1:17">
      <c r="A90" s="21" t="s">
        <v>232</v>
      </c>
      <c r="B90" s="21" t="s">
        <v>233</v>
      </c>
      <c r="C90" s="21" t="s">
        <v>262</v>
      </c>
      <c r="D90" s="21" t="s">
        <v>215</v>
      </c>
      <c r="E90" s="21" t="s">
        <v>689</v>
      </c>
      <c r="F90" s="21" t="s">
        <v>429</v>
      </c>
      <c r="G90" s="16">
        <v>1</v>
      </c>
      <c r="H90" s="22" t="s">
        <v>268</v>
      </c>
      <c r="I90" s="22" t="s">
        <v>268</v>
      </c>
      <c r="J90" s="22" t="s">
        <v>268</v>
      </c>
      <c r="K90" s="22" t="s">
        <v>268</v>
      </c>
      <c r="L90" s="22" t="s">
        <v>268</v>
      </c>
      <c r="M90" s="16">
        <v>1</v>
      </c>
      <c r="N90" s="22" t="s">
        <v>268</v>
      </c>
      <c r="O90" s="22" t="s">
        <v>268</v>
      </c>
      <c r="P90" s="22" t="s">
        <v>268</v>
      </c>
      <c r="Q90" s="16">
        <v>1</v>
      </c>
    </row>
    <row r="91" spans="1:17">
      <c r="A91" s="21" t="s">
        <v>232</v>
      </c>
      <c r="B91" s="21" t="s">
        <v>237</v>
      </c>
      <c r="C91" s="21" t="s">
        <v>264</v>
      </c>
      <c r="D91" s="21" t="s">
        <v>215</v>
      </c>
      <c r="E91" s="21" t="s">
        <v>214</v>
      </c>
      <c r="F91" s="21" t="s">
        <v>214</v>
      </c>
      <c r="G91" s="16">
        <v>1345893</v>
      </c>
      <c r="H91" s="16">
        <v>1218417</v>
      </c>
      <c r="I91" s="16">
        <v>968744</v>
      </c>
      <c r="J91" s="16">
        <v>294180</v>
      </c>
      <c r="K91" s="16">
        <v>249673</v>
      </c>
      <c r="L91" s="16">
        <v>9867</v>
      </c>
      <c r="M91" s="16">
        <v>114719</v>
      </c>
      <c r="N91" s="16">
        <v>2890</v>
      </c>
      <c r="O91" s="16">
        <v>183281</v>
      </c>
      <c r="P91" s="16">
        <v>186782</v>
      </c>
      <c r="Q91" s="16">
        <v>29745</v>
      </c>
    </row>
    <row r="92" spans="1:17">
      <c r="A92" s="21" t="s">
        <v>232</v>
      </c>
      <c r="B92" s="21" t="s">
        <v>237</v>
      </c>
      <c r="C92" s="21" t="s">
        <v>264</v>
      </c>
      <c r="D92" s="21" t="s">
        <v>215</v>
      </c>
      <c r="E92" s="21" t="s">
        <v>214</v>
      </c>
      <c r="F92" s="21" t="s">
        <v>424</v>
      </c>
      <c r="G92" s="16">
        <v>6</v>
      </c>
      <c r="H92" s="16">
        <v>2</v>
      </c>
      <c r="I92" s="22" t="s">
        <v>268</v>
      </c>
      <c r="J92" s="22" t="s">
        <v>268</v>
      </c>
      <c r="K92" s="16">
        <v>2</v>
      </c>
      <c r="L92" s="22" t="s">
        <v>268</v>
      </c>
      <c r="M92" s="16">
        <v>4</v>
      </c>
      <c r="N92" s="22" t="s">
        <v>268</v>
      </c>
      <c r="O92" s="22" t="s">
        <v>268</v>
      </c>
      <c r="P92" s="22" t="s">
        <v>268</v>
      </c>
      <c r="Q92" s="22" t="s">
        <v>268</v>
      </c>
    </row>
    <row r="93" spans="1:17">
      <c r="A93" s="21" t="s">
        <v>232</v>
      </c>
      <c r="B93" s="21" t="s">
        <v>237</v>
      </c>
      <c r="C93" s="21" t="s">
        <v>264</v>
      </c>
      <c r="D93" s="21" t="s">
        <v>215</v>
      </c>
      <c r="E93" s="21" t="s">
        <v>214</v>
      </c>
      <c r="F93" s="21" t="s">
        <v>425</v>
      </c>
      <c r="G93" s="16">
        <v>840017</v>
      </c>
      <c r="H93" s="16">
        <v>759916</v>
      </c>
      <c r="I93" s="16">
        <v>637627</v>
      </c>
      <c r="J93" s="16">
        <v>102088</v>
      </c>
      <c r="K93" s="16">
        <v>122289</v>
      </c>
      <c r="L93" s="16">
        <v>7061</v>
      </c>
      <c r="M93" s="16">
        <v>73040</v>
      </c>
      <c r="N93" s="22" t="s">
        <v>268</v>
      </c>
      <c r="O93" s="16">
        <v>91750</v>
      </c>
      <c r="P93" s="22" t="s">
        <v>268</v>
      </c>
      <c r="Q93" s="22" t="s">
        <v>268</v>
      </c>
    </row>
    <row r="94" spans="1:17">
      <c r="A94" s="21" t="s">
        <v>232</v>
      </c>
      <c r="B94" s="21" t="s">
        <v>237</v>
      </c>
      <c r="C94" s="21" t="s">
        <v>264</v>
      </c>
      <c r="D94" s="21" t="s">
        <v>215</v>
      </c>
      <c r="E94" s="21" t="s">
        <v>214</v>
      </c>
      <c r="F94" s="21" t="s">
        <v>426</v>
      </c>
      <c r="G94" s="16">
        <v>491050</v>
      </c>
      <c r="H94" s="16">
        <v>458499</v>
      </c>
      <c r="I94" s="16">
        <v>331117</v>
      </c>
      <c r="J94" s="16">
        <v>192092</v>
      </c>
      <c r="K94" s="16">
        <v>127382</v>
      </c>
      <c r="L94" s="16">
        <v>2806</v>
      </c>
      <c r="M94" s="16">
        <v>29745</v>
      </c>
      <c r="N94" s="22" t="s">
        <v>268</v>
      </c>
      <c r="O94" s="16">
        <v>91531</v>
      </c>
      <c r="P94" s="16">
        <v>186782</v>
      </c>
      <c r="Q94" s="16">
        <v>29745</v>
      </c>
    </row>
    <row r="95" spans="1:17">
      <c r="A95" s="21" t="s">
        <v>232</v>
      </c>
      <c r="B95" s="21" t="s">
        <v>237</v>
      </c>
      <c r="C95" s="21" t="s">
        <v>264</v>
      </c>
      <c r="D95" s="21" t="s">
        <v>215</v>
      </c>
      <c r="E95" s="21" t="s">
        <v>214</v>
      </c>
      <c r="F95" s="21" t="s">
        <v>720</v>
      </c>
      <c r="G95" s="16">
        <v>14820</v>
      </c>
      <c r="H95" s="22" t="s">
        <v>268</v>
      </c>
      <c r="I95" s="22" t="s">
        <v>268</v>
      </c>
      <c r="J95" s="22" t="s">
        <v>268</v>
      </c>
      <c r="K95" s="22" t="s">
        <v>268</v>
      </c>
      <c r="L95" s="22" t="s">
        <v>268</v>
      </c>
      <c r="M95" s="16">
        <v>11930</v>
      </c>
      <c r="N95" s="16">
        <v>2890</v>
      </c>
      <c r="O95" s="22" t="s">
        <v>268</v>
      </c>
      <c r="P95" s="22" t="s">
        <v>268</v>
      </c>
      <c r="Q95" s="22" t="s">
        <v>268</v>
      </c>
    </row>
    <row r="96" spans="1:17">
      <c r="A96" s="21" t="s">
        <v>232</v>
      </c>
      <c r="B96" s="21" t="s">
        <v>237</v>
      </c>
      <c r="C96" s="21" t="s">
        <v>264</v>
      </c>
      <c r="D96" s="21" t="s">
        <v>215</v>
      </c>
      <c r="E96" s="21" t="s">
        <v>214</v>
      </c>
      <c r="F96" s="21" t="s">
        <v>427</v>
      </c>
      <c r="G96" s="16">
        <v>616006</v>
      </c>
      <c r="H96" s="16">
        <v>573795</v>
      </c>
      <c r="I96" s="16">
        <v>409181</v>
      </c>
      <c r="J96" s="16">
        <v>225372</v>
      </c>
      <c r="K96" s="16">
        <v>164614</v>
      </c>
      <c r="L96" s="16">
        <v>3685</v>
      </c>
      <c r="M96" s="16">
        <v>38526</v>
      </c>
      <c r="N96" s="22" t="s">
        <v>268</v>
      </c>
      <c r="O96" s="16">
        <v>115996</v>
      </c>
      <c r="P96" s="16">
        <v>186782</v>
      </c>
      <c r="Q96" s="16">
        <v>29745</v>
      </c>
    </row>
    <row r="97" spans="1:17">
      <c r="A97" s="21" t="s">
        <v>232</v>
      </c>
      <c r="B97" s="21" t="s">
        <v>237</v>
      </c>
      <c r="C97" s="21" t="s">
        <v>264</v>
      </c>
      <c r="D97" s="21" t="s">
        <v>215</v>
      </c>
      <c r="E97" s="21" t="s">
        <v>214</v>
      </c>
      <c r="F97" s="21" t="s">
        <v>428</v>
      </c>
      <c r="G97" s="16">
        <v>211700</v>
      </c>
      <c r="H97" s="16">
        <v>198737</v>
      </c>
      <c r="I97" s="16">
        <v>146399</v>
      </c>
      <c r="J97" s="16">
        <v>88476</v>
      </c>
      <c r="K97" s="16">
        <v>52338</v>
      </c>
      <c r="L97" s="16">
        <v>1057</v>
      </c>
      <c r="M97" s="16">
        <v>11906</v>
      </c>
      <c r="N97" s="22" t="s">
        <v>268</v>
      </c>
      <c r="O97" s="16">
        <v>37836</v>
      </c>
      <c r="P97" s="16">
        <v>88200</v>
      </c>
      <c r="Q97" s="16">
        <v>11906</v>
      </c>
    </row>
    <row r="98" spans="1:17">
      <c r="A98" s="21" t="s">
        <v>232</v>
      </c>
      <c r="B98" s="21" t="s">
        <v>237</v>
      </c>
      <c r="C98" s="21" t="s">
        <v>264</v>
      </c>
      <c r="D98" s="21" t="s">
        <v>215</v>
      </c>
      <c r="E98" s="21" t="s">
        <v>214</v>
      </c>
      <c r="F98" s="21" t="s">
        <v>429</v>
      </c>
      <c r="G98" s="16">
        <v>55603</v>
      </c>
      <c r="H98" s="16">
        <v>51396</v>
      </c>
      <c r="I98" s="16">
        <v>35963</v>
      </c>
      <c r="J98" s="16">
        <v>21056</v>
      </c>
      <c r="K98" s="16">
        <v>15433</v>
      </c>
      <c r="L98" s="16">
        <v>259</v>
      </c>
      <c r="M98" s="16">
        <v>3948</v>
      </c>
      <c r="N98" s="22" t="s">
        <v>268</v>
      </c>
      <c r="O98" s="16">
        <v>9738</v>
      </c>
      <c r="P98" s="16">
        <v>21050</v>
      </c>
      <c r="Q98" s="16">
        <v>3948</v>
      </c>
    </row>
    <row r="99" spans="1:17">
      <c r="A99" s="21" t="s">
        <v>232</v>
      </c>
      <c r="B99" s="21" t="s">
        <v>237</v>
      </c>
      <c r="C99" s="21" t="s">
        <v>264</v>
      </c>
      <c r="D99" s="21" t="s">
        <v>215</v>
      </c>
      <c r="E99" s="21" t="s">
        <v>681</v>
      </c>
      <c r="F99" s="21" t="s">
        <v>214</v>
      </c>
      <c r="G99" s="16">
        <v>1335814</v>
      </c>
      <c r="H99" s="16">
        <v>1212975</v>
      </c>
      <c r="I99" s="16">
        <v>963764</v>
      </c>
      <c r="J99" s="16">
        <v>292736</v>
      </c>
      <c r="K99" s="16">
        <v>249211</v>
      </c>
      <c r="L99" s="16">
        <v>9790</v>
      </c>
      <c r="M99" s="16">
        <v>110166</v>
      </c>
      <c r="N99" s="16">
        <v>2883</v>
      </c>
      <c r="O99" s="16">
        <v>182930</v>
      </c>
      <c r="P99" s="16">
        <v>185812</v>
      </c>
      <c r="Q99" s="16">
        <v>29601</v>
      </c>
    </row>
    <row r="100" spans="1:17">
      <c r="A100" s="21" t="s">
        <v>232</v>
      </c>
      <c r="B100" s="21" t="s">
        <v>237</v>
      </c>
      <c r="C100" s="21" t="s">
        <v>264</v>
      </c>
      <c r="D100" s="21" t="s">
        <v>215</v>
      </c>
      <c r="E100" s="21" t="s">
        <v>681</v>
      </c>
      <c r="F100" s="21" t="s">
        <v>424</v>
      </c>
      <c r="G100" s="16">
        <v>6</v>
      </c>
      <c r="H100" s="16">
        <v>2</v>
      </c>
      <c r="I100" s="22" t="s">
        <v>268</v>
      </c>
      <c r="J100" s="22" t="s">
        <v>268</v>
      </c>
      <c r="K100" s="16">
        <v>2</v>
      </c>
      <c r="L100" s="22" t="s">
        <v>268</v>
      </c>
      <c r="M100" s="16">
        <v>4</v>
      </c>
      <c r="N100" s="22" t="s">
        <v>268</v>
      </c>
      <c r="O100" s="22" t="s">
        <v>268</v>
      </c>
      <c r="P100" s="22" t="s">
        <v>268</v>
      </c>
      <c r="Q100" s="22" t="s">
        <v>268</v>
      </c>
    </row>
    <row r="101" spans="1:17">
      <c r="A101" s="21" t="s">
        <v>232</v>
      </c>
      <c r="B101" s="21" t="s">
        <v>237</v>
      </c>
      <c r="C101" s="21" t="s">
        <v>264</v>
      </c>
      <c r="D101" s="21" t="s">
        <v>215</v>
      </c>
      <c r="E101" s="21" t="s">
        <v>681</v>
      </c>
      <c r="F101" s="21" t="s">
        <v>425</v>
      </c>
      <c r="G101" s="16">
        <v>831666</v>
      </c>
      <c r="H101" s="16">
        <v>755805</v>
      </c>
      <c r="I101" s="16">
        <v>633819</v>
      </c>
      <c r="J101" s="16">
        <v>101626</v>
      </c>
      <c r="K101" s="16">
        <v>121986</v>
      </c>
      <c r="L101" s="16">
        <v>7005</v>
      </c>
      <c r="M101" s="16">
        <v>68856</v>
      </c>
      <c r="N101" s="22" t="s">
        <v>268</v>
      </c>
      <c r="O101" s="16">
        <v>91529</v>
      </c>
      <c r="P101" s="22" t="s">
        <v>268</v>
      </c>
      <c r="Q101" s="22" t="s">
        <v>268</v>
      </c>
    </row>
    <row r="102" spans="1:17">
      <c r="A102" s="21" t="s">
        <v>232</v>
      </c>
      <c r="B102" s="21" t="s">
        <v>237</v>
      </c>
      <c r="C102" s="21" t="s">
        <v>264</v>
      </c>
      <c r="D102" s="21" t="s">
        <v>215</v>
      </c>
      <c r="E102" s="21" t="s">
        <v>681</v>
      </c>
      <c r="F102" s="21" t="s">
        <v>426</v>
      </c>
      <c r="G102" s="16">
        <v>489554</v>
      </c>
      <c r="H102" s="16">
        <v>457168</v>
      </c>
      <c r="I102" s="16">
        <v>329945</v>
      </c>
      <c r="J102" s="16">
        <v>191110</v>
      </c>
      <c r="K102" s="16">
        <v>127223</v>
      </c>
      <c r="L102" s="16">
        <v>2785</v>
      </c>
      <c r="M102" s="16">
        <v>29601</v>
      </c>
      <c r="N102" s="22" t="s">
        <v>268</v>
      </c>
      <c r="O102" s="16">
        <v>91401</v>
      </c>
      <c r="P102" s="16">
        <v>185812</v>
      </c>
      <c r="Q102" s="16">
        <v>29601</v>
      </c>
    </row>
    <row r="103" spans="1:17">
      <c r="A103" s="21" t="s">
        <v>232</v>
      </c>
      <c r="B103" s="21" t="s">
        <v>237</v>
      </c>
      <c r="C103" s="21" t="s">
        <v>264</v>
      </c>
      <c r="D103" s="21" t="s">
        <v>215</v>
      </c>
      <c r="E103" s="21" t="s">
        <v>681</v>
      </c>
      <c r="F103" s="21" t="s">
        <v>720</v>
      </c>
      <c r="G103" s="16">
        <v>14588</v>
      </c>
      <c r="H103" s="22" t="s">
        <v>268</v>
      </c>
      <c r="I103" s="22" t="s">
        <v>268</v>
      </c>
      <c r="J103" s="22" t="s">
        <v>268</v>
      </c>
      <c r="K103" s="22" t="s">
        <v>268</v>
      </c>
      <c r="L103" s="22" t="s">
        <v>268</v>
      </c>
      <c r="M103" s="16">
        <v>11705</v>
      </c>
      <c r="N103" s="16">
        <v>2883</v>
      </c>
      <c r="O103" s="22" t="s">
        <v>268</v>
      </c>
      <c r="P103" s="22" t="s">
        <v>268</v>
      </c>
      <c r="Q103" s="22" t="s">
        <v>268</v>
      </c>
    </row>
    <row r="104" spans="1:17">
      <c r="A104" s="21" t="s">
        <v>232</v>
      </c>
      <c r="B104" s="21" t="s">
        <v>237</v>
      </c>
      <c r="C104" s="21" t="s">
        <v>264</v>
      </c>
      <c r="D104" s="21" t="s">
        <v>215</v>
      </c>
      <c r="E104" s="21" t="s">
        <v>681</v>
      </c>
      <c r="F104" s="21" t="s">
        <v>427</v>
      </c>
      <c r="G104" s="16">
        <v>614117</v>
      </c>
      <c r="H104" s="16">
        <v>572213</v>
      </c>
      <c r="I104" s="16">
        <v>407805</v>
      </c>
      <c r="J104" s="16">
        <v>224316</v>
      </c>
      <c r="K104" s="16">
        <v>164408</v>
      </c>
      <c r="L104" s="16">
        <v>3664</v>
      </c>
      <c r="M104" s="16">
        <v>38240</v>
      </c>
      <c r="N104" s="22" t="s">
        <v>268</v>
      </c>
      <c r="O104" s="16">
        <v>115835</v>
      </c>
      <c r="P104" s="16">
        <v>185812</v>
      </c>
      <c r="Q104" s="16">
        <v>29601</v>
      </c>
    </row>
    <row r="105" spans="1:17">
      <c r="A105" s="21" t="s">
        <v>232</v>
      </c>
      <c r="B105" s="21" t="s">
        <v>237</v>
      </c>
      <c r="C105" s="21" t="s">
        <v>264</v>
      </c>
      <c r="D105" s="21" t="s">
        <v>215</v>
      </c>
      <c r="E105" s="21" t="s">
        <v>681</v>
      </c>
      <c r="F105" s="21" t="s">
        <v>428</v>
      </c>
      <c r="G105" s="16">
        <v>210759</v>
      </c>
      <c r="H105" s="16">
        <v>197849</v>
      </c>
      <c r="I105" s="16">
        <v>145569</v>
      </c>
      <c r="J105" s="16">
        <v>87722</v>
      </c>
      <c r="K105" s="16">
        <v>52280</v>
      </c>
      <c r="L105" s="16">
        <v>1043</v>
      </c>
      <c r="M105" s="16">
        <v>11867</v>
      </c>
      <c r="N105" s="22" t="s">
        <v>268</v>
      </c>
      <c r="O105" s="16">
        <v>37786</v>
      </c>
      <c r="P105" s="16">
        <v>87446</v>
      </c>
      <c r="Q105" s="16">
        <v>11867</v>
      </c>
    </row>
    <row r="106" spans="1:17">
      <c r="A106" s="21" t="s">
        <v>232</v>
      </c>
      <c r="B106" s="21" t="s">
        <v>237</v>
      </c>
      <c r="C106" s="21" t="s">
        <v>264</v>
      </c>
      <c r="D106" s="21" t="s">
        <v>215</v>
      </c>
      <c r="E106" s="21" t="s">
        <v>681</v>
      </c>
      <c r="F106" s="21" t="s">
        <v>429</v>
      </c>
      <c r="G106" s="16">
        <v>54975</v>
      </c>
      <c r="H106" s="16">
        <v>50783</v>
      </c>
      <c r="I106" s="16">
        <v>35381</v>
      </c>
      <c r="J106" s="16">
        <v>20516</v>
      </c>
      <c r="K106" s="16">
        <v>15402</v>
      </c>
      <c r="L106" s="16">
        <v>255</v>
      </c>
      <c r="M106" s="16">
        <v>3937</v>
      </c>
      <c r="N106" s="22" t="s">
        <v>268</v>
      </c>
      <c r="O106" s="16">
        <v>9712</v>
      </c>
      <c r="P106" s="16">
        <v>20510</v>
      </c>
      <c r="Q106" s="16">
        <v>3937</v>
      </c>
    </row>
    <row r="107" spans="1:17">
      <c r="A107" s="21" t="s">
        <v>232</v>
      </c>
      <c r="B107" s="21" t="s">
        <v>237</v>
      </c>
      <c r="C107" s="21" t="s">
        <v>264</v>
      </c>
      <c r="D107" s="21" t="s">
        <v>215</v>
      </c>
      <c r="E107" s="21" t="s">
        <v>682</v>
      </c>
      <c r="F107" s="21" t="s">
        <v>214</v>
      </c>
      <c r="G107" s="16">
        <v>1326650</v>
      </c>
      <c r="H107" s="16">
        <v>1206176</v>
      </c>
      <c r="I107" s="16">
        <v>957414</v>
      </c>
      <c r="J107" s="16">
        <v>291386</v>
      </c>
      <c r="K107" s="16">
        <v>248762</v>
      </c>
      <c r="L107" s="16">
        <v>9718</v>
      </c>
      <c r="M107" s="16">
        <v>107877</v>
      </c>
      <c r="N107" s="16">
        <v>2879</v>
      </c>
      <c r="O107" s="16">
        <v>182621</v>
      </c>
      <c r="P107" s="16">
        <v>185178</v>
      </c>
      <c r="Q107" s="16">
        <v>29265</v>
      </c>
    </row>
    <row r="108" spans="1:17">
      <c r="A108" s="21" t="s">
        <v>232</v>
      </c>
      <c r="B108" s="21" t="s">
        <v>237</v>
      </c>
      <c r="C108" s="21" t="s">
        <v>264</v>
      </c>
      <c r="D108" s="21" t="s">
        <v>215</v>
      </c>
      <c r="E108" s="21" t="s">
        <v>682</v>
      </c>
      <c r="F108" s="21" t="s">
        <v>424</v>
      </c>
      <c r="G108" s="16">
        <v>1</v>
      </c>
      <c r="H108" s="22" t="s">
        <v>268</v>
      </c>
      <c r="I108" s="22" t="s">
        <v>268</v>
      </c>
      <c r="J108" s="22" t="s">
        <v>268</v>
      </c>
      <c r="K108" s="22" t="s">
        <v>268</v>
      </c>
      <c r="L108" s="22" t="s">
        <v>268</v>
      </c>
      <c r="M108" s="16">
        <v>1</v>
      </c>
      <c r="N108" s="22" t="s">
        <v>268</v>
      </c>
      <c r="O108" s="22" t="s">
        <v>268</v>
      </c>
      <c r="P108" s="22" t="s">
        <v>268</v>
      </c>
      <c r="Q108" s="22" t="s">
        <v>268</v>
      </c>
    </row>
    <row r="109" spans="1:17">
      <c r="A109" s="21" t="s">
        <v>232</v>
      </c>
      <c r="B109" s="21" t="s">
        <v>237</v>
      </c>
      <c r="C109" s="21" t="s">
        <v>264</v>
      </c>
      <c r="D109" s="21" t="s">
        <v>215</v>
      </c>
      <c r="E109" s="21" t="s">
        <v>682</v>
      </c>
      <c r="F109" s="21" t="s">
        <v>425</v>
      </c>
      <c r="G109" s="16">
        <v>823947</v>
      </c>
      <c r="H109" s="16">
        <v>750040</v>
      </c>
      <c r="I109" s="16">
        <v>628405</v>
      </c>
      <c r="J109" s="16">
        <v>100936</v>
      </c>
      <c r="K109" s="16">
        <v>121635</v>
      </c>
      <c r="L109" s="16">
        <v>6948</v>
      </c>
      <c r="M109" s="16">
        <v>66959</v>
      </c>
      <c r="N109" s="22" t="s">
        <v>268</v>
      </c>
      <c r="O109" s="16">
        <v>91279</v>
      </c>
      <c r="P109" s="22" t="s">
        <v>268</v>
      </c>
      <c r="Q109" s="22" t="s">
        <v>268</v>
      </c>
    </row>
    <row r="110" spans="1:17">
      <c r="A110" s="21" t="s">
        <v>232</v>
      </c>
      <c r="B110" s="21" t="s">
        <v>237</v>
      </c>
      <c r="C110" s="21" t="s">
        <v>264</v>
      </c>
      <c r="D110" s="21" t="s">
        <v>215</v>
      </c>
      <c r="E110" s="21" t="s">
        <v>682</v>
      </c>
      <c r="F110" s="21" t="s">
        <v>426</v>
      </c>
      <c r="G110" s="16">
        <v>488171</v>
      </c>
      <c r="H110" s="16">
        <v>456136</v>
      </c>
      <c r="I110" s="16">
        <v>329009</v>
      </c>
      <c r="J110" s="16">
        <v>190450</v>
      </c>
      <c r="K110" s="16">
        <v>127127</v>
      </c>
      <c r="L110" s="16">
        <v>2770</v>
      </c>
      <c r="M110" s="16">
        <v>29265</v>
      </c>
      <c r="N110" s="22" t="s">
        <v>268</v>
      </c>
      <c r="O110" s="16">
        <v>91342</v>
      </c>
      <c r="P110" s="16">
        <v>185178</v>
      </c>
      <c r="Q110" s="16">
        <v>29265</v>
      </c>
    </row>
    <row r="111" spans="1:17">
      <c r="A111" s="21" t="s">
        <v>232</v>
      </c>
      <c r="B111" s="21" t="s">
        <v>237</v>
      </c>
      <c r="C111" s="21" t="s">
        <v>264</v>
      </c>
      <c r="D111" s="21" t="s">
        <v>215</v>
      </c>
      <c r="E111" s="21" t="s">
        <v>682</v>
      </c>
      <c r="F111" s="21" t="s">
        <v>720</v>
      </c>
      <c r="G111" s="16">
        <v>14531</v>
      </c>
      <c r="H111" s="22" t="s">
        <v>268</v>
      </c>
      <c r="I111" s="22" t="s">
        <v>268</v>
      </c>
      <c r="J111" s="22" t="s">
        <v>268</v>
      </c>
      <c r="K111" s="22" t="s">
        <v>268</v>
      </c>
      <c r="L111" s="22" t="s">
        <v>268</v>
      </c>
      <c r="M111" s="16">
        <v>11652</v>
      </c>
      <c r="N111" s="16">
        <v>2879</v>
      </c>
      <c r="O111" s="22" t="s">
        <v>268</v>
      </c>
      <c r="P111" s="22" t="s">
        <v>268</v>
      </c>
      <c r="Q111" s="22" t="s">
        <v>268</v>
      </c>
    </row>
    <row r="112" spans="1:17">
      <c r="A112" s="21" t="s">
        <v>232</v>
      </c>
      <c r="B112" s="21" t="s">
        <v>237</v>
      </c>
      <c r="C112" s="21" t="s">
        <v>264</v>
      </c>
      <c r="D112" s="21" t="s">
        <v>215</v>
      </c>
      <c r="E112" s="21" t="s">
        <v>682</v>
      </c>
      <c r="F112" s="21" t="s">
        <v>427</v>
      </c>
      <c r="G112" s="16">
        <v>612226</v>
      </c>
      <c r="H112" s="16">
        <v>570812</v>
      </c>
      <c r="I112" s="16">
        <v>406552</v>
      </c>
      <c r="J112" s="16">
        <v>223522</v>
      </c>
      <c r="K112" s="16">
        <v>164260</v>
      </c>
      <c r="L112" s="16">
        <v>3635</v>
      </c>
      <c r="M112" s="16">
        <v>37779</v>
      </c>
      <c r="N112" s="22" t="s">
        <v>268</v>
      </c>
      <c r="O112" s="16">
        <v>115745</v>
      </c>
      <c r="P112" s="16">
        <v>185178</v>
      </c>
      <c r="Q112" s="16">
        <v>29265</v>
      </c>
    </row>
    <row r="113" spans="1:17">
      <c r="A113" s="21" t="s">
        <v>232</v>
      </c>
      <c r="B113" s="21" t="s">
        <v>237</v>
      </c>
      <c r="C113" s="21" t="s">
        <v>264</v>
      </c>
      <c r="D113" s="21" t="s">
        <v>215</v>
      </c>
      <c r="E113" s="21" t="s">
        <v>682</v>
      </c>
      <c r="F113" s="21" t="s">
        <v>428</v>
      </c>
      <c r="G113" s="16">
        <v>210197</v>
      </c>
      <c r="H113" s="16">
        <v>197415</v>
      </c>
      <c r="I113" s="16">
        <v>145163</v>
      </c>
      <c r="J113" s="16">
        <v>87414</v>
      </c>
      <c r="K113" s="16">
        <v>52252</v>
      </c>
      <c r="L113" s="16">
        <v>1039</v>
      </c>
      <c r="M113" s="16">
        <v>11743</v>
      </c>
      <c r="N113" s="22" t="s">
        <v>268</v>
      </c>
      <c r="O113" s="16">
        <v>37773</v>
      </c>
      <c r="P113" s="16">
        <v>87138</v>
      </c>
      <c r="Q113" s="16">
        <v>11743</v>
      </c>
    </row>
    <row r="114" spans="1:17">
      <c r="A114" s="21" t="s">
        <v>232</v>
      </c>
      <c r="B114" s="21" t="s">
        <v>237</v>
      </c>
      <c r="C114" s="21" t="s">
        <v>264</v>
      </c>
      <c r="D114" s="21" t="s">
        <v>215</v>
      </c>
      <c r="E114" s="21" t="s">
        <v>682</v>
      </c>
      <c r="F114" s="21" t="s">
        <v>429</v>
      </c>
      <c r="G114" s="16">
        <v>54804</v>
      </c>
      <c r="H114" s="16">
        <v>50657</v>
      </c>
      <c r="I114" s="16">
        <v>35267</v>
      </c>
      <c r="J114" s="16">
        <v>20420</v>
      </c>
      <c r="K114" s="16">
        <v>15390</v>
      </c>
      <c r="L114" s="16">
        <v>255</v>
      </c>
      <c r="M114" s="16">
        <v>3892</v>
      </c>
      <c r="N114" s="22" t="s">
        <v>268</v>
      </c>
      <c r="O114" s="16">
        <v>9708</v>
      </c>
      <c r="P114" s="16">
        <v>20414</v>
      </c>
      <c r="Q114" s="16">
        <v>3892</v>
      </c>
    </row>
    <row r="115" spans="1:17">
      <c r="A115" s="21" t="s">
        <v>232</v>
      </c>
      <c r="B115" s="21" t="s">
        <v>237</v>
      </c>
      <c r="C115" s="21" t="s">
        <v>264</v>
      </c>
      <c r="D115" s="21" t="s">
        <v>215</v>
      </c>
      <c r="E115" s="21" t="s">
        <v>683</v>
      </c>
      <c r="F115" s="21" t="s">
        <v>214</v>
      </c>
      <c r="G115" s="16">
        <v>997608</v>
      </c>
      <c r="H115" s="16">
        <v>956993</v>
      </c>
      <c r="I115" s="16">
        <v>719108</v>
      </c>
      <c r="J115" s="16">
        <v>231376</v>
      </c>
      <c r="K115" s="16">
        <v>237885</v>
      </c>
      <c r="L115" s="16">
        <v>4842</v>
      </c>
      <c r="M115" s="16">
        <v>34295</v>
      </c>
      <c r="N115" s="16">
        <v>1478</v>
      </c>
      <c r="O115" s="16">
        <v>175988</v>
      </c>
      <c r="P115" s="16">
        <v>166070</v>
      </c>
      <c r="Q115" s="16">
        <v>19118</v>
      </c>
    </row>
    <row r="116" spans="1:17">
      <c r="A116" s="21" t="s">
        <v>232</v>
      </c>
      <c r="B116" s="21" t="s">
        <v>237</v>
      </c>
      <c r="C116" s="21" t="s">
        <v>264</v>
      </c>
      <c r="D116" s="21" t="s">
        <v>215</v>
      </c>
      <c r="E116" s="21" t="s">
        <v>683</v>
      </c>
      <c r="F116" s="21" t="s">
        <v>424</v>
      </c>
      <c r="G116" s="22" t="s">
        <v>268</v>
      </c>
      <c r="H116" s="22" t="s">
        <v>268</v>
      </c>
      <c r="I116" s="22" t="s">
        <v>268</v>
      </c>
      <c r="J116" s="22" t="s">
        <v>268</v>
      </c>
      <c r="K116" s="22" t="s">
        <v>268</v>
      </c>
      <c r="L116" s="22" t="s">
        <v>268</v>
      </c>
      <c r="M116" s="22" t="s">
        <v>268</v>
      </c>
      <c r="N116" s="22" t="s">
        <v>268</v>
      </c>
      <c r="O116" s="22" t="s">
        <v>268</v>
      </c>
      <c r="P116" s="22" t="s">
        <v>268</v>
      </c>
      <c r="Q116" s="22" t="s">
        <v>268</v>
      </c>
    </row>
    <row r="117" spans="1:17">
      <c r="A117" s="21" t="s">
        <v>232</v>
      </c>
      <c r="B117" s="21" t="s">
        <v>237</v>
      </c>
      <c r="C117" s="21" t="s">
        <v>264</v>
      </c>
      <c r="D117" s="21" t="s">
        <v>215</v>
      </c>
      <c r="E117" s="21" t="s">
        <v>683</v>
      </c>
      <c r="F117" s="21" t="s">
        <v>425</v>
      </c>
      <c r="G117" s="16">
        <v>553656</v>
      </c>
      <c r="H117" s="16">
        <v>537325</v>
      </c>
      <c r="I117" s="16">
        <v>423174</v>
      </c>
      <c r="J117" s="16">
        <v>61194</v>
      </c>
      <c r="K117" s="16">
        <v>114151</v>
      </c>
      <c r="L117" s="16">
        <v>2637</v>
      </c>
      <c r="M117" s="16">
        <v>13694</v>
      </c>
      <c r="N117" s="22" t="s">
        <v>268</v>
      </c>
      <c r="O117" s="16">
        <v>86598</v>
      </c>
      <c r="P117" s="22" t="s">
        <v>268</v>
      </c>
      <c r="Q117" s="22" t="s">
        <v>268</v>
      </c>
    </row>
    <row r="118" spans="1:17">
      <c r="A118" s="21" t="s">
        <v>232</v>
      </c>
      <c r="B118" s="21" t="s">
        <v>237</v>
      </c>
      <c r="C118" s="21" t="s">
        <v>264</v>
      </c>
      <c r="D118" s="21" t="s">
        <v>215</v>
      </c>
      <c r="E118" s="21" t="s">
        <v>683</v>
      </c>
      <c r="F118" s="21" t="s">
        <v>426</v>
      </c>
      <c r="G118" s="16">
        <v>440991</v>
      </c>
      <c r="H118" s="16">
        <v>419668</v>
      </c>
      <c r="I118" s="16">
        <v>295934</v>
      </c>
      <c r="J118" s="16">
        <v>170182</v>
      </c>
      <c r="K118" s="16">
        <v>123734</v>
      </c>
      <c r="L118" s="16">
        <v>2205</v>
      </c>
      <c r="M118" s="16">
        <v>19118</v>
      </c>
      <c r="N118" s="22" t="s">
        <v>268</v>
      </c>
      <c r="O118" s="16">
        <v>89390</v>
      </c>
      <c r="P118" s="16">
        <v>166070</v>
      </c>
      <c r="Q118" s="16">
        <v>19118</v>
      </c>
    </row>
    <row r="119" spans="1:17">
      <c r="A119" s="21" t="s">
        <v>232</v>
      </c>
      <c r="B119" s="21" t="s">
        <v>237</v>
      </c>
      <c r="C119" s="21" t="s">
        <v>264</v>
      </c>
      <c r="D119" s="21" t="s">
        <v>215</v>
      </c>
      <c r="E119" s="21" t="s">
        <v>683</v>
      </c>
      <c r="F119" s="21" t="s">
        <v>720</v>
      </c>
      <c r="G119" s="16">
        <v>2961</v>
      </c>
      <c r="H119" s="22" t="s">
        <v>268</v>
      </c>
      <c r="I119" s="22" t="s">
        <v>268</v>
      </c>
      <c r="J119" s="22" t="s">
        <v>268</v>
      </c>
      <c r="K119" s="22" t="s">
        <v>268</v>
      </c>
      <c r="L119" s="22" t="s">
        <v>268</v>
      </c>
      <c r="M119" s="16">
        <v>1483</v>
      </c>
      <c r="N119" s="16">
        <v>1478</v>
      </c>
      <c r="O119" s="22" t="s">
        <v>268</v>
      </c>
      <c r="P119" s="22" t="s">
        <v>268</v>
      </c>
      <c r="Q119" s="22" t="s">
        <v>268</v>
      </c>
    </row>
    <row r="120" spans="1:17">
      <c r="A120" s="21" t="s">
        <v>232</v>
      </c>
      <c r="B120" s="21" t="s">
        <v>237</v>
      </c>
      <c r="C120" s="21" t="s">
        <v>264</v>
      </c>
      <c r="D120" s="21" t="s">
        <v>215</v>
      </c>
      <c r="E120" s="21" t="s">
        <v>683</v>
      </c>
      <c r="F120" s="21" t="s">
        <v>427</v>
      </c>
      <c r="G120" s="16">
        <v>546836</v>
      </c>
      <c r="H120" s="16">
        <v>520518</v>
      </c>
      <c r="I120" s="16">
        <v>360967</v>
      </c>
      <c r="J120" s="16">
        <v>197566</v>
      </c>
      <c r="K120" s="16">
        <v>159551</v>
      </c>
      <c r="L120" s="16">
        <v>2853</v>
      </c>
      <c r="M120" s="16">
        <v>23465</v>
      </c>
      <c r="N120" s="22" t="s">
        <v>268</v>
      </c>
      <c r="O120" s="16">
        <v>112984</v>
      </c>
      <c r="P120" s="16">
        <v>166070</v>
      </c>
      <c r="Q120" s="16">
        <v>19118</v>
      </c>
    </row>
    <row r="121" spans="1:17">
      <c r="A121" s="21" t="s">
        <v>232</v>
      </c>
      <c r="B121" s="21" t="s">
        <v>237</v>
      </c>
      <c r="C121" s="21" t="s">
        <v>264</v>
      </c>
      <c r="D121" s="21" t="s">
        <v>215</v>
      </c>
      <c r="E121" s="21" t="s">
        <v>683</v>
      </c>
      <c r="F121" s="21" t="s">
        <v>428</v>
      </c>
      <c r="G121" s="16">
        <v>193684</v>
      </c>
      <c r="H121" s="16">
        <v>184165</v>
      </c>
      <c r="I121" s="16">
        <v>132993</v>
      </c>
      <c r="J121" s="16">
        <v>79336</v>
      </c>
      <c r="K121" s="16">
        <v>51172</v>
      </c>
      <c r="L121" s="16">
        <v>876</v>
      </c>
      <c r="M121" s="16">
        <v>8643</v>
      </c>
      <c r="N121" s="22" t="s">
        <v>268</v>
      </c>
      <c r="O121" s="16">
        <v>37151</v>
      </c>
      <c r="P121" s="16">
        <v>79166</v>
      </c>
      <c r="Q121" s="16">
        <v>8643</v>
      </c>
    </row>
    <row r="122" spans="1:17">
      <c r="A122" s="21" t="s">
        <v>232</v>
      </c>
      <c r="B122" s="21" t="s">
        <v>237</v>
      </c>
      <c r="C122" s="21" t="s">
        <v>264</v>
      </c>
      <c r="D122" s="21" t="s">
        <v>215</v>
      </c>
      <c r="E122" s="21" t="s">
        <v>683</v>
      </c>
      <c r="F122" s="21" t="s">
        <v>429</v>
      </c>
      <c r="G122" s="16">
        <v>51485</v>
      </c>
      <c r="H122" s="16">
        <v>47985</v>
      </c>
      <c r="I122" s="16">
        <v>32815</v>
      </c>
      <c r="J122" s="16">
        <v>18826</v>
      </c>
      <c r="K122" s="16">
        <v>15170</v>
      </c>
      <c r="L122" s="16">
        <v>225</v>
      </c>
      <c r="M122" s="16">
        <v>3275</v>
      </c>
      <c r="N122" s="22" t="s">
        <v>268</v>
      </c>
      <c r="O122" s="16">
        <v>9589</v>
      </c>
      <c r="P122" s="16">
        <v>18822</v>
      </c>
      <c r="Q122" s="16">
        <v>3275</v>
      </c>
    </row>
    <row r="123" spans="1:17">
      <c r="A123" s="21" t="s">
        <v>232</v>
      </c>
      <c r="B123" s="21" t="s">
        <v>237</v>
      </c>
      <c r="C123" s="21" t="s">
        <v>264</v>
      </c>
      <c r="D123" s="21" t="s">
        <v>215</v>
      </c>
      <c r="E123" s="21" t="s">
        <v>684</v>
      </c>
      <c r="F123" s="21" t="s">
        <v>214</v>
      </c>
      <c r="G123" s="16">
        <v>45277</v>
      </c>
      <c r="H123" s="16">
        <v>39562</v>
      </c>
      <c r="I123" s="16">
        <v>37454</v>
      </c>
      <c r="J123" s="16">
        <v>12334</v>
      </c>
      <c r="K123" s="16">
        <v>2108</v>
      </c>
      <c r="L123" s="16">
        <v>180</v>
      </c>
      <c r="M123" s="16">
        <v>5405</v>
      </c>
      <c r="N123" s="16">
        <v>130</v>
      </c>
      <c r="O123" s="16">
        <v>1253</v>
      </c>
      <c r="P123" s="16">
        <v>8532</v>
      </c>
      <c r="Q123" s="16">
        <v>3160</v>
      </c>
    </row>
    <row r="124" spans="1:17">
      <c r="A124" s="21" t="s">
        <v>232</v>
      </c>
      <c r="B124" s="21" t="s">
        <v>237</v>
      </c>
      <c r="C124" s="21" t="s">
        <v>264</v>
      </c>
      <c r="D124" s="21" t="s">
        <v>215</v>
      </c>
      <c r="E124" s="21" t="s">
        <v>684</v>
      </c>
      <c r="F124" s="21" t="s">
        <v>424</v>
      </c>
      <c r="G124" s="22" t="s">
        <v>268</v>
      </c>
      <c r="H124" s="22" t="s">
        <v>268</v>
      </c>
      <c r="I124" s="22" t="s">
        <v>268</v>
      </c>
      <c r="J124" s="22" t="s">
        <v>268</v>
      </c>
      <c r="K124" s="22" t="s">
        <v>268</v>
      </c>
      <c r="L124" s="22" t="s">
        <v>268</v>
      </c>
      <c r="M124" s="22" t="s">
        <v>268</v>
      </c>
      <c r="N124" s="22" t="s">
        <v>268</v>
      </c>
      <c r="O124" s="22" t="s">
        <v>268</v>
      </c>
      <c r="P124" s="22" t="s">
        <v>268</v>
      </c>
      <c r="Q124" s="22" t="s">
        <v>268</v>
      </c>
    </row>
    <row r="125" spans="1:17">
      <c r="A125" s="21" t="s">
        <v>232</v>
      </c>
      <c r="B125" s="21" t="s">
        <v>237</v>
      </c>
      <c r="C125" s="21" t="s">
        <v>264</v>
      </c>
      <c r="D125" s="21" t="s">
        <v>215</v>
      </c>
      <c r="E125" s="21" t="s">
        <v>684</v>
      </c>
      <c r="F125" s="21" t="s">
        <v>425</v>
      </c>
      <c r="G125" s="16">
        <v>27101</v>
      </c>
      <c r="H125" s="16">
        <v>24886</v>
      </c>
      <c r="I125" s="16">
        <v>23800</v>
      </c>
      <c r="J125" s="16">
        <v>3486</v>
      </c>
      <c r="K125" s="16">
        <v>1086</v>
      </c>
      <c r="L125" s="16">
        <v>77</v>
      </c>
      <c r="M125" s="16">
        <v>2138</v>
      </c>
      <c r="N125" s="22" t="s">
        <v>268</v>
      </c>
      <c r="O125" s="16">
        <v>719</v>
      </c>
      <c r="P125" s="22" t="s">
        <v>268</v>
      </c>
      <c r="Q125" s="22" t="s">
        <v>268</v>
      </c>
    </row>
    <row r="126" spans="1:17">
      <c r="A126" s="21" t="s">
        <v>232</v>
      </c>
      <c r="B126" s="21" t="s">
        <v>237</v>
      </c>
      <c r="C126" s="21" t="s">
        <v>264</v>
      </c>
      <c r="D126" s="21" t="s">
        <v>215</v>
      </c>
      <c r="E126" s="21" t="s">
        <v>684</v>
      </c>
      <c r="F126" s="21" t="s">
        <v>426</v>
      </c>
      <c r="G126" s="16">
        <v>17939</v>
      </c>
      <c r="H126" s="16">
        <v>14676</v>
      </c>
      <c r="I126" s="16">
        <v>13654</v>
      </c>
      <c r="J126" s="16">
        <v>8848</v>
      </c>
      <c r="K126" s="16">
        <v>1022</v>
      </c>
      <c r="L126" s="16">
        <v>103</v>
      </c>
      <c r="M126" s="16">
        <v>3160</v>
      </c>
      <c r="N126" s="22" t="s">
        <v>268</v>
      </c>
      <c r="O126" s="16">
        <v>534</v>
      </c>
      <c r="P126" s="16">
        <v>8532</v>
      </c>
      <c r="Q126" s="16">
        <v>3160</v>
      </c>
    </row>
    <row r="127" spans="1:17">
      <c r="A127" s="21" t="s">
        <v>232</v>
      </c>
      <c r="B127" s="21" t="s">
        <v>237</v>
      </c>
      <c r="C127" s="21" t="s">
        <v>264</v>
      </c>
      <c r="D127" s="21" t="s">
        <v>215</v>
      </c>
      <c r="E127" s="21" t="s">
        <v>684</v>
      </c>
      <c r="F127" s="21" t="s">
        <v>720</v>
      </c>
      <c r="G127" s="16">
        <v>237</v>
      </c>
      <c r="H127" s="22" t="s">
        <v>268</v>
      </c>
      <c r="I127" s="22" t="s">
        <v>268</v>
      </c>
      <c r="J127" s="22" t="s">
        <v>268</v>
      </c>
      <c r="K127" s="22" t="s">
        <v>268</v>
      </c>
      <c r="L127" s="22" t="s">
        <v>268</v>
      </c>
      <c r="M127" s="16">
        <v>107</v>
      </c>
      <c r="N127" s="16">
        <v>130</v>
      </c>
      <c r="O127" s="22" t="s">
        <v>268</v>
      </c>
      <c r="P127" s="22" t="s">
        <v>268</v>
      </c>
      <c r="Q127" s="22" t="s">
        <v>268</v>
      </c>
    </row>
    <row r="128" spans="1:17">
      <c r="A128" s="21" t="s">
        <v>232</v>
      </c>
      <c r="B128" s="21" t="s">
        <v>237</v>
      </c>
      <c r="C128" s="21" t="s">
        <v>264</v>
      </c>
      <c r="D128" s="21" t="s">
        <v>215</v>
      </c>
      <c r="E128" s="21" t="s">
        <v>684</v>
      </c>
      <c r="F128" s="21" t="s">
        <v>427</v>
      </c>
      <c r="G128" s="16">
        <v>22045</v>
      </c>
      <c r="H128" s="16">
        <v>18139</v>
      </c>
      <c r="I128" s="16">
        <v>16805</v>
      </c>
      <c r="J128" s="16">
        <v>10288</v>
      </c>
      <c r="K128" s="16">
        <v>1334</v>
      </c>
      <c r="L128" s="16">
        <v>117</v>
      </c>
      <c r="M128" s="16">
        <v>3789</v>
      </c>
      <c r="N128" s="22" t="s">
        <v>268</v>
      </c>
      <c r="O128" s="16">
        <v>743</v>
      </c>
      <c r="P128" s="16">
        <v>8532</v>
      </c>
      <c r="Q128" s="16">
        <v>3160</v>
      </c>
    </row>
    <row r="129" spans="1:17">
      <c r="A129" s="21" t="s">
        <v>232</v>
      </c>
      <c r="B129" s="21" t="s">
        <v>237</v>
      </c>
      <c r="C129" s="21" t="s">
        <v>264</v>
      </c>
      <c r="D129" s="21" t="s">
        <v>215</v>
      </c>
      <c r="E129" s="21" t="s">
        <v>684</v>
      </c>
      <c r="F129" s="21" t="s">
        <v>428</v>
      </c>
      <c r="G129" s="16">
        <v>7303</v>
      </c>
      <c r="H129" s="16">
        <v>6051</v>
      </c>
      <c r="I129" s="16">
        <v>5688</v>
      </c>
      <c r="J129" s="16">
        <v>3980</v>
      </c>
      <c r="K129" s="16">
        <v>363</v>
      </c>
      <c r="L129" s="16">
        <v>30</v>
      </c>
      <c r="M129" s="16">
        <v>1222</v>
      </c>
      <c r="N129" s="22" t="s">
        <v>268</v>
      </c>
      <c r="O129" s="16">
        <v>196</v>
      </c>
      <c r="P129" s="16">
        <v>3946</v>
      </c>
      <c r="Q129" s="16">
        <v>1222</v>
      </c>
    </row>
    <row r="130" spans="1:17">
      <c r="A130" s="21" t="s">
        <v>232</v>
      </c>
      <c r="B130" s="21" t="s">
        <v>237</v>
      </c>
      <c r="C130" s="21" t="s">
        <v>264</v>
      </c>
      <c r="D130" s="21" t="s">
        <v>215</v>
      </c>
      <c r="E130" s="21" t="s">
        <v>684</v>
      </c>
      <c r="F130" s="21" t="s">
        <v>429</v>
      </c>
      <c r="G130" s="16">
        <v>1443</v>
      </c>
      <c r="H130" s="16">
        <v>1188</v>
      </c>
      <c r="I130" s="16">
        <v>1111</v>
      </c>
      <c r="J130" s="16">
        <v>774</v>
      </c>
      <c r="K130" s="16">
        <v>77</v>
      </c>
      <c r="L130" s="16">
        <v>10</v>
      </c>
      <c r="M130" s="16">
        <v>245</v>
      </c>
      <c r="N130" s="22" t="s">
        <v>268</v>
      </c>
      <c r="O130" s="16">
        <v>38</v>
      </c>
      <c r="P130" s="16">
        <v>774</v>
      </c>
      <c r="Q130" s="16">
        <v>245</v>
      </c>
    </row>
    <row r="131" spans="1:17">
      <c r="A131" s="21" t="s">
        <v>232</v>
      </c>
      <c r="B131" s="21" t="s">
        <v>237</v>
      </c>
      <c r="C131" s="21" t="s">
        <v>264</v>
      </c>
      <c r="D131" s="21" t="s">
        <v>215</v>
      </c>
      <c r="E131" s="21" t="s">
        <v>685</v>
      </c>
      <c r="F131" s="21" t="s">
        <v>214</v>
      </c>
      <c r="G131" s="16">
        <v>255358</v>
      </c>
      <c r="H131" s="16">
        <v>189268</v>
      </c>
      <c r="I131" s="16">
        <v>181128</v>
      </c>
      <c r="J131" s="16">
        <v>43856</v>
      </c>
      <c r="K131" s="16">
        <v>8140</v>
      </c>
      <c r="L131" s="16">
        <v>4556</v>
      </c>
      <c r="M131" s="16">
        <v>60291</v>
      </c>
      <c r="N131" s="16">
        <v>1243</v>
      </c>
      <c r="O131" s="16">
        <v>4927</v>
      </c>
      <c r="P131" s="16">
        <v>10152</v>
      </c>
      <c r="Q131" s="16">
        <v>6822</v>
      </c>
    </row>
    <row r="132" spans="1:17">
      <c r="A132" s="21" t="s">
        <v>232</v>
      </c>
      <c r="B132" s="21" t="s">
        <v>237</v>
      </c>
      <c r="C132" s="21" t="s">
        <v>264</v>
      </c>
      <c r="D132" s="21" t="s">
        <v>215</v>
      </c>
      <c r="E132" s="21" t="s">
        <v>685</v>
      </c>
      <c r="F132" s="21" t="s">
        <v>424</v>
      </c>
      <c r="G132" s="16">
        <v>1</v>
      </c>
      <c r="H132" s="22" t="s">
        <v>268</v>
      </c>
      <c r="I132" s="22" t="s">
        <v>268</v>
      </c>
      <c r="J132" s="22" t="s">
        <v>268</v>
      </c>
      <c r="K132" s="22" t="s">
        <v>268</v>
      </c>
      <c r="L132" s="22" t="s">
        <v>268</v>
      </c>
      <c r="M132" s="16">
        <v>1</v>
      </c>
      <c r="N132" s="22" t="s">
        <v>268</v>
      </c>
      <c r="O132" s="22" t="s">
        <v>268</v>
      </c>
      <c r="P132" s="22" t="s">
        <v>268</v>
      </c>
      <c r="Q132" s="22" t="s">
        <v>268</v>
      </c>
    </row>
    <row r="133" spans="1:17">
      <c r="A133" s="21" t="s">
        <v>232</v>
      </c>
      <c r="B133" s="21" t="s">
        <v>237</v>
      </c>
      <c r="C133" s="21" t="s">
        <v>264</v>
      </c>
      <c r="D133" s="21" t="s">
        <v>215</v>
      </c>
      <c r="E133" s="21" t="s">
        <v>685</v>
      </c>
      <c r="F133" s="21" t="s">
        <v>425</v>
      </c>
      <c r="G133" s="16">
        <v>216162</v>
      </c>
      <c r="H133" s="16">
        <v>168383</v>
      </c>
      <c r="I133" s="16">
        <v>162431</v>
      </c>
      <c r="J133" s="16">
        <v>32904</v>
      </c>
      <c r="K133" s="16">
        <v>5952</v>
      </c>
      <c r="L133" s="16">
        <v>4109</v>
      </c>
      <c r="M133" s="16">
        <v>43670</v>
      </c>
      <c r="N133" s="22" t="s">
        <v>268</v>
      </c>
      <c r="O133" s="16">
        <v>3648</v>
      </c>
      <c r="P133" s="22" t="s">
        <v>268</v>
      </c>
      <c r="Q133" s="22" t="s">
        <v>268</v>
      </c>
    </row>
    <row r="134" spans="1:17">
      <c r="A134" s="21" t="s">
        <v>232</v>
      </c>
      <c r="B134" s="21" t="s">
        <v>237</v>
      </c>
      <c r="C134" s="21" t="s">
        <v>264</v>
      </c>
      <c r="D134" s="21" t="s">
        <v>215</v>
      </c>
      <c r="E134" s="21" t="s">
        <v>685</v>
      </c>
      <c r="F134" s="21" t="s">
        <v>426</v>
      </c>
      <c r="G134" s="16">
        <v>28154</v>
      </c>
      <c r="H134" s="16">
        <v>20885</v>
      </c>
      <c r="I134" s="16">
        <v>18697</v>
      </c>
      <c r="J134" s="16">
        <v>10952</v>
      </c>
      <c r="K134" s="16">
        <v>2188</v>
      </c>
      <c r="L134" s="16">
        <v>447</v>
      </c>
      <c r="M134" s="16">
        <v>6822</v>
      </c>
      <c r="N134" s="22" t="s">
        <v>268</v>
      </c>
      <c r="O134" s="16">
        <v>1279</v>
      </c>
      <c r="P134" s="16">
        <v>10152</v>
      </c>
      <c r="Q134" s="16">
        <v>6822</v>
      </c>
    </row>
    <row r="135" spans="1:17">
      <c r="A135" s="21" t="s">
        <v>232</v>
      </c>
      <c r="B135" s="21" t="s">
        <v>237</v>
      </c>
      <c r="C135" s="21" t="s">
        <v>264</v>
      </c>
      <c r="D135" s="21" t="s">
        <v>215</v>
      </c>
      <c r="E135" s="21" t="s">
        <v>685</v>
      </c>
      <c r="F135" s="21" t="s">
        <v>720</v>
      </c>
      <c r="G135" s="16">
        <v>11041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22" t="s">
        <v>268</v>
      </c>
      <c r="M135" s="16">
        <v>9798</v>
      </c>
      <c r="N135" s="16">
        <v>1243</v>
      </c>
      <c r="O135" s="22" t="s">
        <v>268</v>
      </c>
      <c r="P135" s="22" t="s">
        <v>268</v>
      </c>
      <c r="Q135" s="22" t="s">
        <v>268</v>
      </c>
    </row>
    <row r="136" spans="1:17">
      <c r="A136" s="21" t="s">
        <v>232</v>
      </c>
      <c r="B136" s="21" t="s">
        <v>237</v>
      </c>
      <c r="C136" s="21" t="s">
        <v>264</v>
      </c>
      <c r="D136" s="21" t="s">
        <v>215</v>
      </c>
      <c r="E136" s="21" t="s">
        <v>685</v>
      </c>
      <c r="F136" s="21" t="s">
        <v>427</v>
      </c>
      <c r="G136" s="16">
        <v>41195</v>
      </c>
      <c r="H136" s="16">
        <v>30501</v>
      </c>
      <c r="I136" s="16">
        <v>27398</v>
      </c>
      <c r="J136" s="16">
        <v>14850</v>
      </c>
      <c r="K136" s="16">
        <v>3103</v>
      </c>
      <c r="L136" s="16">
        <v>650</v>
      </c>
      <c r="M136" s="16">
        <v>10044</v>
      </c>
      <c r="N136" s="22" t="s">
        <v>268</v>
      </c>
      <c r="O136" s="16">
        <v>1822</v>
      </c>
      <c r="P136" s="16">
        <v>10152</v>
      </c>
      <c r="Q136" s="16">
        <v>6822</v>
      </c>
    </row>
    <row r="137" spans="1:17">
      <c r="A137" s="21" t="s">
        <v>232</v>
      </c>
      <c r="B137" s="21" t="s">
        <v>237</v>
      </c>
      <c r="C137" s="21" t="s">
        <v>264</v>
      </c>
      <c r="D137" s="21" t="s">
        <v>215</v>
      </c>
      <c r="E137" s="21" t="s">
        <v>685</v>
      </c>
      <c r="F137" s="21" t="s">
        <v>428</v>
      </c>
      <c r="G137" s="16">
        <v>8894</v>
      </c>
      <c r="H137" s="16">
        <v>6919</v>
      </c>
      <c r="I137" s="16">
        <v>6278</v>
      </c>
      <c r="J137" s="16">
        <v>3962</v>
      </c>
      <c r="K137" s="16">
        <v>641</v>
      </c>
      <c r="L137" s="16">
        <v>128</v>
      </c>
      <c r="M137" s="16">
        <v>1847</v>
      </c>
      <c r="N137" s="22" t="s">
        <v>268</v>
      </c>
      <c r="O137" s="16">
        <v>363</v>
      </c>
      <c r="P137" s="16">
        <v>3892</v>
      </c>
      <c r="Q137" s="16">
        <v>1847</v>
      </c>
    </row>
    <row r="138" spans="1:17">
      <c r="A138" s="21" t="s">
        <v>232</v>
      </c>
      <c r="B138" s="21" t="s">
        <v>237</v>
      </c>
      <c r="C138" s="21" t="s">
        <v>264</v>
      </c>
      <c r="D138" s="21" t="s">
        <v>215</v>
      </c>
      <c r="E138" s="21" t="s">
        <v>685</v>
      </c>
      <c r="F138" s="21" t="s">
        <v>429</v>
      </c>
      <c r="G138" s="16">
        <v>1812</v>
      </c>
      <c r="H138" s="16">
        <v>1422</v>
      </c>
      <c r="I138" s="16">
        <v>1296</v>
      </c>
      <c r="J138" s="16">
        <v>794</v>
      </c>
      <c r="K138" s="16">
        <v>126</v>
      </c>
      <c r="L138" s="16">
        <v>20</v>
      </c>
      <c r="M138" s="16">
        <v>370</v>
      </c>
      <c r="N138" s="22" t="s">
        <v>268</v>
      </c>
      <c r="O138" s="16">
        <v>67</v>
      </c>
      <c r="P138" s="16">
        <v>792</v>
      </c>
      <c r="Q138" s="16">
        <v>370</v>
      </c>
    </row>
    <row r="139" spans="1:17">
      <c r="A139" s="21" t="s">
        <v>232</v>
      </c>
      <c r="B139" s="21" t="s">
        <v>237</v>
      </c>
      <c r="C139" s="21" t="s">
        <v>264</v>
      </c>
      <c r="D139" s="21" t="s">
        <v>215</v>
      </c>
      <c r="E139" s="21" t="s">
        <v>686</v>
      </c>
      <c r="F139" s="21" t="s">
        <v>214</v>
      </c>
      <c r="G139" s="16">
        <v>28407</v>
      </c>
      <c r="H139" s="16">
        <v>20353</v>
      </c>
      <c r="I139" s="16">
        <v>19724</v>
      </c>
      <c r="J139" s="16">
        <v>3820</v>
      </c>
      <c r="K139" s="16">
        <v>629</v>
      </c>
      <c r="L139" s="16">
        <v>140</v>
      </c>
      <c r="M139" s="16">
        <v>7886</v>
      </c>
      <c r="N139" s="16">
        <v>28</v>
      </c>
      <c r="O139" s="16">
        <v>453</v>
      </c>
      <c r="P139" s="16">
        <v>424</v>
      </c>
      <c r="Q139" s="16">
        <v>165</v>
      </c>
    </row>
    <row r="140" spans="1:17">
      <c r="A140" s="21" t="s">
        <v>232</v>
      </c>
      <c r="B140" s="21" t="s">
        <v>237</v>
      </c>
      <c r="C140" s="21" t="s">
        <v>264</v>
      </c>
      <c r="D140" s="21" t="s">
        <v>215</v>
      </c>
      <c r="E140" s="21" t="s">
        <v>686</v>
      </c>
      <c r="F140" s="21" t="s">
        <v>424</v>
      </c>
      <c r="G140" s="22" t="s">
        <v>268</v>
      </c>
      <c r="H140" s="22" t="s">
        <v>268</v>
      </c>
      <c r="I140" s="22" t="s">
        <v>268</v>
      </c>
      <c r="J140" s="22" t="s">
        <v>268</v>
      </c>
      <c r="K140" s="22" t="s">
        <v>268</v>
      </c>
      <c r="L140" s="22" t="s">
        <v>268</v>
      </c>
      <c r="M140" s="22" t="s">
        <v>268</v>
      </c>
      <c r="N140" s="22" t="s">
        <v>268</v>
      </c>
      <c r="O140" s="22" t="s">
        <v>268</v>
      </c>
      <c r="P140" s="22" t="s">
        <v>268</v>
      </c>
      <c r="Q140" s="22" t="s">
        <v>268</v>
      </c>
    </row>
    <row r="141" spans="1:17">
      <c r="A141" s="21" t="s">
        <v>232</v>
      </c>
      <c r="B141" s="21" t="s">
        <v>237</v>
      </c>
      <c r="C141" s="21" t="s">
        <v>264</v>
      </c>
      <c r="D141" s="21" t="s">
        <v>215</v>
      </c>
      <c r="E141" s="21" t="s">
        <v>686</v>
      </c>
      <c r="F141" s="21" t="s">
        <v>425</v>
      </c>
      <c r="G141" s="16">
        <v>27028</v>
      </c>
      <c r="H141" s="16">
        <v>19446</v>
      </c>
      <c r="I141" s="16">
        <v>19000</v>
      </c>
      <c r="J141" s="16">
        <v>3352</v>
      </c>
      <c r="K141" s="16">
        <v>446</v>
      </c>
      <c r="L141" s="16">
        <v>125</v>
      </c>
      <c r="M141" s="16">
        <v>7457</v>
      </c>
      <c r="N141" s="22" t="s">
        <v>268</v>
      </c>
      <c r="O141" s="16">
        <v>314</v>
      </c>
      <c r="P141" s="22" t="s">
        <v>268</v>
      </c>
      <c r="Q141" s="22" t="s">
        <v>268</v>
      </c>
    </row>
    <row r="142" spans="1:17">
      <c r="A142" s="21" t="s">
        <v>232</v>
      </c>
      <c r="B142" s="21" t="s">
        <v>237</v>
      </c>
      <c r="C142" s="21" t="s">
        <v>264</v>
      </c>
      <c r="D142" s="21" t="s">
        <v>215</v>
      </c>
      <c r="E142" s="21" t="s">
        <v>686</v>
      </c>
      <c r="F142" s="21" t="s">
        <v>426</v>
      </c>
      <c r="G142" s="16">
        <v>1087</v>
      </c>
      <c r="H142" s="16">
        <v>907</v>
      </c>
      <c r="I142" s="16">
        <v>724</v>
      </c>
      <c r="J142" s="16">
        <v>468</v>
      </c>
      <c r="K142" s="16">
        <v>183</v>
      </c>
      <c r="L142" s="16">
        <v>15</v>
      </c>
      <c r="M142" s="16">
        <v>165</v>
      </c>
      <c r="N142" s="22" t="s">
        <v>268</v>
      </c>
      <c r="O142" s="16">
        <v>139</v>
      </c>
      <c r="P142" s="16">
        <v>424</v>
      </c>
      <c r="Q142" s="16">
        <v>165</v>
      </c>
    </row>
    <row r="143" spans="1:17">
      <c r="A143" s="21" t="s">
        <v>232</v>
      </c>
      <c r="B143" s="21" t="s">
        <v>237</v>
      </c>
      <c r="C143" s="21" t="s">
        <v>264</v>
      </c>
      <c r="D143" s="21" t="s">
        <v>215</v>
      </c>
      <c r="E143" s="21" t="s">
        <v>686</v>
      </c>
      <c r="F143" s="21" t="s">
        <v>720</v>
      </c>
      <c r="G143" s="16">
        <v>292</v>
      </c>
      <c r="H143" s="22" t="s">
        <v>268</v>
      </c>
      <c r="I143" s="22" t="s">
        <v>268</v>
      </c>
      <c r="J143" s="22" t="s">
        <v>268</v>
      </c>
      <c r="K143" s="22" t="s">
        <v>268</v>
      </c>
      <c r="L143" s="22" t="s">
        <v>268</v>
      </c>
      <c r="M143" s="16">
        <v>264</v>
      </c>
      <c r="N143" s="16">
        <v>28</v>
      </c>
      <c r="O143" s="22" t="s">
        <v>268</v>
      </c>
      <c r="P143" s="22" t="s">
        <v>268</v>
      </c>
      <c r="Q143" s="22" t="s">
        <v>268</v>
      </c>
    </row>
    <row r="144" spans="1:17">
      <c r="A144" s="21" t="s">
        <v>232</v>
      </c>
      <c r="B144" s="21" t="s">
        <v>237</v>
      </c>
      <c r="C144" s="21" t="s">
        <v>264</v>
      </c>
      <c r="D144" s="21" t="s">
        <v>215</v>
      </c>
      <c r="E144" s="21" t="s">
        <v>686</v>
      </c>
      <c r="F144" s="21" t="s">
        <v>427</v>
      </c>
      <c r="G144" s="16">
        <v>2150</v>
      </c>
      <c r="H144" s="16">
        <v>1654</v>
      </c>
      <c r="I144" s="16">
        <v>1382</v>
      </c>
      <c r="J144" s="16">
        <v>818</v>
      </c>
      <c r="K144" s="16">
        <v>272</v>
      </c>
      <c r="L144" s="16">
        <v>15</v>
      </c>
      <c r="M144" s="16">
        <v>481</v>
      </c>
      <c r="N144" s="22" t="s">
        <v>268</v>
      </c>
      <c r="O144" s="16">
        <v>196</v>
      </c>
      <c r="P144" s="16">
        <v>424</v>
      </c>
      <c r="Q144" s="16">
        <v>165</v>
      </c>
    </row>
    <row r="145" spans="1:17">
      <c r="A145" s="21" t="s">
        <v>232</v>
      </c>
      <c r="B145" s="21" t="s">
        <v>237</v>
      </c>
      <c r="C145" s="21" t="s">
        <v>264</v>
      </c>
      <c r="D145" s="21" t="s">
        <v>215</v>
      </c>
      <c r="E145" s="21" t="s">
        <v>686</v>
      </c>
      <c r="F145" s="21" t="s">
        <v>428</v>
      </c>
      <c r="G145" s="16">
        <v>316</v>
      </c>
      <c r="H145" s="16">
        <v>280</v>
      </c>
      <c r="I145" s="16">
        <v>204</v>
      </c>
      <c r="J145" s="16">
        <v>136</v>
      </c>
      <c r="K145" s="16">
        <v>76</v>
      </c>
      <c r="L145" s="16">
        <v>5</v>
      </c>
      <c r="M145" s="16">
        <v>31</v>
      </c>
      <c r="N145" s="22" t="s">
        <v>268</v>
      </c>
      <c r="O145" s="16">
        <v>63</v>
      </c>
      <c r="P145" s="16">
        <v>134</v>
      </c>
      <c r="Q145" s="16">
        <v>31</v>
      </c>
    </row>
    <row r="146" spans="1:17">
      <c r="A146" s="21" t="s">
        <v>232</v>
      </c>
      <c r="B146" s="21" t="s">
        <v>237</v>
      </c>
      <c r="C146" s="21" t="s">
        <v>264</v>
      </c>
      <c r="D146" s="21" t="s">
        <v>215</v>
      </c>
      <c r="E146" s="21" t="s">
        <v>686</v>
      </c>
      <c r="F146" s="21" t="s">
        <v>429</v>
      </c>
      <c r="G146" s="16">
        <v>64</v>
      </c>
      <c r="H146" s="16">
        <v>62</v>
      </c>
      <c r="I146" s="16">
        <v>45</v>
      </c>
      <c r="J146" s="16">
        <v>26</v>
      </c>
      <c r="K146" s="16">
        <v>17</v>
      </c>
      <c r="L146" s="22" t="s">
        <v>268</v>
      </c>
      <c r="M146" s="16">
        <v>2</v>
      </c>
      <c r="N146" s="22" t="s">
        <v>268</v>
      </c>
      <c r="O146" s="16">
        <v>14</v>
      </c>
      <c r="P146" s="16">
        <v>26</v>
      </c>
      <c r="Q146" s="16">
        <v>2</v>
      </c>
    </row>
    <row r="147" spans="1:17">
      <c r="A147" s="21" t="s">
        <v>232</v>
      </c>
      <c r="B147" s="21" t="s">
        <v>237</v>
      </c>
      <c r="C147" s="21" t="s">
        <v>264</v>
      </c>
      <c r="D147" s="21" t="s">
        <v>215</v>
      </c>
      <c r="E147" s="21" t="s">
        <v>687</v>
      </c>
      <c r="F147" s="21" t="s">
        <v>214</v>
      </c>
      <c r="G147" s="16">
        <v>9164</v>
      </c>
      <c r="H147" s="16">
        <v>6799</v>
      </c>
      <c r="I147" s="16">
        <v>6350</v>
      </c>
      <c r="J147" s="16">
        <v>1350</v>
      </c>
      <c r="K147" s="16">
        <v>449</v>
      </c>
      <c r="L147" s="16">
        <v>72</v>
      </c>
      <c r="M147" s="16">
        <v>2289</v>
      </c>
      <c r="N147" s="16">
        <v>4</v>
      </c>
      <c r="O147" s="16">
        <v>309</v>
      </c>
      <c r="P147" s="16">
        <v>634</v>
      </c>
      <c r="Q147" s="16">
        <v>336</v>
      </c>
    </row>
    <row r="148" spans="1:17">
      <c r="A148" s="21" t="s">
        <v>232</v>
      </c>
      <c r="B148" s="21" t="s">
        <v>237</v>
      </c>
      <c r="C148" s="21" t="s">
        <v>264</v>
      </c>
      <c r="D148" s="21" t="s">
        <v>215</v>
      </c>
      <c r="E148" s="21" t="s">
        <v>687</v>
      </c>
      <c r="F148" s="21" t="s">
        <v>424</v>
      </c>
      <c r="G148" s="16">
        <v>5</v>
      </c>
      <c r="H148" s="16">
        <v>2</v>
      </c>
      <c r="I148" s="22" t="s">
        <v>268</v>
      </c>
      <c r="J148" s="22" t="s">
        <v>268</v>
      </c>
      <c r="K148" s="16">
        <v>2</v>
      </c>
      <c r="L148" s="22" t="s">
        <v>268</v>
      </c>
      <c r="M148" s="16">
        <v>3</v>
      </c>
      <c r="N148" s="22" t="s">
        <v>268</v>
      </c>
      <c r="O148" s="22" t="s">
        <v>268</v>
      </c>
      <c r="P148" s="22" t="s">
        <v>268</v>
      </c>
      <c r="Q148" s="22" t="s">
        <v>268</v>
      </c>
    </row>
    <row r="149" spans="1:17">
      <c r="A149" s="21" t="s">
        <v>232</v>
      </c>
      <c r="B149" s="21" t="s">
        <v>237</v>
      </c>
      <c r="C149" s="21" t="s">
        <v>264</v>
      </c>
      <c r="D149" s="21" t="s">
        <v>215</v>
      </c>
      <c r="E149" s="21" t="s">
        <v>687</v>
      </c>
      <c r="F149" s="21" t="s">
        <v>425</v>
      </c>
      <c r="G149" s="16">
        <v>7719</v>
      </c>
      <c r="H149" s="16">
        <v>5765</v>
      </c>
      <c r="I149" s="16">
        <v>5414</v>
      </c>
      <c r="J149" s="16">
        <v>690</v>
      </c>
      <c r="K149" s="16">
        <v>351</v>
      </c>
      <c r="L149" s="16">
        <v>57</v>
      </c>
      <c r="M149" s="16">
        <v>1897</v>
      </c>
      <c r="N149" s="22" t="s">
        <v>268</v>
      </c>
      <c r="O149" s="16">
        <v>250</v>
      </c>
      <c r="P149" s="22" t="s">
        <v>268</v>
      </c>
      <c r="Q149" s="22" t="s">
        <v>268</v>
      </c>
    </row>
    <row r="150" spans="1:17">
      <c r="A150" s="21" t="s">
        <v>232</v>
      </c>
      <c r="B150" s="21" t="s">
        <v>237</v>
      </c>
      <c r="C150" s="21" t="s">
        <v>264</v>
      </c>
      <c r="D150" s="21" t="s">
        <v>215</v>
      </c>
      <c r="E150" s="21" t="s">
        <v>687</v>
      </c>
      <c r="F150" s="21" t="s">
        <v>426</v>
      </c>
      <c r="G150" s="16">
        <v>1383</v>
      </c>
      <c r="H150" s="16">
        <v>1032</v>
      </c>
      <c r="I150" s="16">
        <v>936</v>
      </c>
      <c r="J150" s="16">
        <v>660</v>
      </c>
      <c r="K150" s="16">
        <v>96</v>
      </c>
      <c r="L150" s="16">
        <v>15</v>
      </c>
      <c r="M150" s="16">
        <v>336</v>
      </c>
      <c r="N150" s="22" t="s">
        <v>268</v>
      </c>
      <c r="O150" s="16">
        <v>59</v>
      </c>
      <c r="P150" s="16">
        <v>634</v>
      </c>
      <c r="Q150" s="16">
        <v>336</v>
      </c>
    </row>
    <row r="151" spans="1:17">
      <c r="A151" s="21" t="s">
        <v>232</v>
      </c>
      <c r="B151" s="21" t="s">
        <v>237</v>
      </c>
      <c r="C151" s="21" t="s">
        <v>264</v>
      </c>
      <c r="D151" s="21" t="s">
        <v>215</v>
      </c>
      <c r="E151" s="21" t="s">
        <v>687</v>
      </c>
      <c r="F151" s="21" t="s">
        <v>720</v>
      </c>
      <c r="G151" s="16">
        <v>57</v>
      </c>
      <c r="H151" s="22" t="s">
        <v>268</v>
      </c>
      <c r="I151" s="22" t="s">
        <v>268</v>
      </c>
      <c r="J151" s="22" t="s">
        <v>268</v>
      </c>
      <c r="K151" s="22" t="s">
        <v>268</v>
      </c>
      <c r="L151" s="22" t="s">
        <v>268</v>
      </c>
      <c r="M151" s="16">
        <v>53</v>
      </c>
      <c r="N151" s="16">
        <v>4</v>
      </c>
      <c r="O151" s="22" t="s">
        <v>268</v>
      </c>
      <c r="P151" s="22" t="s">
        <v>268</v>
      </c>
      <c r="Q151" s="22" t="s">
        <v>268</v>
      </c>
    </row>
    <row r="152" spans="1:17">
      <c r="A152" s="21" t="s">
        <v>232</v>
      </c>
      <c r="B152" s="21" t="s">
        <v>237</v>
      </c>
      <c r="C152" s="21" t="s">
        <v>264</v>
      </c>
      <c r="D152" s="21" t="s">
        <v>215</v>
      </c>
      <c r="E152" s="21" t="s">
        <v>687</v>
      </c>
      <c r="F152" s="21" t="s">
        <v>427</v>
      </c>
      <c r="G152" s="16">
        <v>1891</v>
      </c>
      <c r="H152" s="16">
        <v>1401</v>
      </c>
      <c r="I152" s="16">
        <v>1253</v>
      </c>
      <c r="J152" s="16">
        <v>794</v>
      </c>
      <c r="K152" s="16">
        <v>148</v>
      </c>
      <c r="L152" s="16">
        <v>29</v>
      </c>
      <c r="M152" s="16">
        <v>461</v>
      </c>
      <c r="N152" s="22" t="s">
        <v>268</v>
      </c>
      <c r="O152" s="16">
        <v>90</v>
      </c>
      <c r="P152" s="16">
        <v>634</v>
      </c>
      <c r="Q152" s="16">
        <v>336</v>
      </c>
    </row>
    <row r="153" spans="1:17">
      <c r="A153" s="21" t="s">
        <v>232</v>
      </c>
      <c r="B153" s="21" t="s">
        <v>237</v>
      </c>
      <c r="C153" s="21" t="s">
        <v>264</v>
      </c>
      <c r="D153" s="21" t="s">
        <v>215</v>
      </c>
      <c r="E153" s="21" t="s">
        <v>687</v>
      </c>
      <c r="F153" s="21" t="s">
        <v>428</v>
      </c>
      <c r="G153" s="16">
        <v>562</v>
      </c>
      <c r="H153" s="16">
        <v>434</v>
      </c>
      <c r="I153" s="16">
        <v>406</v>
      </c>
      <c r="J153" s="16">
        <v>308</v>
      </c>
      <c r="K153" s="16">
        <v>28</v>
      </c>
      <c r="L153" s="16">
        <v>4</v>
      </c>
      <c r="M153" s="16">
        <v>124</v>
      </c>
      <c r="N153" s="22" t="s">
        <v>268</v>
      </c>
      <c r="O153" s="16">
        <v>13</v>
      </c>
      <c r="P153" s="16">
        <v>308</v>
      </c>
      <c r="Q153" s="16">
        <v>124</v>
      </c>
    </row>
    <row r="154" spans="1:17">
      <c r="A154" s="21" t="s">
        <v>232</v>
      </c>
      <c r="B154" s="21" t="s">
        <v>237</v>
      </c>
      <c r="C154" s="21" t="s">
        <v>264</v>
      </c>
      <c r="D154" s="21" t="s">
        <v>215</v>
      </c>
      <c r="E154" s="21" t="s">
        <v>687</v>
      </c>
      <c r="F154" s="21" t="s">
        <v>429</v>
      </c>
      <c r="G154" s="16">
        <v>171</v>
      </c>
      <c r="H154" s="16">
        <v>126</v>
      </c>
      <c r="I154" s="16">
        <v>114</v>
      </c>
      <c r="J154" s="16">
        <v>96</v>
      </c>
      <c r="K154" s="16">
        <v>12</v>
      </c>
      <c r="L154" s="22" t="s">
        <v>268</v>
      </c>
      <c r="M154" s="16">
        <v>45</v>
      </c>
      <c r="N154" s="22" t="s">
        <v>268</v>
      </c>
      <c r="O154" s="16">
        <v>4</v>
      </c>
      <c r="P154" s="16">
        <v>96</v>
      </c>
      <c r="Q154" s="16">
        <v>45</v>
      </c>
    </row>
    <row r="155" spans="1:17">
      <c r="A155" s="21" t="s">
        <v>232</v>
      </c>
      <c r="B155" s="21" t="s">
        <v>237</v>
      </c>
      <c r="C155" s="21" t="s">
        <v>264</v>
      </c>
      <c r="D155" s="21" t="s">
        <v>215</v>
      </c>
      <c r="E155" s="21" t="s">
        <v>688</v>
      </c>
      <c r="F155" s="21" t="s">
        <v>214</v>
      </c>
      <c r="G155" s="16">
        <v>10079</v>
      </c>
      <c r="H155" s="16">
        <v>5442</v>
      </c>
      <c r="I155" s="16">
        <v>4980</v>
      </c>
      <c r="J155" s="16">
        <v>1444</v>
      </c>
      <c r="K155" s="16">
        <v>462</v>
      </c>
      <c r="L155" s="16">
        <v>77</v>
      </c>
      <c r="M155" s="16">
        <v>4553</v>
      </c>
      <c r="N155" s="16">
        <v>7</v>
      </c>
      <c r="O155" s="16">
        <v>351</v>
      </c>
      <c r="P155" s="16">
        <v>970</v>
      </c>
      <c r="Q155" s="16">
        <v>144</v>
      </c>
    </row>
    <row r="156" spans="1:17">
      <c r="A156" s="21" t="s">
        <v>232</v>
      </c>
      <c r="B156" s="21" t="s">
        <v>237</v>
      </c>
      <c r="C156" s="21" t="s">
        <v>264</v>
      </c>
      <c r="D156" s="21" t="s">
        <v>215</v>
      </c>
      <c r="E156" s="21" t="s">
        <v>688</v>
      </c>
      <c r="F156" s="21" t="s">
        <v>424</v>
      </c>
      <c r="G156" s="22" t="s">
        <v>268</v>
      </c>
      <c r="H156" s="22" t="s">
        <v>268</v>
      </c>
      <c r="I156" s="22" t="s">
        <v>268</v>
      </c>
      <c r="J156" s="22" t="s">
        <v>268</v>
      </c>
      <c r="K156" s="22" t="s">
        <v>268</v>
      </c>
      <c r="L156" s="22" t="s">
        <v>268</v>
      </c>
      <c r="M156" s="22" t="s">
        <v>268</v>
      </c>
      <c r="N156" s="22" t="s">
        <v>268</v>
      </c>
      <c r="O156" s="22" t="s">
        <v>268</v>
      </c>
      <c r="P156" s="22" t="s">
        <v>268</v>
      </c>
      <c r="Q156" s="22" t="s">
        <v>268</v>
      </c>
    </row>
    <row r="157" spans="1:17">
      <c r="A157" s="21" t="s">
        <v>232</v>
      </c>
      <c r="B157" s="21" t="s">
        <v>237</v>
      </c>
      <c r="C157" s="21" t="s">
        <v>264</v>
      </c>
      <c r="D157" s="21" t="s">
        <v>215</v>
      </c>
      <c r="E157" s="21" t="s">
        <v>688</v>
      </c>
      <c r="F157" s="21" t="s">
        <v>425</v>
      </c>
      <c r="G157" s="16">
        <v>8351</v>
      </c>
      <c r="H157" s="16">
        <v>4111</v>
      </c>
      <c r="I157" s="16">
        <v>3808</v>
      </c>
      <c r="J157" s="16">
        <v>462</v>
      </c>
      <c r="K157" s="16">
        <v>303</v>
      </c>
      <c r="L157" s="16">
        <v>56</v>
      </c>
      <c r="M157" s="16">
        <v>4184</v>
      </c>
      <c r="N157" s="22" t="s">
        <v>268</v>
      </c>
      <c r="O157" s="16">
        <v>221</v>
      </c>
      <c r="P157" s="22" t="s">
        <v>268</v>
      </c>
      <c r="Q157" s="22" t="s">
        <v>268</v>
      </c>
    </row>
    <row r="158" spans="1:17">
      <c r="A158" s="21" t="s">
        <v>232</v>
      </c>
      <c r="B158" s="21" t="s">
        <v>237</v>
      </c>
      <c r="C158" s="21" t="s">
        <v>264</v>
      </c>
      <c r="D158" s="21" t="s">
        <v>215</v>
      </c>
      <c r="E158" s="21" t="s">
        <v>688</v>
      </c>
      <c r="F158" s="21" t="s">
        <v>426</v>
      </c>
      <c r="G158" s="16">
        <v>1496</v>
      </c>
      <c r="H158" s="16">
        <v>1331</v>
      </c>
      <c r="I158" s="16">
        <v>1172</v>
      </c>
      <c r="J158" s="16">
        <v>982</v>
      </c>
      <c r="K158" s="16">
        <v>159</v>
      </c>
      <c r="L158" s="16">
        <v>21</v>
      </c>
      <c r="M158" s="16">
        <v>144</v>
      </c>
      <c r="N158" s="22" t="s">
        <v>268</v>
      </c>
      <c r="O158" s="16">
        <v>130</v>
      </c>
      <c r="P158" s="16">
        <v>970</v>
      </c>
      <c r="Q158" s="16">
        <v>144</v>
      </c>
    </row>
    <row r="159" spans="1:17">
      <c r="A159" s="21" t="s">
        <v>232</v>
      </c>
      <c r="B159" s="21" t="s">
        <v>237</v>
      </c>
      <c r="C159" s="21" t="s">
        <v>264</v>
      </c>
      <c r="D159" s="21" t="s">
        <v>215</v>
      </c>
      <c r="E159" s="21" t="s">
        <v>688</v>
      </c>
      <c r="F159" s="21" t="s">
        <v>720</v>
      </c>
      <c r="G159" s="16">
        <v>232</v>
      </c>
      <c r="H159" s="22" t="s">
        <v>268</v>
      </c>
      <c r="I159" s="22" t="s">
        <v>268</v>
      </c>
      <c r="J159" s="22" t="s">
        <v>268</v>
      </c>
      <c r="K159" s="22" t="s">
        <v>268</v>
      </c>
      <c r="L159" s="22" t="s">
        <v>268</v>
      </c>
      <c r="M159" s="16">
        <v>225</v>
      </c>
      <c r="N159" s="16">
        <v>7</v>
      </c>
      <c r="O159" s="22" t="s">
        <v>268</v>
      </c>
      <c r="P159" s="22" t="s">
        <v>268</v>
      </c>
      <c r="Q159" s="22" t="s">
        <v>268</v>
      </c>
    </row>
    <row r="160" spans="1:17">
      <c r="A160" s="21" t="s">
        <v>232</v>
      </c>
      <c r="B160" s="21" t="s">
        <v>237</v>
      </c>
      <c r="C160" s="21" t="s">
        <v>264</v>
      </c>
      <c r="D160" s="21" t="s">
        <v>215</v>
      </c>
      <c r="E160" s="21" t="s">
        <v>688</v>
      </c>
      <c r="F160" s="21" t="s">
        <v>427</v>
      </c>
      <c r="G160" s="16">
        <v>1889</v>
      </c>
      <c r="H160" s="16">
        <v>1582</v>
      </c>
      <c r="I160" s="16">
        <v>1376</v>
      </c>
      <c r="J160" s="16">
        <v>1056</v>
      </c>
      <c r="K160" s="16">
        <v>206</v>
      </c>
      <c r="L160" s="16">
        <v>21</v>
      </c>
      <c r="M160" s="16">
        <v>286</v>
      </c>
      <c r="N160" s="22" t="s">
        <v>268</v>
      </c>
      <c r="O160" s="16">
        <v>161</v>
      </c>
      <c r="P160" s="16">
        <v>970</v>
      </c>
      <c r="Q160" s="16">
        <v>144</v>
      </c>
    </row>
    <row r="161" spans="1:17">
      <c r="A161" s="21" t="s">
        <v>232</v>
      </c>
      <c r="B161" s="21" t="s">
        <v>237</v>
      </c>
      <c r="C161" s="21" t="s">
        <v>264</v>
      </c>
      <c r="D161" s="21" t="s">
        <v>215</v>
      </c>
      <c r="E161" s="21" t="s">
        <v>688</v>
      </c>
      <c r="F161" s="21" t="s">
        <v>428</v>
      </c>
      <c r="G161" s="16">
        <v>941</v>
      </c>
      <c r="H161" s="16">
        <v>888</v>
      </c>
      <c r="I161" s="16">
        <v>830</v>
      </c>
      <c r="J161" s="16">
        <v>754</v>
      </c>
      <c r="K161" s="16">
        <v>58</v>
      </c>
      <c r="L161" s="16">
        <v>14</v>
      </c>
      <c r="M161" s="16">
        <v>39</v>
      </c>
      <c r="N161" s="22" t="s">
        <v>268</v>
      </c>
      <c r="O161" s="16">
        <v>50</v>
      </c>
      <c r="P161" s="16">
        <v>754</v>
      </c>
      <c r="Q161" s="16">
        <v>39</v>
      </c>
    </row>
    <row r="162" spans="1:17">
      <c r="A162" s="21" t="s">
        <v>232</v>
      </c>
      <c r="B162" s="21" t="s">
        <v>237</v>
      </c>
      <c r="C162" s="21" t="s">
        <v>264</v>
      </c>
      <c r="D162" s="21" t="s">
        <v>215</v>
      </c>
      <c r="E162" s="21" t="s">
        <v>688</v>
      </c>
      <c r="F162" s="21" t="s">
        <v>429</v>
      </c>
      <c r="G162" s="16">
        <v>628</v>
      </c>
      <c r="H162" s="16">
        <v>613</v>
      </c>
      <c r="I162" s="16">
        <v>582</v>
      </c>
      <c r="J162" s="16">
        <v>540</v>
      </c>
      <c r="K162" s="16">
        <v>31</v>
      </c>
      <c r="L162" s="16">
        <v>4</v>
      </c>
      <c r="M162" s="16">
        <v>11</v>
      </c>
      <c r="N162" s="22" t="s">
        <v>268</v>
      </c>
      <c r="O162" s="16">
        <v>26</v>
      </c>
      <c r="P162" s="16">
        <v>540</v>
      </c>
      <c r="Q162" s="16">
        <v>11</v>
      </c>
    </row>
    <row r="163" spans="1:17">
      <c r="A163" s="21" t="s">
        <v>232</v>
      </c>
      <c r="B163" s="21" t="s">
        <v>237</v>
      </c>
      <c r="C163" s="21" t="s">
        <v>264</v>
      </c>
      <c r="D163" s="21" t="s">
        <v>215</v>
      </c>
      <c r="E163" s="21" t="s">
        <v>689</v>
      </c>
      <c r="F163" s="21" t="s">
        <v>214</v>
      </c>
      <c r="G163" s="22" t="s">
        <v>268</v>
      </c>
      <c r="H163" s="22" t="s">
        <v>268</v>
      </c>
      <c r="I163" s="22" t="s">
        <v>268</v>
      </c>
      <c r="J163" s="22" t="s">
        <v>268</v>
      </c>
      <c r="K163" s="22" t="s">
        <v>268</v>
      </c>
      <c r="L163" s="22" t="s">
        <v>268</v>
      </c>
      <c r="M163" s="22" t="s">
        <v>268</v>
      </c>
      <c r="N163" s="22" t="s">
        <v>268</v>
      </c>
      <c r="O163" s="22" t="s">
        <v>268</v>
      </c>
      <c r="P163" s="22" t="s">
        <v>268</v>
      </c>
      <c r="Q163" s="22" t="s">
        <v>268</v>
      </c>
    </row>
    <row r="164" spans="1:17">
      <c r="A164" s="21" t="s">
        <v>232</v>
      </c>
      <c r="B164" s="21" t="s">
        <v>237</v>
      </c>
      <c r="C164" s="21" t="s">
        <v>264</v>
      </c>
      <c r="D164" s="21" t="s">
        <v>215</v>
      </c>
      <c r="E164" s="21" t="s">
        <v>689</v>
      </c>
      <c r="F164" s="21" t="s">
        <v>424</v>
      </c>
      <c r="G164" s="22" t="s">
        <v>268</v>
      </c>
      <c r="H164" s="22" t="s">
        <v>268</v>
      </c>
      <c r="I164" s="22" t="s">
        <v>268</v>
      </c>
      <c r="J164" s="22" t="s">
        <v>268</v>
      </c>
      <c r="K164" s="22" t="s">
        <v>268</v>
      </c>
      <c r="L164" s="22" t="s">
        <v>268</v>
      </c>
      <c r="M164" s="22" t="s">
        <v>268</v>
      </c>
      <c r="N164" s="22" t="s">
        <v>268</v>
      </c>
      <c r="O164" s="22" t="s">
        <v>268</v>
      </c>
      <c r="P164" s="22" t="s">
        <v>268</v>
      </c>
      <c r="Q164" s="22" t="s">
        <v>268</v>
      </c>
    </row>
    <row r="165" spans="1:17">
      <c r="A165" s="21" t="s">
        <v>232</v>
      </c>
      <c r="B165" s="21" t="s">
        <v>237</v>
      </c>
      <c r="C165" s="21" t="s">
        <v>264</v>
      </c>
      <c r="D165" s="21" t="s">
        <v>215</v>
      </c>
      <c r="E165" s="21" t="s">
        <v>689</v>
      </c>
      <c r="F165" s="21" t="s">
        <v>425</v>
      </c>
      <c r="G165" s="22" t="s">
        <v>268</v>
      </c>
      <c r="H165" s="22" t="s">
        <v>268</v>
      </c>
      <c r="I165" s="22" t="s">
        <v>268</v>
      </c>
      <c r="J165" s="22" t="s">
        <v>268</v>
      </c>
      <c r="K165" s="22" t="s">
        <v>268</v>
      </c>
      <c r="L165" s="22" t="s">
        <v>268</v>
      </c>
      <c r="M165" s="22" t="s">
        <v>268</v>
      </c>
      <c r="N165" s="22" t="s">
        <v>268</v>
      </c>
      <c r="O165" s="22" t="s">
        <v>268</v>
      </c>
      <c r="P165" s="22" t="s">
        <v>268</v>
      </c>
      <c r="Q165" s="22" t="s">
        <v>268</v>
      </c>
    </row>
    <row r="166" spans="1:17">
      <c r="A166" s="21" t="s">
        <v>232</v>
      </c>
      <c r="B166" s="21" t="s">
        <v>237</v>
      </c>
      <c r="C166" s="21" t="s">
        <v>264</v>
      </c>
      <c r="D166" s="21" t="s">
        <v>215</v>
      </c>
      <c r="E166" s="21" t="s">
        <v>689</v>
      </c>
      <c r="F166" s="21" t="s">
        <v>426</v>
      </c>
      <c r="G166" s="22" t="s">
        <v>268</v>
      </c>
      <c r="H166" s="22" t="s">
        <v>268</v>
      </c>
      <c r="I166" s="22" t="s">
        <v>268</v>
      </c>
      <c r="J166" s="22" t="s">
        <v>268</v>
      </c>
      <c r="K166" s="22" t="s">
        <v>268</v>
      </c>
      <c r="L166" s="22" t="s">
        <v>268</v>
      </c>
      <c r="M166" s="22" t="s">
        <v>268</v>
      </c>
      <c r="N166" s="22" t="s">
        <v>268</v>
      </c>
      <c r="O166" s="22" t="s">
        <v>268</v>
      </c>
      <c r="P166" s="22" t="s">
        <v>268</v>
      </c>
      <c r="Q166" s="22" t="s">
        <v>268</v>
      </c>
    </row>
    <row r="167" spans="1:17">
      <c r="A167" s="21" t="s">
        <v>232</v>
      </c>
      <c r="B167" s="21" t="s">
        <v>237</v>
      </c>
      <c r="C167" s="21" t="s">
        <v>264</v>
      </c>
      <c r="D167" s="21" t="s">
        <v>215</v>
      </c>
      <c r="E167" s="21" t="s">
        <v>689</v>
      </c>
      <c r="F167" s="21" t="s">
        <v>720</v>
      </c>
      <c r="G167" s="22" t="s">
        <v>268</v>
      </c>
      <c r="H167" s="22" t="s">
        <v>268</v>
      </c>
      <c r="I167" s="22" t="s">
        <v>268</v>
      </c>
      <c r="J167" s="22" t="s">
        <v>268</v>
      </c>
      <c r="K167" s="22" t="s">
        <v>268</v>
      </c>
      <c r="L167" s="22" t="s">
        <v>268</v>
      </c>
      <c r="M167" s="22" t="s">
        <v>268</v>
      </c>
      <c r="N167" s="22" t="s">
        <v>268</v>
      </c>
      <c r="O167" s="22" t="s">
        <v>268</v>
      </c>
      <c r="P167" s="22" t="s">
        <v>268</v>
      </c>
      <c r="Q167" s="22" t="s">
        <v>268</v>
      </c>
    </row>
    <row r="168" spans="1:17">
      <c r="A168" s="21" t="s">
        <v>232</v>
      </c>
      <c r="B168" s="21" t="s">
        <v>237</v>
      </c>
      <c r="C168" s="21" t="s">
        <v>264</v>
      </c>
      <c r="D168" s="21" t="s">
        <v>215</v>
      </c>
      <c r="E168" s="21" t="s">
        <v>689</v>
      </c>
      <c r="F168" s="21" t="s">
        <v>427</v>
      </c>
      <c r="G168" s="22" t="s">
        <v>268</v>
      </c>
      <c r="H168" s="22" t="s">
        <v>268</v>
      </c>
      <c r="I168" s="22" t="s">
        <v>268</v>
      </c>
      <c r="J168" s="22" t="s">
        <v>268</v>
      </c>
      <c r="K168" s="22" t="s">
        <v>268</v>
      </c>
      <c r="L168" s="22" t="s">
        <v>268</v>
      </c>
      <c r="M168" s="22" t="s">
        <v>268</v>
      </c>
      <c r="N168" s="22" t="s">
        <v>268</v>
      </c>
      <c r="O168" s="22" t="s">
        <v>268</v>
      </c>
      <c r="P168" s="22" t="s">
        <v>268</v>
      </c>
      <c r="Q168" s="22" t="s">
        <v>268</v>
      </c>
    </row>
    <row r="169" spans="1:17">
      <c r="A169" s="21" t="s">
        <v>232</v>
      </c>
      <c r="B169" s="21" t="s">
        <v>237</v>
      </c>
      <c r="C169" s="21" t="s">
        <v>264</v>
      </c>
      <c r="D169" s="21" t="s">
        <v>215</v>
      </c>
      <c r="E169" s="21" t="s">
        <v>689</v>
      </c>
      <c r="F169" s="21" t="s">
        <v>428</v>
      </c>
      <c r="G169" s="22" t="s">
        <v>268</v>
      </c>
      <c r="H169" s="22" t="s">
        <v>268</v>
      </c>
      <c r="I169" s="22" t="s">
        <v>268</v>
      </c>
      <c r="J169" s="22" t="s">
        <v>268</v>
      </c>
      <c r="K169" s="22" t="s">
        <v>268</v>
      </c>
      <c r="L169" s="22" t="s">
        <v>268</v>
      </c>
      <c r="M169" s="22" t="s">
        <v>268</v>
      </c>
      <c r="N169" s="22" t="s">
        <v>268</v>
      </c>
      <c r="O169" s="22" t="s">
        <v>268</v>
      </c>
      <c r="P169" s="22" t="s">
        <v>268</v>
      </c>
      <c r="Q169" s="22" t="s">
        <v>268</v>
      </c>
    </row>
    <row r="170" spans="1:17">
      <c r="A170" s="21" t="s">
        <v>232</v>
      </c>
      <c r="B170" s="21" t="s">
        <v>237</v>
      </c>
      <c r="C170" s="21" t="s">
        <v>264</v>
      </c>
      <c r="D170" s="21" t="s">
        <v>215</v>
      </c>
      <c r="E170" s="21" t="s">
        <v>689</v>
      </c>
      <c r="F170" s="21" t="s">
        <v>429</v>
      </c>
      <c r="G170" s="22" t="s">
        <v>268</v>
      </c>
      <c r="H170" s="22" t="s">
        <v>268</v>
      </c>
      <c r="I170" s="22" t="s">
        <v>268</v>
      </c>
      <c r="J170" s="22" t="s">
        <v>268</v>
      </c>
      <c r="K170" s="22" t="s">
        <v>268</v>
      </c>
      <c r="L170" s="22" t="s">
        <v>268</v>
      </c>
      <c r="M170" s="22" t="s">
        <v>268</v>
      </c>
      <c r="N170" s="22" t="s">
        <v>268</v>
      </c>
      <c r="O170" s="22" t="s">
        <v>268</v>
      </c>
      <c r="P170" s="22" t="s">
        <v>268</v>
      </c>
      <c r="Q170" s="22" t="s">
        <v>268</v>
      </c>
    </row>
    <row r="171" spans="1:17">
      <c r="A171" s="21" t="s">
        <v>240</v>
      </c>
      <c r="B171" s="21" t="s">
        <v>237</v>
      </c>
      <c r="C171" s="21" t="s">
        <v>265</v>
      </c>
      <c r="D171" s="21" t="s">
        <v>215</v>
      </c>
      <c r="E171" s="21" t="s">
        <v>214</v>
      </c>
      <c r="F171" s="21" t="s">
        <v>214</v>
      </c>
      <c r="G171" s="16">
        <v>92450</v>
      </c>
      <c r="H171" s="16">
        <v>84682</v>
      </c>
      <c r="I171" s="16">
        <v>61990</v>
      </c>
      <c r="J171" s="16">
        <v>20248</v>
      </c>
      <c r="K171" s="16">
        <v>22692</v>
      </c>
      <c r="L171" s="16">
        <v>819</v>
      </c>
      <c r="M171" s="16">
        <v>6794</v>
      </c>
      <c r="N171" s="16">
        <v>155</v>
      </c>
      <c r="O171" s="16">
        <v>17070</v>
      </c>
      <c r="P171" s="16">
        <v>13372</v>
      </c>
      <c r="Q171" s="16">
        <v>2135</v>
      </c>
    </row>
    <row r="172" spans="1:17">
      <c r="A172" s="21" t="s">
        <v>240</v>
      </c>
      <c r="B172" s="21" t="s">
        <v>237</v>
      </c>
      <c r="C172" s="21" t="s">
        <v>265</v>
      </c>
      <c r="D172" s="21" t="s">
        <v>215</v>
      </c>
      <c r="E172" s="21" t="s">
        <v>214</v>
      </c>
      <c r="F172" s="21" t="s">
        <v>424</v>
      </c>
      <c r="G172" s="22" t="s">
        <v>268</v>
      </c>
      <c r="H172" s="22" t="s">
        <v>268</v>
      </c>
      <c r="I172" s="22" t="s">
        <v>268</v>
      </c>
      <c r="J172" s="22" t="s">
        <v>268</v>
      </c>
      <c r="K172" s="22" t="s">
        <v>268</v>
      </c>
      <c r="L172" s="22" t="s">
        <v>268</v>
      </c>
      <c r="M172" s="22" t="s">
        <v>268</v>
      </c>
      <c r="N172" s="22" t="s">
        <v>268</v>
      </c>
      <c r="O172" s="22" t="s">
        <v>268</v>
      </c>
      <c r="P172" s="22" t="s">
        <v>268</v>
      </c>
      <c r="Q172" s="22" t="s">
        <v>268</v>
      </c>
    </row>
    <row r="173" spans="1:17">
      <c r="A173" s="21" t="s">
        <v>240</v>
      </c>
      <c r="B173" s="21" t="s">
        <v>237</v>
      </c>
      <c r="C173" s="21" t="s">
        <v>265</v>
      </c>
      <c r="D173" s="21" t="s">
        <v>215</v>
      </c>
      <c r="E173" s="21" t="s">
        <v>214</v>
      </c>
      <c r="F173" s="21" t="s">
        <v>425</v>
      </c>
      <c r="G173" s="16">
        <v>52483</v>
      </c>
      <c r="H173" s="16">
        <v>47840</v>
      </c>
      <c r="I173" s="16">
        <v>37825</v>
      </c>
      <c r="J173" s="16">
        <v>6472</v>
      </c>
      <c r="K173" s="16">
        <v>10015</v>
      </c>
      <c r="L173" s="16">
        <v>491</v>
      </c>
      <c r="M173" s="16">
        <v>4152</v>
      </c>
      <c r="N173" s="22" t="s">
        <v>268</v>
      </c>
      <c r="O173" s="16">
        <v>7621</v>
      </c>
      <c r="P173" s="22" t="s">
        <v>268</v>
      </c>
      <c r="Q173" s="22" t="s">
        <v>268</v>
      </c>
    </row>
    <row r="174" spans="1:17">
      <c r="A174" s="21" t="s">
        <v>240</v>
      </c>
      <c r="B174" s="21" t="s">
        <v>237</v>
      </c>
      <c r="C174" s="21" t="s">
        <v>265</v>
      </c>
      <c r="D174" s="21" t="s">
        <v>215</v>
      </c>
      <c r="E174" s="21" t="s">
        <v>214</v>
      </c>
      <c r="F174" s="21" t="s">
        <v>426</v>
      </c>
      <c r="G174" s="16">
        <v>39305</v>
      </c>
      <c r="H174" s="16">
        <v>36842</v>
      </c>
      <c r="I174" s="16">
        <v>24165</v>
      </c>
      <c r="J174" s="16">
        <v>13776</v>
      </c>
      <c r="K174" s="16">
        <v>12677</v>
      </c>
      <c r="L174" s="16">
        <v>328</v>
      </c>
      <c r="M174" s="16">
        <v>2135</v>
      </c>
      <c r="N174" s="22" t="s">
        <v>268</v>
      </c>
      <c r="O174" s="16">
        <v>9449</v>
      </c>
      <c r="P174" s="16">
        <v>13372</v>
      </c>
      <c r="Q174" s="16">
        <v>2135</v>
      </c>
    </row>
    <row r="175" spans="1:17">
      <c r="A175" s="21" t="s">
        <v>240</v>
      </c>
      <c r="B175" s="21" t="s">
        <v>237</v>
      </c>
      <c r="C175" s="21" t="s">
        <v>265</v>
      </c>
      <c r="D175" s="21" t="s">
        <v>215</v>
      </c>
      <c r="E175" s="21" t="s">
        <v>214</v>
      </c>
      <c r="F175" s="21" t="s">
        <v>720</v>
      </c>
      <c r="G175" s="16">
        <v>662</v>
      </c>
      <c r="H175" s="22" t="s">
        <v>268</v>
      </c>
      <c r="I175" s="22" t="s">
        <v>268</v>
      </c>
      <c r="J175" s="22" t="s">
        <v>268</v>
      </c>
      <c r="K175" s="22" t="s">
        <v>268</v>
      </c>
      <c r="L175" s="22" t="s">
        <v>268</v>
      </c>
      <c r="M175" s="16">
        <v>507</v>
      </c>
      <c r="N175" s="16">
        <v>155</v>
      </c>
      <c r="O175" s="22" t="s">
        <v>268</v>
      </c>
      <c r="P175" s="22" t="s">
        <v>268</v>
      </c>
      <c r="Q175" s="22" t="s">
        <v>268</v>
      </c>
    </row>
    <row r="176" spans="1:17">
      <c r="A176" s="21" t="s">
        <v>240</v>
      </c>
      <c r="B176" s="21" t="s">
        <v>237</v>
      </c>
      <c r="C176" s="21" t="s">
        <v>265</v>
      </c>
      <c r="D176" s="21" t="s">
        <v>215</v>
      </c>
      <c r="E176" s="21" t="s">
        <v>214</v>
      </c>
      <c r="F176" s="21" t="s">
        <v>427</v>
      </c>
      <c r="G176" s="16">
        <v>48188</v>
      </c>
      <c r="H176" s="16">
        <v>45003</v>
      </c>
      <c r="I176" s="16">
        <v>29108</v>
      </c>
      <c r="J176" s="16">
        <v>15990</v>
      </c>
      <c r="K176" s="16">
        <v>15895</v>
      </c>
      <c r="L176" s="16">
        <v>406</v>
      </c>
      <c r="M176" s="16">
        <v>2779</v>
      </c>
      <c r="N176" s="22" t="s">
        <v>268</v>
      </c>
      <c r="O176" s="16">
        <v>11634</v>
      </c>
      <c r="P176" s="16">
        <v>13372</v>
      </c>
      <c r="Q176" s="16">
        <v>2135</v>
      </c>
    </row>
    <row r="177" spans="1:17">
      <c r="A177" s="21" t="s">
        <v>240</v>
      </c>
      <c r="B177" s="21" t="s">
        <v>237</v>
      </c>
      <c r="C177" s="21" t="s">
        <v>265</v>
      </c>
      <c r="D177" s="21" t="s">
        <v>215</v>
      </c>
      <c r="E177" s="21" t="s">
        <v>214</v>
      </c>
      <c r="F177" s="21" t="s">
        <v>428</v>
      </c>
      <c r="G177" s="16">
        <v>17840</v>
      </c>
      <c r="H177" s="16">
        <v>16870</v>
      </c>
      <c r="I177" s="16">
        <v>11212</v>
      </c>
      <c r="J177" s="16">
        <v>6470</v>
      </c>
      <c r="K177" s="16">
        <v>5658</v>
      </c>
      <c r="L177" s="16">
        <v>138</v>
      </c>
      <c r="M177" s="16">
        <v>832</v>
      </c>
      <c r="N177" s="22" t="s">
        <v>268</v>
      </c>
      <c r="O177" s="16">
        <v>4165</v>
      </c>
      <c r="P177" s="16">
        <v>6452</v>
      </c>
      <c r="Q177" s="16">
        <v>832</v>
      </c>
    </row>
    <row r="178" spans="1:17">
      <c r="A178" s="21" t="s">
        <v>240</v>
      </c>
      <c r="B178" s="21" t="s">
        <v>237</v>
      </c>
      <c r="C178" s="21" t="s">
        <v>265</v>
      </c>
      <c r="D178" s="21" t="s">
        <v>215</v>
      </c>
      <c r="E178" s="21" t="s">
        <v>214</v>
      </c>
      <c r="F178" s="21" t="s">
        <v>429</v>
      </c>
      <c r="G178" s="16">
        <v>4657</v>
      </c>
      <c r="H178" s="16">
        <v>4315</v>
      </c>
      <c r="I178" s="16">
        <v>2621</v>
      </c>
      <c r="J178" s="16">
        <v>1470</v>
      </c>
      <c r="K178" s="16">
        <v>1694</v>
      </c>
      <c r="L178" s="16">
        <v>34</v>
      </c>
      <c r="M178" s="16">
        <v>308</v>
      </c>
      <c r="N178" s="22" t="s">
        <v>268</v>
      </c>
      <c r="O178" s="16">
        <v>1087</v>
      </c>
      <c r="P178" s="16">
        <v>1470</v>
      </c>
      <c r="Q178" s="16">
        <v>308</v>
      </c>
    </row>
    <row r="179" spans="1:17">
      <c r="A179" s="21" t="s">
        <v>240</v>
      </c>
      <c r="B179" s="21" t="s">
        <v>237</v>
      </c>
      <c r="C179" s="21" t="s">
        <v>265</v>
      </c>
      <c r="D179" s="21" t="s">
        <v>215</v>
      </c>
      <c r="E179" s="21" t="s">
        <v>681</v>
      </c>
      <c r="F179" s="21" t="s">
        <v>214</v>
      </c>
      <c r="G179" s="16">
        <v>91571</v>
      </c>
      <c r="H179" s="16">
        <v>84200</v>
      </c>
      <c r="I179" s="16">
        <v>61564</v>
      </c>
      <c r="J179" s="16">
        <v>20098</v>
      </c>
      <c r="K179" s="16">
        <v>22636</v>
      </c>
      <c r="L179" s="16">
        <v>808</v>
      </c>
      <c r="M179" s="16">
        <v>6408</v>
      </c>
      <c r="N179" s="16">
        <v>155</v>
      </c>
      <c r="O179" s="16">
        <v>17027</v>
      </c>
      <c r="P179" s="16">
        <v>13254</v>
      </c>
      <c r="Q179" s="16">
        <v>2118</v>
      </c>
    </row>
    <row r="180" spans="1:17">
      <c r="A180" s="21" t="s">
        <v>240</v>
      </c>
      <c r="B180" s="21" t="s">
        <v>237</v>
      </c>
      <c r="C180" s="21" t="s">
        <v>265</v>
      </c>
      <c r="D180" s="21" t="s">
        <v>215</v>
      </c>
      <c r="E180" s="21" t="s">
        <v>681</v>
      </c>
      <c r="F180" s="21" t="s">
        <v>424</v>
      </c>
      <c r="G180" s="22" t="s">
        <v>268</v>
      </c>
      <c r="H180" s="22" t="s">
        <v>268</v>
      </c>
      <c r="I180" s="22" t="s">
        <v>268</v>
      </c>
      <c r="J180" s="22" t="s">
        <v>268</v>
      </c>
      <c r="K180" s="22" t="s">
        <v>268</v>
      </c>
      <c r="L180" s="22" t="s">
        <v>268</v>
      </c>
      <c r="M180" s="22" t="s">
        <v>268</v>
      </c>
      <c r="N180" s="22" t="s">
        <v>268</v>
      </c>
      <c r="O180" s="22" t="s">
        <v>268</v>
      </c>
      <c r="P180" s="22" t="s">
        <v>268</v>
      </c>
      <c r="Q180" s="22" t="s">
        <v>268</v>
      </c>
    </row>
    <row r="181" spans="1:17">
      <c r="A181" s="21" t="s">
        <v>240</v>
      </c>
      <c r="B181" s="21" t="s">
        <v>237</v>
      </c>
      <c r="C181" s="21" t="s">
        <v>265</v>
      </c>
      <c r="D181" s="21" t="s">
        <v>215</v>
      </c>
      <c r="E181" s="21" t="s">
        <v>681</v>
      </c>
      <c r="F181" s="21" t="s">
        <v>425</v>
      </c>
      <c r="G181" s="16">
        <v>51787</v>
      </c>
      <c r="H181" s="16">
        <v>47499</v>
      </c>
      <c r="I181" s="16">
        <v>37530</v>
      </c>
      <c r="J181" s="16">
        <v>6442</v>
      </c>
      <c r="K181" s="16">
        <v>9969</v>
      </c>
      <c r="L181" s="16">
        <v>484</v>
      </c>
      <c r="M181" s="16">
        <v>3804</v>
      </c>
      <c r="N181" s="22" t="s">
        <v>268</v>
      </c>
      <c r="O181" s="16">
        <v>7585</v>
      </c>
      <c r="P181" s="22" t="s">
        <v>268</v>
      </c>
      <c r="Q181" s="22" t="s">
        <v>268</v>
      </c>
    </row>
    <row r="182" spans="1:17">
      <c r="A182" s="21" t="s">
        <v>240</v>
      </c>
      <c r="B182" s="21" t="s">
        <v>237</v>
      </c>
      <c r="C182" s="21" t="s">
        <v>265</v>
      </c>
      <c r="D182" s="21" t="s">
        <v>215</v>
      </c>
      <c r="E182" s="21" t="s">
        <v>681</v>
      </c>
      <c r="F182" s="21" t="s">
        <v>426</v>
      </c>
      <c r="G182" s="16">
        <v>39143</v>
      </c>
      <c r="H182" s="16">
        <v>36701</v>
      </c>
      <c r="I182" s="16">
        <v>24034</v>
      </c>
      <c r="J182" s="16">
        <v>13656</v>
      </c>
      <c r="K182" s="16">
        <v>12667</v>
      </c>
      <c r="L182" s="16">
        <v>324</v>
      </c>
      <c r="M182" s="16">
        <v>2118</v>
      </c>
      <c r="N182" s="22" t="s">
        <v>268</v>
      </c>
      <c r="O182" s="16">
        <v>9442</v>
      </c>
      <c r="P182" s="16">
        <v>13254</v>
      </c>
      <c r="Q182" s="16">
        <v>2118</v>
      </c>
    </row>
    <row r="183" spans="1:17">
      <c r="A183" s="21" t="s">
        <v>240</v>
      </c>
      <c r="B183" s="21" t="s">
        <v>237</v>
      </c>
      <c r="C183" s="21" t="s">
        <v>265</v>
      </c>
      <c r="D183" s="21" t="s">
        <v>215</v>
      </c>
      <c r="E183" s="21" t="s">
        <v>681</v>
      </c>
      <c r="F183" s="21" t="s">
        <v>720</v>
      </c>
      <c r="G183" s="16">
        <v>641</v>
      </c>
      <c r="H183" s="22" t="s">
        <v>268</v>
      </c>
      <c r="I183" s="22" t="s">
        <v>268</v>
      </c>
      <c r="J183" s="22" t="s">
        <v>268</v>
      </c>
      <c r="K183" s="22" t="s">
        <v>268</v>
      </c>
      <c r="L183" s="22" t="s">
        <v>268</v>
      </c>
      <c r="M183" s="16">
        <v>486</v>
      </c>
      <c r="N183" s="16">
        <v>155</v>
      </c>
      <c r="O183" s="22" t="s">
        <v>268</v>
      </c>
      <c r="P183" s="22" t="s">
        <v>268</v>
      </c>
      <c r="Q183" s="22" t="s">
        <v>268</v>
      </c>
    </row>
    <row r="184" spans="1:17">
      <c r="A184" s="21" t="s">
        <v>240</v>
      </c>
      <c r="B184" s="21" t="s">
        <v>237</v>
      </c>
      <c r="C184" s="21" t="s">
        <v>265</v>
      </c>
      <c r="D184" s="21" t="s">
        <v>215</v>
      </c>
      <c r="E184" s="21" t="s">
        <v>681</v>
      </c>
      <c r="F184" s="21" t="s">
        <v>427</v>
      </c>
      <c r="G184" s="16">
        <v>47994</v>
      </c>
      <c r="H184" s="16">
        <v>44836</v>
      </c>
      <c r="I184" s="16">
        <v>28956</v>
      </c>
      <c r="J184" s="16">
        <v>15866</v>
      </c>
      <c r="K184" s="16">
        <v>15880</v>
      </c>
      <c r="L184" s="16">
        <v>402</v>
      </c>
      <c r="M184" s="16">
        <v>2756</v>
      </c>
      <c r="N184" s="22" t="s">
        <v>268</v>
      </c>
      <c r="O184" s="16">
        <v>11627</v>
      </c>
      <c r="P184" s="16">
        <v>13254</v>
      </c>
      <c r="Q184" s="16">
        <v>2118</v>
      </c>
    </row>
    <row r="185" spans="1:17">
      <c r="A185" s="21" t="s">
        <v>240</v>
      </c>
      <c r="B185" s="21" t="s">
        <v>237</v>
      </c>
      <c r="C185" s="21" t="s">
        <v>265</v>
      </c>
      <c r="D185" s="21" t="s">
        <v>215</v>
      </c>
      <c r="E185" s="21" t="s">
        <v>681</v>
      </c>
      <c r="F185" s="21" t="s">
        <v>428</v>
      </c>
      <c r="G185" s="16">
        <v>17724</v>
      </c>
      <c r="H185" s="16">
        <v>16763</v>
      </c>
      <c r="I185" s="16">
        <v>11112</v>
      </c>
      <c r="J185" s="16">
        <v>6370</v>
      </c>
      <c r="K185" s="16">
        <v>5651</v>
      </c>
      <c r="L185" s="16">
        <v>134</v>
      </c>
      <c r="M185" s="16">
        <v>827</v>
      </c>
      <c r="N185" s="22" t="s">
        <v>268</v>
      </c>
      <c r="O185" s="16">
        <v>4158</v>
      </c>
      <c r="P185" s="16">
        <v>6352</v>
      </c>
      <c r="Q185" s="16">
        <v>827</v>
      </c>
    </row>
    <row r="186" spans="1:17">
      <c r="A186" s="21" t="s">
        <v>240</v>
      </c>
      <c r="B186" s="21" t="s">
        <v>237</v>
      </c>
      <c r="C186" s="21" t="s">
        <v>265</v>
      </c>
      <c r="D186" s="21" t="s">
        <v>215</v>
      </c>
      <c r="E186" s="21" t="s">
        <v>681</v>
      </c>
      <c r="F186" s="21" t="s">
        <v>429</v>
      </c>
      <c r="G186" s="16">
        <v>4567</v>
      </c>
      <c r="H186" s="16">
        <v>4228</v>
      </c>
      <c r="I186" s="16">
        <v>2541</v>
      </c>
      <c r="J186" s="16">
        <v>1390</v>
      </c>
      <c r="K186" s="16">
        <v>1687</v>
      </c>
      <c r="L186" s="16">
        <v>32</v>
      </c>
      <c r="M186" s="16">
        <v>307</v>
      </c>
      <c r="N186" s="22" t="s">
        <v>268</v>
      </c>
      <c r="O186" s="16">
        <v>1080</v>
      </c>
      <c r="P186" s="16">
        <v>1390</v>
      </c>
      <c r="Q186" s="16">
        <v>307</v>
      </c>
    </row>
    <row r="187" spans="1:17">
      <c r="A187" s="21" t="s">
        <v>240</v>
      </c>
      <c r="B187" s="21" t="s">
        <v>237</v>
      </c>
      <c r="C187" s="21" t="s">
        <v>265</v>
      </c>
      <c r="D187" s="21" t="s">
        <v>215</v>
      </c>
      <c r="E187" s="21" t="s">
        <v>682</v>
      </c>
      <c r="F187" s="21" t="s">
        <v>214</v>
      </c>
      <c r="G187" s="16">
        <v>91067</v>
      </c>
      <c r="H187" s="16">
        <v>83825</v>
      </c>
      <c r="I187" s="16">
        <v>61223</v>
      </c>
      <c r="J187" s="16">
        <v>20022</v>
      </c>
      <c r="K187" s="16">
        <v>22602</v>
      </c>
      <c r="L187" s="16">
        <v>806</v>
      </c>
      <c r="M187" s="16">
        <v>6281</v>
      </c>
      <c r="N187" s="16">
        <v>155</v>
      </c>
      <c r="O187" s="16">
        <v>17008</v>
      </c>
      <c r="P187" s="16">
        <v>13218</v>
      </c>
      <c r="Q187" s="16">
        <v>2098</v>
      </c>
    </row>
    <row r="188" spans="1:17">
      <c r="A188" s="21" t="s">
        <v>240</v>
      </c>
      <c r="B188" s="21" t="s">
        <v>237</v>
      </c>
      <c r="C188" s="21" t="s">
        <v>265</v>
      </c>
      <c r="D188" s="21" t="s">
        <v>215</v>
      </c>
      <c r="E188" s="21" t="s">
        <v>682</v>
      </c>
      <c r="F188" s="21" t="s">
        <v>424</v>
      </c>
      <c r="G188" s="22" t="s">
        <v>268</v>
      </c>
      <c r="H188" s="22" t="s">
        <v>268</v>
      </c>
      <c r="I188" s="22" t="s">
        <v>268</v>
      </c>
      <c r="J188" s="22" t="s">
        <v>268</v>
      </c>
      <c r="K188" s="22" t="s">
        <v>268</v>
      </c>
      <c r="L188" s="22" t="s">
        <v>268</v>
      </c>
      <c r="M188" s="22" t="s">
        <v>268</v>
      </c>
      <c r="N188" s="22" t="s">
        <v>268</v>
      </c>
      <c r="O188" s="22" t="s">
        <v>268</v>
      </c>
      <c r="P188" s="22" t="s">
        <v>268</v>
      </c>
      <c r="Q188" s="22" t="s">
        <v>268</v>
      </c>
    </row>
    <row r="189" spans="1:17">
      <c r="A189" s="21" t="s">
        <v>240</v>
      </c>
      <c r="B189" s="21" t="s">
        <v>237</v>
      </c>
      <c r="C189" s="21" t="s">
        <v>265</v>
      </c>
      <c r="D189" s="21" t="s">
        <v>215</v>
      </c>
      <c r="E189" s="21" t="s">
        <v>682</v>
      </c>
      <c r="F189" s="21" t="s">
        <v>425</v>
      </c>
      <c r="G189" s="16">
        <v>51367</v>
      </c>
      <c r="H189" s="16">
        <v>47188</v>
      </c>
      <c r="I189" s="16">
        <v>37248</v>
      </c>
      <c r="J189" s="16">
        <v>6404</v>
      </c>
      <c r="K189" s="16">
        <v>9940</v>
      </c>
      <c r="L189" s="16">
        <v>482</v>
      </c>
      <c r="M189" s="16">
        <v>3697</v>
      </c>
      <c r="N189" s="22" t="s">
        <v>268</v>
      </c>
      <c r="O189" s="16">
        <v>7566</v>
      </c>
      <c r="P189" s="22" t="s">
        <v>268</v>
      </c>
      <c r="Q189" s="22" t="s">
        <v>268</v>
      </c>
    </row>
    <row r="190" spans="1:17">
      <c r="A190" s="21" t="s">
        <v>240</v>
      </c>
      <c r="B190" s="21" t="s">
        <v>237</v>
      </c>
      <c r="C190" s="21" t="s">
        <v>265</v>
      </c>
      <c r="D190" s="21" t="s">
        <v>215</v>
      </c>
      <c r="E190" s="21" t="s">
        <v>682</v>
      </c>
      <c r="F190" s="21" t="s">
        <v>426</v>
      </c>
      <c r="G190" s="16">
        <v>39059</v>
      </c>
      <c r="H190" s="16">
        <v>36637</v>
      </c>
      <c r="I190" s="16">
        <v>23975</v>
      </c>
      <c r="J190" s="16">
        <v>13618</v>
      </c>
      <c r="K190" s="16">
        <v>12662</v>
      </c>
      <c r="L190" s="16">
        <v>324</v>
      </c>
      <c r="M190" s="16">
        <v>2098</v>
      </c>
      <c r="N190" s="22" t="s">
        <v>268</v>
      </c>
      <c r="O190" s="16">
        <v>9442</v>
      </c>
      <c r="P190" s="16">
        <v>13218</v>
      </c>
      <c r="Q190" s="16">
        <v>2098</v>
      </c>
    </row>
    <row r="191" spans="1:17">
      <c r="A191" s="21" t="s">
        <v>240</v>
      </c>
      <c r="B191" s="21" t="s">
        <v>237</v>
      </c>
      <c r="C191" s="21" t="s">
        <v>265</v>
      </c>
      <c r="D191" s="21" t="s">
        <v>215</v>
      </c>
      <c r="E191" s="21" t="s">
        <v>682</v>
      </c>
      <c r="F191" s="21" t="s">
        <v>720</v>
      </c>
      <c r="G191" s="16">
        <v>641</v>
      </c>
      <c r="H191" s="22" t="s">
        <v>268</v>
      </c>
      <c r="I191" s="22" t="s">
        <v>268</v>
      </c>
      <c r="J191" s="22" t="s">
        <v>268</v>
      </c>
      <c r="K191" s="22" t="s">
        <v>268</v>
      </c>
      <c r="L191" s="22" t="s">
        <v>268</v>
      </c>
      <c r="M191" s="16">
        <v>486</v>
      </c>
      <c r="N191" s="16">
        <v>155</v>
      </c>
      <c r="O191" s="22" t="s">
        <v>268</v>
      </c>
      <c r="P191" s="22" t="s">
        <v>268</v>
      </c>
      <c r="Q191" s="22" t="s">
        <v>268</v>
      </c>
    </row>
    <row r="192" spans="1:17">
      <c r="A192" s="21" t="s">
        <v>240</v>
      </c>
      <c r="B192" s="21" t="s">
        <v>237</v>
      </c>
      <c r="C192" s="21" t="s">
        <v>265</v>
      </c>
      <c r="D192" s="21" t="s">
        <v>215</v>
      </c>
      <c r="E192" s="21" t="s">
        <v>682</v>
      </c>
      <c r="F192" s="21" t="s">
        <v>427</v>
      </c>
      <c r="G192" s="16">
        <v>47871</v>
      </c>
      <c r="H192" s="16">
        <v>44741</v>
      </c>
      <c r="I192" s="16">
        <v>28870</v>
      </c>
      <c r="J192" s="16">
        <v>15824</v>
      </c>
      <c r="K192" s="16">
        <v>15871</v>
      </c>
      <c r="L192" s="16">
        <v>402</v>
      </c>
      <c r="M192" s="16">
        <v>2728</v>
      </c>
      <c r="N192" s="22" t="s">
        <v>268</v>
      </c>
      <c r="O192" s="16">
        <v>11623</v>
      </c>
      <c r="P192" s="16">
        <v>13218</v>
      </c>
      <c r="Q192" s="16">
        <v>2098</v>
      </c>
    </row>
    <row r="193" spans="1:17">
      <c r="A193" s="21" t="s">
        <v>240</v>
      </c>
      <c r="B193" s="21" t="s">
        <v>237</v>
      </c>
      <c r="C193" s="21" t="s">
        <v>265</v>
      </c>
      <c r="D193" s="21" t="s">
        <v>215</v>
      </c>
      <c r="E193" s="21" t="s">
        <v>682</v>
      </c>
      <c r="F193" s="21" t="s">
        <v>428</v>
      </c>
      <c r="G193" s="16">
        <v>17693</v>
      </c>
      <c r="H193" s="16">
        <v>16740</v>
      </c>
      <c r="I193" s="16">
        <v>11089</v>
      </c>
      <c r="J193" s="16">
        <v>6350</v>
      </c>
      <c r="K193" s="16">
        <v>5651</v>
      </c>
      <c r="L193" s="16">
        <v>134</v>
      </c>
      <c r="M193" s="16">
        <v>819</v>
      </c>
      <c r="N193" s="22" t="s">
        <v>268</v>
      </c>
      <c r="O193" s="16">
        <v>4158</v>
      </c>
      <c r="P193" s="16">
        <v>6332</v>
      </c>
      <c r="Q193" s="16">
        <v>819</v>
      </c>
    </row>
    <row r="194" spans="1:17">
      <c r="A194" s="21" t="s">
        <v>240</v>
      </c>
      <c r="B194" s="21" t="s">
        <v>237</v>
      </c>
      <c r="C194" s="21" t="s">
        <v>265</v>
      </c>
      <c r="D194" s="21" t="s">
        <v>215</v>
      </c>
      <c r="E194" s="21" t="s">
        <v>682</v>
      </c>
      <c r="F194" s="21" t="s">
        <v>429</v>
      </c>
      <c r="G194" s="16">
        <v>4555</v>
      </c>
      <c r="H194" s="16">
        <v>4218</v>
      </c>
      <c r="I194" s="16">
        <v>2531</v>
      </c>
      <c r="J194" s="16">
        <v>1380</v>
      </c>
      <c r="K194" s="16">
        <v>1687</v>
      </c>
      <c r="L194" s="16">
        <v>32</v>
      </c>
      <c r="M194" s="16">
        <v>305</v>
      </c>
      <c r="N194" s="22" t="s">
        <v>268</v>
      </c>
      <c r="O194" s="16">
        <v>1080</v>
      </c>
      <c r="P194" s="16">
        <v>1380</v>
      </c>
      <c r="Q194" s="16">
        <v>305</v>
      </c>
    </row>
    <row r="195" spans="1:17">
      <c r="A195" s="21" t="s">
        <v>240</v>
      </c>
      <c r="B195" s="21" t="s">
        <v>237</v>
      </c>
      <c r="C195" s="21" t="s">
        <v>265</v>
      </c>
      <c r="D195" s="21" t="s">
        <v>215</v>
      </c>
      <c r="E195" s="21" t="s">
        <v>683</v>
      </c>
      <c r="F195" s="21" t="s">
        <v>214</v>
      </c>
      <c r="G195" s="16">
        <v>71177</v>
      </c>
      <c r="H195" s="16">
        <v>68011</v>
      </c>
      <c r="I195" s="16">
        <v>46241</v>
      </c>
      <c r="J195" s="16">
        <v>16474</v>
      </c>
      <c r="K195" s="16">
        <v>21770</v>
      </c>
      <c r="L195" s="16">
        <v>521</v>
      </c>
      <c r="M195" s="16">
        <v>2570</v>
      </c>
      <c r="N195" s="16">
        <v>75</v>
      </c>
      <c r="O195" s="16">
        <v>16525</v>
      </c>
      <c r="P195" s="16">
        <v>12106</v>
      </c>
      <c r="Q195" s="16">
        <v>1464</v>
      </c>
    </row>
    <row r="196" spans="1:17">
      <c r="A196" s="21" t="s">
        <v>240</v>
      </c>
      <c r="B196" s="21" t="s">
        <v>237</v>
      </c>
      <c r="C196" s="21" t="s">
        <v>265</v>
      </c>
      <c r="D196" s="21" t="s">
        <v>215</v>
      </c>
      <c r="E196" s="21" t="s">
        <v>683</v>
      </c>
      <c r="F196" s="21" t="s">
        <v>424</v>
      </c>
      <c r="G196" s="22" t="s">
        <v>268</v>
      </c>
      <c r="H196" s="22" t="s">
        <v>268</v>
      </c>
      <c r="I196" s="22" t="s">
        <v>268</v>
      </c>
      <c r="J196" s="22" t="s">
        <v>268</v>
      </c>
      <c r="K196" s="22" t="s">
        <v>268</v>
      </c>
      <c r="L196" s="22" t="s">
        <v>268</v>
      </c>
      <c r="M196" s="22" t="s">
        <v>268</v>
      </c>
      <c r="N196" s="22" t="s">
        <v>268</v>
      </c>
      <c r="O196" s="22" t="s">
        <v>268</v>
      </c>
      <c r="P196" s="22" t="s">
        <v>268</v>
      </c>
      <c r="Q196" s="22" t="s">
        <v>268</v>
      </c>
    </row>
    <row r="197" spans="1:17">
      <c r="A197" s="21" t="s">
        <v>240</v>
      </c>
      <c r="B197" s="21" t="s">
        <v>237</v>
      </c>
      <c r="C197" s="21" t="s">
        <v>265</v>
      </c>
      <c r="D197" s="21" t="s">
        <v>215</v>
      </c>
      <c r="E197" s="21" t="s">
        <v>683</v>
      </c>
      <c r="F197" s="21" t="s">
        <v>425</v>
      </c>
      <c r="G197" s="16">
        <v>34900</v>
      </c>
      <c r="H197" s="16">
        <v>33607</v>
      </c>
      <c r="I197" s="16">
        <v>24267</v>
      </c>
      <c r="J197" s="16">
        <v>4056</v>
      </c>
      <c r="K197" s="16">
        <v>9340</v>
      </c>
      <c r="L197" s="16">
        <v>231</v>
      </c>
      <c r="M197" s="16">
        <v>1062</v>
      </c>
      <c r="N197" s="22" t="s">
        <v>268</v>
      </c>
      <c r="O197" s="16">
        <v>7191</v>
      </c>
      <c r="P197" s="22" t="s">
        <v>268</v>
      </c>
      <c r="Q197" s="22" t="s">
        <v>268</v>
      </c>
    </row>
    <row r="198" spans="1:17">
      <c r="A198" s="21" t="s">
        <v>240</v>
      </c>
      <c r="B198" s="21" t="s">
        <v>237</v>
      </c>
      <c r="C198" s="21" t="s">
        <v>265</v>
      </c>
      <c r="D198" s="21" t="s">
        <v>215</v>
      </c>
      <c r="E198" s="21" t="s">
        <v>683</v>
      </c>
      <c r="F198" s="21" t="s">
        <v>426</v>
      </c>
      <c r="G198" s="16">
        <v>36158</v>
      </c>
      <c r="H198" s="16">
        <v>34404</v>
      </c>
      <c r="I198" s="16">
        <v>21974</v>
      </c>
      <c r="J198" s="16">
        <v>12418</v>
      </c>
      <c r="K198" s="16">
        <v>12430</v>
      </c>
      <c r="L198" s="16">
        <v>290</v>
      </c>
      <c r="M198" s="16">
        <v>1464</v>
      </c>
      <c r="N198" s="22" t="s">
        <v>268</v>
      </c>
      <c r="O198" s="16">
        <v>9334</v>
      </c>
      <c r="P198" s="16">
        <v>12106</v>
      </c>
      <c r="Q198" s="16">
        <v>1464</v>
      </c>
    </row>
    <row r="199" spans="1:17">
      <c r="A199" s="21" t="s">
        <v>240</v>
      </c>
      <c r="B199" s="21" t="s">
        <v>237</v>
      </c>
      <c r="C199" s="21" t="s">
        <v>265</v>
      </c>
      <c r="D199" s="21" t="s">
        <v>215</v>
      </c>
      <c r="E199" s="21" t="s">
        <v>683</v>
      </c>
      <c r="F199" s="21" t="s">
        <v>720</v>
      </c>
      <c r="G199" s="16">
        <v>119</v>
      </c>
      <c r="H199" s="22" t="s">
        <v>268</v>
      </c>
      <c r="I199" s="22" t="s">
        <v>268</v>
      </c>
      <c r="J199" s="22" t="s">
        <v>268</v>
      </c>
      <c r="K199" s="22" t="s">
        <v>268</v>
      </c>
      <c r="L199" s="22" t="s">
        <v>268</v>
      </c>
      <c r="M199" s="16">
        <v>44</v>
      </c>
      <c r="N199" s="16">
        <v>75</v>
      </c>
      <c r="O199" s="22" t="s">
        <v>268</v>
      </c>
      <c r="P199" s="22" t="s">
        <v>268</v>
      </c>
      <c r="Q199" s="22" t="s">
        <v>268</v>
      </c>
    </row>
    <row r="200" spans="1:17">
      <c r="A200" s="21" t="s">
        <v>240</v>
      </c>
      <c r="B200" s="21" t="s">
        <v>237</v>
      </c>
      <c r="C200" s="21" t="s">
        <v>265</v>
      </c>
      <c r="D200" s="21" t="s">
        <v>215</v>
      </c>
      <c r="E200" s="21" t="s">
        <v>683</v>
      </c>
      <c r="F200" s="21" t="s">
        <v>427</v>
      </c>
      <c r="G200" s="16">
        <v>43790</v>
      </c>
      <c r="H200" s="16">
        <v>41618</v>
      </c>
      <c r="I200" s="16">
        <v>26079</v>
      </c>
      <c r="J200" s="16">
        <v>14234</v>
      </c>
      <c r="K200" s="16">
        <v>15539</v>
      </c>
      <c r="L200" s="16">
        <v>356</v>
      </c>
      <c r="M200" s="16">
        <v>1816</v>
      </c>
      <c r="N200" s="22" t="s">
        <v>268</v>
      </c>
      <c r="O200" s="16">
        <v>11460</v>
      </c>
      <c r="P200" s="16">
        <v>12106</v>
      </c>
      <c r="Q200" s="16">
        <v>1464</v>
      </c>
    </row>
    <row r="201" spans="1:17">
      <c r="A201" s="21" t="s">
        <v>240</v>
      </c>
      <c r="B201" s="21" t="s">
        <v>237</v>
      </c>
      <c r="C201" s="21" t="s">
        <v>265</v>
      </c>
      <c r="D201" s="21" t="s">
        <v>215</v>
      </c>
      <c r="E201" s="21" t="s">
        <v>683</v>
      </c>
      <c r="F201" s="21" t="s">
        <v>428</v>
      </c>
      <c r="G201" s="16">
        <v>16724</v>
      </c>
      <c r="H201" s="16">
        <v>15955</v>
      </c>
      <c r="I201" s="16">
        <v>10402</v>
      </c>
      <c r="J201" s="16">
        <v>5918</v>
      </c>
      <c r="K201" s="16">
        <v>5553</v>
      </c>
      <c r="L201" s="16">
        <v>126</v>
      </c>
      <c r="M201" s="16">
        <v>643</v>
      </c>
      <c r="N201" s="22" t="s">
        <v>268</v>
      </c>
      <c r="O201" s="16">
        <v>4108</v>
      </c>
      <c r="P201" s="16">
        <v>5906</v>
      </c>
      <c r="Q201" s="16">
        <v>643</v>
      </c>
    </row>
    <row r="202" spans="1:17">
      <c r="A202" s="21" t="s">
        <v>240</v>
      </c>
      <c r="B202" s="21" t="s">
        <v>237</v>
      </c>
      <c r="C202" s="21" t="s">
        <v>265</v>
      </c>
      <c r="D202" s="21" t="s">
        <v>215</v>
      </c>
      <c r="E202" s="21" t="s">
        <v>683</v>
      </c>
      <c r="F202" s="21" t="s">
        <v>429</v>
      </c>
      <c r="G202" s="16">
        <v>4380</v>
      </c>
      <c r="H202" s="16">
        <v>4087</v>
      </c>
      <c r="I202" s="16">
        <v>2421</v>
      </c>
      <c r="J202" s="16">
        <v>1318</v>
      </c>
      <c r="K202" s="16">
        <v>1666</v>
      </c>
      <c r="L202" s="16">
        <v>30</v>
      </c>
      <c r="M202" s="16">
        <v>263</v>
      </c>
      <c r="N202" s="22" t="s">
        <v>268</v>
      </c>
      <c r="O202" s="16">
        <v>1076</v>
      </c>
      <c r="P202" s="16">
        <v>1318</v>
      </c>
      <c r="Q202" s="16">
        <v>263</v>
      </c>
    </row>
    <row r="203" spans="1:17">
      <c r="A203" s="21" t="s">
        <v>240</v>
      </c>
      <c r="B203" s="21" t="s">
        <v>237</v>
      </c>
      <c r="C203" s="21" t="s">
        <v>265</v>
      </c>
      <c r="D203" s="21" t="s">
        <v>215</v>
      </c>
      <c r="E203" s="21" t="s">
        <v>684</v>
      </c>
      <c r="F203" s="21" t="s">
        <v>214</v>
      </c>
      <c r="G203" s="16">
        <v>1135</v>
      </c>
      <c r="H203" s="16">
        <v>984</v>
      </c>
      <c r="I203" s="16">
        <v>932</v>
      </c>
      <c r="J203" s="16">
        <v>306</v>
      </c>
      <c r="K203" s="16">
        <v>52</v>
      </c>
      <c r="L203" s="16">
        <v>2</v>
      </c>
      <c r="M203" s="16">
        <v>149</v>
      </c>
      <c r="N203" s="22" t="s">
        <v>268</v>
      </c>
      <c r="O203" s="16">
        <v>16</v>
      </c>
      <c r="P203" s="16">
        <v>214</v>
      </c>
      <c r="Q203" s="16">
        <v>90</v>
      </c>
    </row>
    <row r="204" spans="1:17">
      <c r="A204" s="21" t="s">
        <v>240</v>
      </c>
      <c r="B204" s="21" t="s">
        <v>237</v>
      </c>
      <c r="C204" s="21" t="s">
        <v>265</v>
      </c>
      <c r="D204" s="21" t="s">
        <v>215</v>
      </c>
      <c r="E204" s="21" t="s">
        <v>684</v>
      </c>
      <c r="F204" s="21" t="s">
        <v>424</v>
      </c>
      <c r="G204" s="22" t="s">
        <v>268</v>
      </c>
      <c r="H204" s="22" t="s">
        <v>268</v>
      </c>
      <c r="I204" s="22" t="s">
        <v>268</v>
      </c>
      <c r="J204" s="22" t="s">
        <v>268</v>
      </c>
      <c r="K204" s="22" t="s">
        <v>268</v>
      </c>
      <c r="L204" s="22" t="s">
        <v>268</v>
      </c>
      <c r="M204" s="22" t="s">
        <v>268</v>
      </c>
      <c r="N204" s="22" t="s">
        <v>268</v>
      </c>
      <c r="O204" s="22" t="s">
        <v>268</v>
      </c>
      <c r="P204" s="22" t="s">
        <v>268</v>
      </c>
      <c r="Q204" s="22" t="s">
        <v>268</v>
      </c>
    </row>
    <row r="205" spans="1:17">
      <c r="A205" s="21" t="s">
        <v>240</v>
      </c>
      <c r="B205" s="21" t="s">
        <v>237</v>
      </c>
      <c r="C205" s="21" t="s">
        <v>265</v>
      </c>
      <c r="D205" s="21" t="s">
        <v>215</v>
      </c>
      <c r="E205" s="21" t="s">
        <v>684</v>
      </c>
      <c r="F205" s="21" t="s">
        <v>425</v>
      </c>
      <c r="G205" s="16">
        <v>629</v>
      </c>
      <c r="H205" s="16">
        <v>577</v>
      </c>
      <c r="I205" s="16">
        <v>550</v>
      </c>
      <c r="J205" s="16">
        <v>84</v>
      </c>
      <c r="K205" s="16">
        <v>27</v>
      </c>
      <c r="L205" s="22" t="s">
        <v>268</v>
      </c>
      <c r="M205" s="16">
        <v>52</v>
      </c>
      <c r="N205" s="22" t="s">
        <v>268</v>
      </c>
      <c r="O205" s="16">
        <v>16</v>
      </c>
      <c r="P205" s="22" t="s">
        <v>268</v>
      </c>
      <c r="Q205" s="22" t="s">
        <v>268</v>
      </c>
    </row>
    <row r="206" spans="1:17">
      <c r="A206" s="21" t="s">
        <v>240</v>
      </c>
      <c r="B206" s="21" t="s">
        <v>237</v>
      </c>
      <c r="C206" s="21" t="s">
        <v>265</v>
      </c>
      <c r="D206" s="21" t="s">
        <v>215</v>
      </c>
      <c r="E206" s="21" t="s">
        <v>684</v>
      </c>
      <c r="F206" s="21" t="s">
        <v>426</v>
      </c>
      <c r="G206" s="16">
        <v>499</v>
      </c>
      <c r="H206" s="16">
        <v>407</v>
      </c>
      <c r="I206" s="16">
        <v>382</v>
      </c>
      <c r="J206" s="16">
        <v>222</v>
      </c>
      <c r="K206" s="16">
        <v>25</v>
      </c>
      <c r="L206" s="16">
        <v>2</v>
      </c>
      <c r="M206" s="16">
        <v>90</v>
      </c>
      <c r="N206" s="22" t="s">
        <v>268</v>
      </c>
      <c r="O206" s="22" t="s">
        <v>268</v>
      </c>
      <c r="P206" s="16">
        <v>214</v>
      </c>
      <c r="Q206" s="16">
        <v>90</v>
      </c>
    </row>
    <row r="207" spans="1:17">
      <c r="A207" s="21" t="s">
        <v>240</v>
      </c>
      <c r="B207" s="21" t="s">
        <v>237</v>
      </c>
      <c r="C207" s="21" t="s">
        <v>265</v>
      </c>
      <c r="D207" s="21" t="s">
        <v>215</v>
      </c>
      <c r="E207" s="21" t="s">
        <v>684</v>
      </c>
      <c r="F207" s="21" t="s">
        <v>720</v>
      </c>
      <c r="G207" s="16">
        <v>7</v>
      </c>
      <c r="H207" s="22" t="s">
        <v>268</v>
      </c>
      <c r="I207" s="22" t="s">
        <v>268</v>
      </c>
      <c r="J207" s="22" t="s">
        <v>268</v>
      </c>
      <c r="K207" s="22" t="s">
        <v>268</v>
      </c>
      <c r="L207" s="22" t="s">
        <v>268</v>
      </c>
      <c r="M207" s="16">
        <v>7</v>
      </c>
      <c r="N207" s="22" t="s">
        <v>268</v>
      </c>
      <c r="O207" s="22" t="s">
        <v>268</v>
      </c>
      <c r="P207" s="22" t="s">
        <v>268</v>
      </c>
      <c r="Q207" s="22" t="s">
        <v>268</v>
      </c>
    </row>
    <row r="208" spans="1:17">
      <c r="A208" s="21" t="s">
        <v>240</v>
      </c>
      <c r="B208" s="21" t="s">
        <v>237</v>
      </c>
      <c r="C208" s="21" t="s">
        <v>265</v>
      </c>
      <c r="D208" s="21" t="s">
        <v>215</v>
      </c>
      <c r="E208" s="21" t="s">
        <v>684</v>
      </c>
      <c r="F208" s="21" t="s">
        <v>427</v>
      </c>
      <c r="G208" s="16">
        <v>614</v>
      </c>
      <c r="H208" s="16">
        <v>508</v>
      </c>
      <c r="I208" s="16">
        <v>479</v>
      </c>
      <c r="J208" s="16">
        <v>268</v>
      </c>
      <c r="K208" s="16">
        <v>29</v>
      </c>
      <c r="L208" s="16">
        <v>2</v>
      </c>
      <c r="M208" s="16">
        <v>104</v>
      </c>
      <c r="N208" s="22" t="s">
        <v>268</v>
      </c>
      <c r="O208" s="16">
        <v>4</v>
      </c>
      <c r="P208" s="16">
        <v>214</v>
      </c>
      <c r="Q208" s="16">
        <v>90</v>
      </c>
    </row>
    <row r="209" spans="1:17">
      <c r="A209" s="21" t="s">
        <v>240</v>
      </c>
      <c r="B209" s="21" t="s">
        <v>237</v>
      </c>
      <c r="C209" s="21" t="s">
        <v>265</v>
      </c>
      <c r="D209" s="21" t="s">
        <v>215</v>
      </c>
      <c r="E209" s="21" t="s">
        <v>684</v>
      </c>
      <c r="F209" s="21" t="s">
        <v>428</v>
      </c>
      <c r="G209" s="16">
        <v>167</v>
      </c>
      <c r="H209" s="16">
        <v>141</v>
      </c>
      <c r="I209" s="16">
        <v>126</v>
      </c>
      <c r="J209" s="16">
        <v>80</v>
      </c>
      <c r="K209" s="16">
        <v>15</v>
      </c>
      <c r="L209" s="22" t="s">
        <v>268</v>
      </c>
      <c r="M209" s="16">
        <v>26</v>
      </c>
      <c r="N209" s="22" t="s">
        <v>268</v>
      </c>
      <c r="O209" s="22" t="s">
        <v>268</v>
      </c>
      <c r="P209" s="16">
        <v>80</v>
      </c>
      <c r="Q209" s="16">
        <v>26</v>
      </c>
    </row>
    <row r="210" spans="1:17">
      <c r="A210" s="21" t="s">
        <v>240</v>
      </c>
      <c r="B210" s="21" t="s">
        <v>237</v>
      </c>
      <c r="C210" s="21" t="s">
        <v>265</v>
      </c>
      <c r="D210" s="21" t="s">
        <v>215</v>
      </c>
      <c r="E210" s="21" t="s">
        <v>684</v>
      </c>
      <c r="F210" s="21" t="s">
        <v>429</v>
      </c>
      <c r="G210" s="16">
        <v>35</v>
      </c>
      <c r="H210" s="16">
        <v>23</v>
      </c>
      <c r="I210" s="16">
        <v>20</v>
      </c>
      <c r="J210" s="16">
        <v>14</v>
      </c>
      <c r="K210" s="16">
        <v>3</v>
      </c>
      <c r="L210" s="22" t="s">
        <v>268</v>
      </c>
      <c r="M210" s="16">
        <v>12</v>
      </c>
      <c r="N210" s="22" t="s">
        <v>268</v>
      </c>
      <c r="O210" s="22" t="s">
        <v>268</v>
      </c>
      <c r="P210" s="16">
        <v>14</v>
      </c>
      <c r="Q210" s="16">
        <v>12</v>
      </c>
    </row>
    <row r="211" spans="1:17">
      <c r="A211" s="21" t="s">
        <v>240</v>
      </c>
      <c r="B211" s="21" t="s">
        <v>237</v>
      </c>
      <c r="C211" s="21" t="s">
        <v>265</v>
      </c>
      <c r="D211" s="21" t="s">
        <v>215</v>
      </c>
      <c r="E211" s="21" t="s">
        <v>685</v>
      </c>
      <c r="F211" s="21" t="s">
        <v>214</v>
      </c>
      <c r="G211" s="16">
        <v>17034</v>
      </c>
      <c r="H211" s="16">
        <v>13625</v>
      </c>
      <c r="I211" s="16">
        <v>12909</v>
      </c>
      <c r="J211" s="16">
        <v>2978</v>
      </c>
      <c r="K211" s="16">
        <v>716</v>
      </c>
      <c r="L211" s="16">
        <v>273</v>
      </c>
      <c r="M211" s="16">
        <v>3056</v>
      </c>
      <c r="N211" s="16">
        <v>80</v>
      </c>
      <c r="O211" s="16">
        <v>423</v>
      </c>
      <c r="P211" s="16">
        <v>868</v>
      </c>
      <c r="Q211" s="16">
        <v>536</v>
      </c>
    </row>
    <row r="212" spans="1:17">
      <c r="A212" s="21" t="s">
        <v>240</v>
      </c>
      <c r="B212" s="21" t="s">
        <v>237</v>
      </c>
      <c r="C212" s="21" t="s">
        <v>265</v>
      </c>
      <c r="D212" s="21" t="s">
        <v>215</v>
      </c>
      <c r="E212" s="21" t="s">
        <v>685</v>
      </c>
      <c r="F212" s="21" t="s">
        <v>424</v>
      </c>
      <c r="G212" s="22" t="s">
        <v>268</v>
      </c>
      <c r="H212" s="22" t="s">
        <v>268</v>
      </c>
      <c r="I212" s="22" t="s">
        <v>268</v>
      </c>
      <c r="J212" s="22" t="s">
        <v>268</v>
      </c>
      <c r="K212" s="22" t="s">
        <v>268</v>
      </c>
      <c r="L212" s="22" t="s">
        <v>268</v>
      </c>
      <c r="M212" s="22" t="s">
        <v>268</v>
      </c>
      <c r="N212" s="22" t="s">
        <v>268</v>
      </c>
      <c r="O212" s="22" t="s">
        <v>268</v>
      </c>
      <c r="P212" s="22" t="s">
        <v>268</v>
      </c>
      <c r="Q212" s="22" t="s">
        <v>268</v>
      </c>
    </row>
    <row r="213" spans="1:17">
      <c r="A213" s="21" t="s">
        <v>240</v>
      </c>
      <c r="B213" s="21" t="s">
        <v>237</v>
      </c>
      <c r="C213" s="21" t="s">
        <v>265</v>
      </c>
      <c r="D213" s="21" t="s">
        <v>215</v>
      </c>
      <c r="E213" s="21" t="s">
        <v>685</v>
      </c>
      <c r="F213" s="21" t="s">
        <v>425</v>
      </c>
      <c r="G213" s="16">
        <v>14227</v>
      </c>
      <c r="H213" s="16">
        <v>11872</v>
      </c>
      <c r="I213" s="16">
        <v>11346</v>
      </c>
      <c r="J213" s="16">
        <v>2036</v>
      </c>
      <c r="K213" s="16">
        <v>526</v>
      </c>
      <c r="L213" s="16">
        <v>241</v>
      </c>
      <c r="M213" s="16">
        <v>2114</v>
      </c>
      <c r="N213" s="22" t="s">
        <v>268</v>
      </c>
      <c r="O213" s="16">
        <v>324</v>
      </c>
      <c r="P213" s="22" t="s">
        <v>268</v>
      </c>
      <c r="Q213" s="22" t="s">
        <v>268</v>
      </c>
    </row>
    <row r="214" spans="1:17">
      <c r="A214" s="21" t="s">
        <v>240</v>
      </c>
      <c r="B214" s="21" t="s">
        <v>237</v>
      </c>
      <c r="C214" s="21" t="s">
        <v>265</v>
      </c>
      <c r="D214" s="21" t="s">
        <v>215</v>
      </c>
      <c r="E214" s="21" t="s">
        <v>685</v>
      </c>
      <c r="F214" s="21" t="s">
        <v>426</v>
      </c>
      <c r="G214" s="16">
        <v>2321</v>
      </c>
      <c r="H214" s="16">
        <v>1753</v>
      </c>
      <c r="I214" s="16">
        <v>1563</v>
      </c>
      <c r="J214" s="16">
        <v>942</v>
      </c>
      <c r="K214" s="16">
        <v>190</v>
      </c>
      <c r="L214" s="16">
        <v>32</v>
      </c>
      <c r="M214" s="16">
        <v>536</v>
      </c>
      <c r="N214" s="22" t="s">
        <v>268</v>
      </c>
      <c r="O214" s="16">
        <v>99</v>
      </c>
      <c r="P214" s="16">
        <v>868</v>
      </c>
      <c r="Q214" s="16">
        <v>536</v>
      </c>
    </row>
    <row r="215" spans="1:17">
      <c r="A215" s="21" t="s">
        <v>240</v>
      </c>
      <c r="B215" s="21" t="s">
        <v>237</v>
      </c>
      <c r="C215" s="21" t="s">
        <v>265</v>
      </c>
      <c r="D215" s="21" t="s">
        <v>215</v>
      </c>
      <c r="E215" s="21" t="s">
        <v>685</v>
      </c>
      <c r="F215" s="21" t="s">
        <v>720</v>
      </c>
      <c r="G215" s="16">
        <v>486</v>
      </c>
      <c r="H215" s="22" t="s">
        <v>268</v>
      </c>
      <c r="I215" s="22" t="s">
        <v>268</v>
      </c>
      <c r="J215" s="22" t="s">
        <v>268</v>
      </c>
      <c r="K215" s="22" t="s">
        <v>268</v>
      </c>
      <c r="L215" s="22" t="s">
        <v>268</v>
      </c>
      <c r="M215" s="16">
        <v>406</v>
      </c>
      <c r="N215" s="16">
        <v>80</v>
      </c>
      <c r="O215" s="22" t="s">
        <v>268</v>
      </c>
      <c r="P215" s="22" t="s">
        <v>268</v>
      </c>
      <c r="Q215" s="22" t="s">
        <v>268</v>
      </c>
    </row>
    <row r="216" spans="1:17">
      <c r="A216" s="21" t="s">
        <v>240</v>
      </c>
      <c r="B216" s="21" t="s">
        <v>237</v>
      </c>
      <c r="C216" s="21" t="s">
        <v>265</v>
      </c>
      <c r="D216" s="21" t="s">
        <v>215</v>
      </c>
      <c r="E216" s="21" t="s">
        <v>685</v>
      </c>
      <c r="F216" s="21" t="s">
        <v>427</v>
      </c>
      <c r="G216" s="16">
        <v>3304</v>
      </c>
      <c r="H216" s="16">
        <v>2486</v>
      </c>
      <c r="I216" s="16">
        <v>2216</v>
      </c>
      <c r="J216" s="16">
        <v>1266</v>
      </c>
      <c r="K216" s="16">
        <v>270</v>
      </c>
      <c r="L216" s="16">
        <v>44</v>
      </c>
      <c r="M216" s="16">
        <v>774</v>
      </c>
      <c r="N216" s="22" t="s">
        <v>268</v>
      </c>
      <c r="O216" s="16">
        <v>137</v>
      </c>
      <c r="P216" s="16">
        <v>868</v>
      </c>
      <c r="Q216" s="16">
        <v>536</v>
      </c>
    </row>
    <row r="217" spans="1:17">
      <c r="A217" s="21" t="s">
        <v>240</v>
      </c>
      <c r="B217" s="21" t="s">
        <v>237</v>
      </c>
      <c r="C217" s="21" t="s">
        <v>265</v>
      </c>
      <c r="D217" s="21" t="s">
        <v>215</v>
      </c>
      <c r="E217" s="21" t="s">
        <v>685</v>
      </c>
      <c r="F217" s="21" t="s">
        <v>428</v>
      </c>
      <c r="G217" s="16">
        <v>775</v>
      </c>
      <c r="H217" s="16">
        <v>618</v>
      </c>
      <c r="I217" s="16">
        <v>544</v>
      </c>
      <c r="J217" s="16">
        <v>340</v>
      </c>
      <c r="K217" s="16">
        <v>74</v>
      </c>
      <c r="L217" s="16">
        <v>8</v>
      </c>
      <c r="M217" s="16">
        <v>149</v>
      </c>
      <c r="N217" s="22" t="s">
        <v>268</v>
      </c>
      <c r="O217" s="16">
        <v>45</v>
      </c>
      <c r="P217" s="16">
        <v>336</v>
      </c>
      <c r="Q217" s="16">
        <v>149</v>
      </c>
    </row>
    <row r="218" spans="1:17">
      <c r="A218" s="21" t="s">
        <v>240</v>
      </c>
      <c r="B218" s="21" t="s">
        <v>237</v>
      </c>
      <c r="C218" s="21" t="s">
        <v>265</v>
      </c>
      <c r="D218" s="21" t="s">
        <v>215</v>
      </c>
      <c r="E218" s="21" t="s">
        <v>685</v>
      </c>
      <c r="F218" s="21" t="s">
        <v>429</v>
      </c>
      <c r="G218" s="16">
        <v>140</v>
      </c>
      <c r="H218" s="16">
        <v>108</v>
      </c>
      <c r="I218" s="16">
        <v>90</v>
      </c>
      <c r="J218" s="16">
        <v>48</v>
      </c>
      <c r="K218" s="16">
        <v>18</v>
      </c>
      <c r="L218" s="16">
        <v>2</v>
      </c>
      <c r="M218" s="16">
        <v>30</v>
      </c>
      <c r="N218" s="22" t="s">
        <v>268</v>
      </c>
      <c r="O218" s="16">
        <v>4</v>
      </c>
      <c r="P218" s="16">
        <v>48</v>
      </c>
      <c r="Q218" s="16">
        <v>30</v>
      </c>
    </row>
    <row r="219" spans="1:17">
      <c r="A219" s="21" t="s">
        <v>240</v>
      </c>
      <c r="B219" s="21" t="s">
        <v>237</v>
      </c>
      <c r="C219" s="21" t="s">
        <v>265</v>
      </c>
      <c r="D219" s="21" t="s">
        <v>215</v>
      </c>
      <c r="E219" s="21" t="s">
        <v>686</v>
      </c>
      <c r="F219" s="21" t="s">
        <v>214</v>
      </c>
      <c r="G219" s="16">
        <v>1721</v>
      </c>
      <c r="H219" s="16">
        <v>1205</v>
      </c>
      <c r="I219" s="16">
        <v>1141</v>
      </c>
      <c r="J219" s="16">
        <v>264</v>
      </c>
      <c r="K219" s="16">
        <v>64</v>
      </c>
      <c r="L219" s="16">
        <v>10</v>
      </c>
      <c r="M219" s="16">
        <v>506</v>
      </c>
      <c r="N219" s="22" t="s">
        <v>268</v>
      </c>
      <c r="O219" s="16">
        <v>44</v>
      </c>
      <c r="P219" s="16">
        <v>30</v>
      </c>
      <c r="Q219" s="16">
        <v>8</v>
      </c>
    </row>
    <row r="220" spans="1:17">
      <c r="A220" s="21" t="s">
        <v>240</v>
      </c>
      <c r="B220" s="21" t="s">
        <v>237</v>
      </c>
      <c r="C220" s="21" t="s">
        <v>265</v>
      </c>
      <c r="D220" s="21" t="s">
        <v>215</v>
      </c>
      <c r="E220" s="21" t="s">
        <v>686</v>
      </c>
      <c r="F220" s="21" t="s">
        <v>424</v>
      </c>
      <c r="G220" s="22" t="s">
        <v>268</v>
      </c>
      <c r="H220" s="22" t="s">
        <v>268</v>
      </c>
      <c r="I220" s="22" t="s">
        <v>268</v>
      </c>
      <c r="J220" s="22" t="s">
        <v>268</v>
      </c>
      <c r="K220" s="22" t="s">
        <v>268</v>
      </c>
      <c r="L220" s="22" t="s">
        <v>268</v>
      </c>
      <c r="M220" s="22" t="s">
        <v>268</v>
      </c>
      <c r="N220" s="22" t="s">
        <v>268</v>
      </c>
      <c r="O220" s="22" t="s">
        <v>268</v>
      </c>
      <c r="P220" s="22" t="s">
        <v>268</v>
      </c>
      <c r="Q220" s="22" t="s">
        <v>268</v>
      </c>
    </row>
    <row r="221" spans="1:17">
      <c r="A221" s="21" t="s">
        <v>240</v>
      </c>
      <c r="B221" s="21" t="s">
        <v>237</v>
      </c>
      <c r="C221" s="21" t="s">
        <v>265</v>
      </c>
      <c r="D221" s="21" t="s">
        <v>215</v>
      </c>
      <c r="E221" s="21" t="s">
        <v>686</v>
      </c>
      <c r="F221" s="21" t="s">
        <v>425</v>
      </c>
      <c r="G221" s="16">
        <v>1611</v>
      </c>
      <c r="H221" s="16">
        <v>1132</v>
      </c>
      <c r="I221" s="16">
        <v>1085</v>
      </c>
      <c r="J221" s="16">
        <v>228</v>
      </c>
      <c r="K221" s="16">
        <v>47</v>
      </c>
      <c r="L221" s="16">
        <v>10</v>
      </c>
      <c r="M221" s="16">
        <v>469</v>
      </c>
      <c r="N221" s="22" t="s">
        <v>268</v>
      </c>
      <c r="O221" s="16">
        <v>35</v>
      </c>
      <c r="P221" s="22" t="s">
        <v>268</v>
      </c>
      <c r="Q221" s="22" t="s">
        <v>268</v>
      </c>
    </row>
    <row r="222" spans="1:17">
      <c r="A222" s="21" t="s">
        <v>240</v>
      </c>
      <c r="B222" s="21" t="s">
        <v>237</v>
      </c>
      <c r="C222" s="21" t="s">
        <v>265</v>
      </c>
      <c r="D222" s="21" t="s">
        <v>215</v>
      </c>
      <c r="E222" s="21" t="s">
        <v>686</v>
      </c>
      <c r="F222" s="21" t="s">
        <v>426</v>
      </c>
      <c r="G222" s="16">
        <v>81</v>
      </c>
      <c r="H222" s="16">
        <v>73</v>
      </c>
      <c r="I222" s="16">
        <v>56</v>
      </c>
      <c r="J222" s="16">
        <v>36</v>
      </c>
      <c r="K222" s="16">
        <v>17</v>
      </c>
      <c r="L222" s="22" t="s">
        <v>268</v>
      </c>
      <c r="M222" s="16">
        <v>8</v>
      </c>
      <c r="N222" s="22" t="s">
        <v>268</v>
      </c>
      <c r="O222" s="16">
        <v>9</v>
      </c>
      <c r="P222" s="16">
        <v>30</v>
      </c>
      <c r="Q222" s="16">
        <v>8</v>
      </c>
    </row>
    <row r="223" spans="1:17">
      <c r="A223" s="21" t="s">
        <v>240</v>
      </c>
      <c r="B223" s="21" t="s">
        <v>237</v>
      </c>
      <c r="C223" s="21" t="s">
        <v>265</v>
      </c>
      <c r="D223" s="21" t="s">
        <v>215</v>
      </c>
      <c r="E223" s="21" t="s">
        <v>686</v>
      </c>
      <c r="F223" s="21" t="s">
        <v>720</v>
      </c>
      <c r="G223" s="16">
        <v>29</v>
      </c>
      <c r="H223" s="22" t="s">
        <v>268</v>
      </c>
      <c r="I223" s="22" t="s">
        <v>268</v>
      </c>
      <c r="J223" s="22" t="s">
        <v>268</v>
      </c>
      <c r="K223" s="22" t="s">
        <v>268</v>
      </c>
      <c r="L223" s="22" t="s">
        <v>268</v>
      </c>
      <c r="M223" s="16">
        <v>29</v>
      </c>
      <c r="N223" s="22" t="s">
        <v>268</v>
      </c>
      <c r="O223" s="22" t="s">
        <v>268</v>
      </c>
      <c r="P223" s="22" t="s">
        <v>268</v>
      </c>
      <c r="Q223" s="22" t="s">
        <v>268</v>
      </c>
    </row>
    <row r="224" spans="1:17">
      <c r="A224" s="21" t="s">
        <v>240</v>
      </c>
      <c r="B224" s="21" t="s">
        <v>237</v>
      </c>
      <c r="C224" s="21" t="s">
        <v>265</v>
      </c>
      <c r="D224" s="21" t="s">
        <v>215</v>
      </c>
      <c r="E224" s="21" t="s">
        <v>686</v>
      </c>
      <c r="F224" s="21" t="s">
        <v>427</v>
      </c>
      <c r="G224" s="16">
        <v>163</v>
      </c>
      <c r="H224" s="16">
        <v>129</v>
      </c>
      <c r="I224" s="16">
        <v>96</v>
      </c>
      <c r="J224" s="16">
        <v>56</v>
      </c>
      <c r="K224" s="16">
        <v>33</v>
      </c>
      <c r="L224" s="22" t="s">
        <v>268</v>
      </c>
      <c r="M224" s="16">
        <v>34</v>
      </c>
      <c r="N224" s="22" t="s">
        <v>268</v>
      </c>
      <c r="O224" s="16">
        <v>22</v>
      </c>
      <c r="P224" s="16">
        <v>30</v>
      </c>
      <c r="Q224" s="16">
        <v>8</v>
      </c>
    </row>
    <row r="225" spans="1:17">
      <c r="A225" s="21" t="s">
        <v>240</v>
      </c>
      <c r="B225" s="21" t="s">
        <v>237</v>
      </c>
      <c r="C225" s="21" t="s">
        <v>265</v>
      </c>
      <c r="D225" s="21" t="s">
        <v>215</v>
      </c>
      <c r="E225" s="21" t="s">
        <v>686</v>
      </c>
      <c r="F225" s="21" t="s">
        <v>428</v>
      </c>
      <c r="G225" s="16">
        <v>27</v>
      </c>
      <c r="H225" s="16">
        <v>26</v>
      </c>
      <c r="I225" s="16">
        <v>17</v>
      </c>
      <c r="J225" s="16">
        <v>12</v>
      </c>
      <c r="K225" s="16">
        <v>9</v>
      </c>
      <c r="L225" s="22" t="s">
        <v>268</v>
      </c>
      <c r="M225" s="16">
        <v>1</v>
      </c>
      <c r="N225" s="22" t="s">
        <v>268</v>
      </c>
      <c r="O225" s="16">
        <v>5</v>
      </c>
      <c r="P225" s="16">
        <v>10</v>
      </c>
      <c r="Q225" s="16">
        <v>1</v>
      </c>
    </row>
    <row r="226" spans="1:17">
      <c r="A226" s="21" t="s">
        <v>240</v>
      </c>
      <c r="B226" s="21" t="s">
        <v>237</v>
      </c>
      <c r="C226" s="21" t="s">
        <v>265</v>
      </c>
      <c r="D226" s="21" t="s">
        <v>215</v>
      </c>
      <c r="E226" s="21" t="s">
        <v>686</v>
      </c>
      <c r="F226" s="21" t="s">
        <v>429</v>
      </c>
      <c r="G226" s="22" t="s">
        <v>268</v>
      </c>
      <c r="H226" s="22" t="s">
        <v>268</v>
      </c>
      <c r="I226" s="22" t="s">
        <v>268</v>
      </c>
      <c r="J226" s="22" t="s">
        <v>268</v>
      </c>
      <c r="K226" s="22" t="s">
        <v>268</v>
      </c>
      <c r="L226" s="22" t="s">
        <v>268</v>
      </c>
      <c r="M226" s="22" t="s">
        <v>268</v>
      </c>
      <c r="N226" s="22" t="s">
        <v>268</v>
      </c>
      <c r="O226" s="22" t="s">
        <v>268</v>
      </c>
      <c r="P226" s="22" t="s">
        <v>268</v>
      </c>
      <c r="Q226" s="22" t="s">
        <v>268</v>
      </c>
    </row>
    <row r="227" spans="1:17">
      <c r="A227" s="21" t="s">
        <v>240</v>
      </c>
      <c r="B227" s="21" t="s">
        <v>237</v>
      </c>
      <c r="C227" s="21" t="s">
        <v>265</v>
      </c>
      <c r="D227" s="21" t="s">
        <v>215</v>
      </c>
      <c r="E227" s="21" t="s">
        <v>687</v>
      </c>
      <c r="F227" s="21" t="s">
        <v>214</v>
      </c>
      <c r="G227" s="16">
        <v>504</v>
      </c>
      <c r="H227" s="16">
        <v>375</v>
      </c>
      <c r="I227" s="16">
        <v>341</v>
      </c>
      <c r="J227" s="16">
        <v>76</v>
      </c>
      <c r="K227" s="16">
        <v>34</v>
      </c>
      <c r="L227" s="16">
        <v>2</v>
      </c>
      <c r="M227" s="16">
        <v>127</v>
      </c>
      <c r="N227" s="22" t="s">
        <v>268</v>
      </c>
      <c r="O227" s="16">
        <v>19</v>
      </c>
      <c r="P227" s="16">
        <v>36</v>
      </c>
      <c r="Q227" s="16">
        <v>20</v>
      </c>
    </row>
    <row r="228" spans="1:17">
      <c r="A228" s="21" t="s">
        <v>240</v>
      </c>
      <c r="B228" s="21" t="s">
        <v>237</v>
      </c>
      <c r="C228" s="21" t="s">
        <v>265</v>
      </c>
      <c r="D228" s="21" t="s">
        <v>215</v>
      </c>
      <c r="E228" s="21" t="s">
        <v>687</v>
      </c>
      <c r="F228" s="21" t="s">
        <v>424</v>
      </c>
      <c r="G228" s="22" t="s">
        <v>268</v>
      </c>
      <c r="H228" s="22" t="s">
        <v>268</v>
      </c>
      <c r="I228" s="22" t="s">
        <v>268</v>
      </c>
      <c r="J228" s="22" t="s">
        <v>268</v>
      </c>
      <c r="K228" s="22" t="s">
        <v>268</v>
      </c>
      <c r="L228" s="22" t="s">
        <v>268</v>
      </c>
      <c r="M228" s="22" t="s">
        <v>268</v>
      </c>
      <c r="N228" s="22" t="s">
        <v>268</v>
      </c>
      <c r="O228" s="22" t="s">
        <v>268</v>
      </c>
      <c r="P228" s="22" t="s">
        <v>268</v>
      </c>
      <c r="Q228" s="22" t="s">
        <v>268</v>
      </c>
    </row>
    <row r="229" spans="1:17">
      <c r="A229" s="21" t="s">
        <v>240</v>
      </c>
      <c r="B229" s="21" t="s">
        <v>237</v>
      </c>
      <c r="C229" s="21" t="s">
        <v>265</v>
      </c>
      <c r="D229" s="21" t="s">
        <v>215</v>
      </c>
      <c r="E229" s="21" t="s">
        <v>687</v>
      </c>
      <c r="F229" s="21" t="s">
        <v>425</v>
      </c>
      <c r="G229" s="16">
        <v>420</v>
      </c>
      <c r="H229" s="16">
        <v>311</v>
      </c>
      <c r="I229" s="16">
        <v>282</v>
      </c>
      <c r="J229" s="16">
        <v>38</v>
      </c>
      <c r="K229" s="16">
        <v>29</v>
      </c>
      <c r="L229" s="16">
        <v>2</v>
      </c>
      <c r="M229" s="16">
        <v>107</v>
      </c>
      <c r="N229" s="22" t="s">
        <v>268</v>
      </c>
      <c r="O229" s="16">
        <v>19</v>
      </c>
      <c r="P229" s="22" t="s">
        <v>268</v>
      </c>
      <c r="Q229" s="22" t="s">
        <v>268</v>
      </c>
    </row>
    <row r="230" spans="1:17">
      <c r="A230" s="21" t="s">
        <v>240</v>
      </c>
      <c r="B230" s="21" t="s">
        <v>237</v>
      </c>
      <c r="C230" s="21" t="s">
        <v>265</v>
      </c>
      <c r="D230" s="21" t="s">
        <v>215</v>
      </c>
      <c r="E230" s="21" t="s">
        <v>687</v>
      </c>
      <c r="F230" s="21" t="s">
        <v>426</v>
      </c>
      <c r="G230" s="16">
        <v>84</v>
      </c>
      <c r="H230" s="16">
        <v>64</v>
      </c>
      <c r="I230" s="16">
        <v>59</v>
      </c>
      <c r="J230" s="16">
        <v>38</v>
      </c>
      <c r="K230" s="16">
        <v>5</v>
      </c>
      <c r="L230" s="22" t="s">
        <v>268</v>
      </c>
      <c r="M230" s="16">
        <v>20</v>
      </c>
      <c r="N230" s="22" t="s">
        <v>268</v>
      </c>
      <c r="O230" s="22" t="s">
        <v>268</v>
      </c>
      <c r="P230" s="16">
        <v>36</v>
      </c>
      <c r="Q230" s="16">
        <v>20</v>
      </c>
    </row>
    <row r="231" spans="1:17">
      <c r="A231" s="21" t="s">
        <v>240</v>
      </c>
      <c r="B231" s="21" t="s">
        <v>237</v>
      </c>
      <c r="C231" s="21" t="s">
        <v>265</v>
      </c>
      <c r="D231" s="21" t="s">
        <v>215</v>
      </c>
      <c r="E231" s="21" t="s">
        <v>687</v>
      </c>
      <c r="F231" s="21" t="s">
        <v>720</v>
      </c>
      <c r="G231" s="22" t="s">
        <v>268</v>
      </c>
      <c r="H231" s="22" t="s">
        <v>268</v>
      </c>
      <c r="I231" s="22" t="s">
        <v>268</v>
      </c>
      <c r="J231" s="22" t="s">
        <v>268</v>
      </c>
      <c r="K231" s="22" t="s">
        <v>268</v>
      </c>
      <c r="L231" s="22" t="s">
        <v>268</v>
      </c>
      <c r="M231" s="22" t="s">
        <v>268</v>
      </c>
      <c r="N231" s="22" t="s">
        <v>268</v>
      </c>
      <c r="O231" s="22" t="s">
        <v>268</v>
      </c>
      <c r="P231" s="22" t="s">
        <v>268</v>
      </c>
      <c r="Q231" s="22" t="s">
        <v>268</v>
      </c>
    </row>
    <row r="232" spans="1:17">
      <c r="A232" s="21" t="s">
        <v>240</v>
      </c>
      <c r="B232" s="21" t="s">
        <v>237</v>
      </c>
      <c r="C232" s="21" t="s">
        <v>265</v>
      </c>
      <c r="D232" s="21" t="s">
        <v>215</v>
      </c>
      <c r="E232" s="21" t="s">
        <v>687</v>
      </c>
      <c r="F232" s="21" t="s">
        <v>427</v>
      </c>
      <c r="G232" s="16">
        <v>123</v>
      </c>
      <c r="H232" s="16">
        <v>95</v>
      </c>
      <c r="I232" s="16">
        <v>86</v>
      </c>
      <c r="J232" s="16">
        <v>42</v>
      </c>
      <c r="K232" s="16">
        <v>9</v>
      </c>
      <c r="L232" s="22" t="s">
        <v>268</v>
      </c>
      <c r="M232" s="16">
        <v>28</v>
      </c>
      <c r="N232" s="22" t="s">
        <v>268</v>
      </c>
      <c r="O232" s="16">
        <v>4</v>
      </c>
      <c r="P232" s="16">
        <v>36</v>
      </c>
      <c r="Q232" s="16">
        <v>20</v>
      </c>
    </row>
    <row r="233" spans="1:17">
      <c r="A233" s="21" t="s">
        <v>240</v>
      </c>
      <c r="B233" s="21" t="s">
        <v>237</v>
      </c>
      <c r="C233" s="21" t="s">
        <v>265</v>
      </c>
      <c r="D233" s="21" t="s">
        <v>215</v>
      </c>
      <c r="E233" s="21" t="s">
        <v>687</v>
      </c>
      <c r="F233" s="21" t="s">
        <v>428</v>
      </c>
      <c r="G233" s="16">
        <v>31</v>
      </c>
      <c r="H233" s="16">
        <v>23</v>
      </c>
      <c r="I233" s="16">
        <v>23</v>
      </c>
      <c r="J233" s="16">
        <v>20</v>
      </c>
      <c r="K233" s="22" t="s">
        <v>268</v>
      </c>
      <c r="L233" s="22" t="s">
        <v>268</v>
      </c>
      <c r="M233" s="16">
        <v>8</v>
      </c>
      <c r="N233" s="22" t="s">
        <v>268</v>
      </c>
      <c r="O233" s="22" t="s">
        <v>268</v>
      </c>
      <c r="P233" s="16">
        <v>20</v>
      </c>
      <c r="Q233" s="16">
        <v>8</v>
      </c>
    </row>
    <row r="234" spans="1:17">
      <c r="A234" s="21" t="s">
        <v>240</v>
      </c>
      <c r="B234" s="21" t="s">
        <v>237</v>
      </c>
      <c r="C234" s="21" t="s">
        <v>265</v>
      </c>
      <c r="D234" s="21" t="s">
        <v>215</v>
      </c>
      <c r="E234" s="21" t="s">
        <v>687</v>
      </c>
      <c r="F234" s="21" t="s">
        <v>429</v>
      </c>
      <c r="G234" s="16">
        <v>12</v>
      </c>
      <c r="H234" s="16">
        <v>10</v>
      </c>
      <c r="I234" s="16">
        <v>10</v>
      </c>
      <c r="J234" s="16">
        <v>10</v>
      </c>
      <c r="K234" s="22" t="s">
        <v>268</v>
      </c>
      <c r="L234" s="22" t="s">
        <v>268</v>
      </c>
      <c r="M234" s="16">
        <v>2</v>
      </c>
      <c r="N234" s="22" t="s">
        <v>268</v>
      </c>
      <c r="O234" s="22" t="s">
        <v>268</v>
      </c>
      <c r="P234" s="16">
        <v>10</v>
      </c>
      <c r="Q234" s="16">
        <v>2</v>
      </c>
    </row>
    <row r="235" spans="1:17">
      <c r="A235" s="21" t="s">
        <v>240</v>
      </c>
      <c r="B235" s="21" t="s">
        <v>237</v>
      </c>
      <c r="C235" s="21" t="s">
        <v>265</v>
      </c>
      <c r="D235" s="21" t="s">
        <v>215</v>
      </c>
      <c r="E235" s="21" t="s">
        <v>688</v>
      </c>
      <c r="F235" s="21" t="s">
        <v>214</v>
      </c>
      <c r="G235" s="16">
        <v>879</v>
      </c>
      <c r="H235" s="16">
        <v>482</v>
      </c>
      <c r="I235" s="16">
        <v>426</v>
      </c>
      <c r="J235" s="16">
        <v>150</v>
      </c>
      <c r="K235" s="16">
        <v>56</v>
      </c>
      <c r="L235" s="16">
        <v>11</v>
      </c>
      <c r="M235" s="16">
        <v>386</v>
      </c>
      <c r="N235" s="22" t="s">
        <v>268</v>
      </c>
      <c r="O235" s="16">
        <v>43</v>
      </c>
      <c r="P235" s="16">
        <v>118</v>
      </c>
      <c r="Q235" s="16">
        <v>17</v>
      </c>
    </row>
    <row r="236" spans="1:17">
      <c r="A236" s="21" t="s">
        <v>240</v>
      </c>
      <c r="B236" s="21" t="s">
        <v>237</v>
      </c>
      <c r="C236" s="21" t="s">
        <v>265</v>
      </c>
      <c r="D236" s="21" t="s">
        <v>215</v>
      </c>
      <c r="E236" s="21" t="s">
        <v>688</v>
      </c>
      <c r="F236" s="21" t="s">
        <v>424</v>
      </c>
      <c r="G236" s="22" t="s">
        <v>268</v>
      </c>
      <c r="H236" s="22" t="s">
        <v>268</v>
      </c>
      <c r="I236" s="22" t="s">
        <v>268</v>
      </c>
      <c r="J236" s="22" t="s">
        <v>268</v>
      </c>
      <c r="K236" s="22" t="s">
        <v>268</v>
      </c>
      <c r="L236" s="22" t="s">
        <v>268</v>
      </c>
      <c r="M236" s="22" t="s">
        <v>268</v>
      </c>
      <c r="N236" s="22" t="s">
        <v>268</v>
      </c>
      <c r="O236" s="22" t="s">
        <v>268</v>
      </c>
      <c r="P236" s="22" t="s">
        <v>268</v>
      </c>
      <c r="Q236" s="22" t="s">
        <v>268</v>
      </c>
    </row>
    <row r="237" spans="1:17">
      <c r="A237" s="21" t="s">
        <v>240</v>
      </c>
      <c r="B237" s="21" t="s">
        <v>237</v>
      </c>
      <c r="C237" s="21" t="s">
        <v>265</v>
      </c>
      <c r="D237" s="21" t="s">
        <v>215</v>
      </c>
      <c r="E237" s="21" t="s">
        <v>688</v>
      </c>
      <c r="F237" s="21" t="s">
        <v>425</v>
      </c>
      <c r="G237" s="16">
        <v>696</v>
      </c>
      <c r="H237" s="16">
        <v>341</v>
      </c>
      <c r="I237" s="16">
        <v>295</v>
      </c>
      <c r="J237" s="16">
        <v>30</v>
      </c>
      <c r="K237" s="16">
        <v>46</v>
      </c>
      <c r="L237" s="16">
        <v>7</v>
      </c>
      <c r="M237" s="16">
        <v>348</v>
      </c>
      <c r="N237" s="22" t="s">
        <v>268</v>
      </c>
      <c r="O237" s="16">
        <v>36</v>
      </c>
      <c r="P237" s="22" t="s">
        <v>268</v>
      </c>
      <c r="Q237" s="22" t="s">
        <v>268</v>
      </c>
    </row>
    <row r="238" spans="1:17">
      <c r="A238" s="21" t="s">
        <v>240</v>
      </c>
      <c r="B238" s="21" t="s">
        <v>237</v>
      </c>
      <c r="C238" s="21" t="s">
        <v>265</v>
      </c>
      <c r="D238" s="21" t="s">
        <v>215</v>
      </c>
      <c r="E238" s="21" t="s">
        <v>688</v>
      </c>
      <c r="F238" s="21" t="s">
        <v>426</v>
      </c>
      <c r="G238" s="16">
        <v>162</v>
      </c>
      <c r="H238" s="16">
        <v>141</v>
      </c>
      <c r="I238" s="16">
        <v>131</v>
      </c>
      <c r="J238" s="16">
        <v>120</v>
      </c>
      <c r="K238" s="16">
        <v>10</v>
      </c>
      <c r="L238" s="16">
        <v>4</v>
      </c>
      <c r="M238" s="16">
        <v>17</v>
      </c>
      <c r="N238" s="22" t="s">
        <v>268</v>
      </c>
      <c r="O238" s="16">
        <v>7</v>
      </c>
      <c r="P238" s="16">
        <v>118</v>
      </c>
      <c r="Q238" s="16">
        <v>17</v>
      </c>
    </row>
    <row r="239" spans="1:17">
      <c r="A239" s="21" t="s">
        <v>240</v>
      </c>
      <c r="B239" s="21" t="s">
        <v>237</v>
      </c>
      <c r="C239" s="21" t="s">
        <v>265</v>
      </c>
      <c r="D239" s="21" t="s">
        <v>215</v>
      </c>
      <c r="E239" s="21" t="s">
        <v>688</v>
      </c>
      <c r="F239" s="21" t="s">
        <v>720</v>
      </c>
      <c r="G239" s="16">
        <v>21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22" t="s">
        <v>268</v>
      </c>
      <c r="M239" s="16">
        <v>21</v>
      </c>
      <c r="N239" s="22" t="s">
        <v>268</v>
      </c>
      <c r="O239" s="22" t="s">
        <v>268</v>
      </c>
      <c r="P239" s="22" t="s">
        <v>268</v>
      </c>
      <c r="Q239" s="22" t="s">
        <v>268</v>
      </c>
    </row>
    <row r="240" spans="1:17">
      <c r="A240" s="21" t="s">
        <v>240</v>
      </c>
      <c r="B240" s="21" t="s">
        <v>237</v>
      </c>
      <c r="C240" s="21" t="s">
        <v>265</v>
      </c>
      <c r="D240" s="21" t="s">
        <v>215</v>
      </c>
      <c r="E240" s="21" t="s">
        <v>688</v>
      </c>
      <c r="F240" s="21" t="s">
        <v>427</v>
      </c>
      <c r="G240" s="16">
        <v>194</v>
      </c>
      <c r="H240" s="16">
        <v>167</v>
      </c>
      <c r="I240" s="16">
        <v>152</v>
      </c>
      <c r="J240" s="16">
        <v>124</v>
      </c>
      <c r="K240" s="16">
        <v>15</v>
      </c>
      <c r="L240" s="16">
        <v>4</v>
      </c>
      <c r="M240" s="16">
        <v>23</v>
      </c>
      <c r="N240" s="22" t="s">
        <v>268</v>
      </c>
      <c r="O240" s="16">
        <v>7</v>
      </c>
      <c r="P240" s="16">
        <v>118</v>
      </c>
      <c r="Q240" s="16">
        <v>17</v>
      </c>
    </row>
    <row r="241" spans="1:17">
      <c r="A241" s="21" t="s">
        <v>240</v>
      </c>
      <c r="B241" s="21" t="s">
        <v>237</v>
      </c>
      <c r="C241" s="21" t="s">
        <v>265</v>
      </c>
      <c r="D241" s="21" t="s">
        <v>215</v>
      </c>
      <c r="E241" s="21" t="s">
        <v>688</v>
      </c>
      <c r="F241" s="21" t="s">
        <v>428</v>
      </c>
      <c r="G241" s="16">
        <v>116</v>
      </c>
      <c r="H241" s="16">
        <v>107</v>
      </c>
      <c r="I241" s="16">
        <v>100</v>
      </c>
      <c r="J241" s="16">
        <v>100</v>
      </c>
      <c r="K241" s="16">
        <v>7</v>
      </c>
      <c r="L241" s="16">
        <v>4</v>
      </c>
      <c r="M241" s="16">
        <v>5</v>
      </c>
      <c r="N241" s="22" t="s">
        <v>268</v>
      </c>
      <c r="O241" s="16">
        <v>7</v>
      </c>
      <c r="P241" s="16">
        <v>100</v>
      </c>
      <c r="Q241" s="16">
        <v>5</v>
      </c>
    </row>
    <row r="242" spans="1:17">
      <c r="A242" s="21" t="s">
        <v>240</v>
      </c>
      <c r="B242" s="21" t="s">
        <v>237</v>
      </c>
      <c r="C242" s="21" t="s">
        <v>265</v>
      </c>
      <c r="D242" s="21" t="s">
        <v>215</v>
      </c>
      <c r="E242" s="21" t="s">
        <v>688</v>
      </c>
      <c r="F242" s="21" t="s">
        <v>429</v>
      </c>
      <c r="G242" s="16">
        <v>90</v>
      </c>
      <c r="H242" s="16">
        <v>87</v>
      </c>
      <c r="I242" s="16">
        <v>80</v>
      </c>
      <c r="J242" s="16">
        <v>80</v>
      </c>
      <c r="K242" s="16">
        <v>7</v>
      </c>
      <c r="L242" s="16">
        <v>2</v>
      </c>
      <c r="M242" s="16">
        <v>1</v>
      </c>
      <c r="N242" s="22" t="s">
        <v>268</v>
      </c>
      <c r="O242" s="16">
        <v>7</v>
      </c>
      <c r="P242" s="16">
        <v>80</v>
      </c>
      <c r="Q242" s="16">
        <v>1</v>
      </c>
    </row>
    <row r="243" spans="1:17">
      <c r="A243" s="21" t="s">
        <v>240</v>
      </c>
      <c r="B243" s="21" t="s">
        <v>237</v>
      </c>
      <c r="C243" s="21" t="s">
        <v>265</v>
      </c>
      <c r="D243" s="21" t="s">
        <v>215</v>
      </c>
      <c r="E243" s="21" t="s">
        <v>689</v>
      </c>
      <c r="F243" s="21" t="s">
        <v>214</v>
      </c>
      <c r="G243" s="22" t="s">
        <v>268</v>
      </c>
      <c r="H243" s="22" t="s">
        <v>268</v>
      </c>
      <c r="I243" s="22" t="s">
        <v>268</v>
      </c>
      <c r="J243" s="22" t="s">
        <v>268</v>
      </c>
      <c r="K243" s="22" t="s">
        <v>268</v>
      </c>
      <c r="L243" s="22" t="s">
        <v>268</v>
      </c>
      <c r="M243" s="22" t="s">
        <v>268</v>
      </c>
      <c r="N243" s="22" t="s">
        <v>268</v>
      </c>
      <c r="O243" s="22" t="s">
        <v>268</v>
      </c>
      <c r="P243" s="22" t="s">
        <v>268</v>
      </c>
      <c r="Q243" s="22" t="s">
        <v>268</v>
      </c>
    </row>
    <row r="244" spans="1:17">
      <c r="A244" s="21" t="s">
        <v>240</v>
      </c>
      <c r="B244" s="21" t="s">
        <v>237</v>
      </c>
      <c r="C244" s="21" t="s">
        <v>265</v>
      </c>
      <c r="D244" s="21" t="s">
        <v>215</v>
      </c>
      <c r="E244" s="21" t="s">
        <v>689</v>
      </c>
      <c r="F244" s="21" t="s">
        <v>424</v>
      </c>
      <c r="G244" s="22" t="s">
        <v>268</v>
      </c>
      <c r="H244" s="22" t="s">
        <v>268</v>
      </c>
      <c r="I244" s="22" t="s">
        <v>268</v>
      </c>
      <c r="J244" s="22" t="s">
        <v>268</v>
      </c>
      <c r="K244" s="22" t="s">
        <v>268</v>
      </c>
      <c r="L244" s="22" t="s">
        <v>268</v>
      </c>
      <c r="M244" s="22" t="s">
        <v>268</v>
      </c>
      <c r="N244" s="22" t="s">
        <v>268</v>
      </c>
      <c r="O244" s="22" t="s">
        <v>268</v>
      </c>
      <c r="P244" s="22" t="s">
        <v>268</v>
      </c>
      <c r="Q244" s="22" t="s">
        <v>268</v>
      </c>
    </row>
    <row r="245" spans="1:17">
      <c r="A245" s="21" t="s">
        <v>240</v>
      </c>
      <c r="B245" s="21" t="s">
        <v>237</v>
      </c>
      <c r="C245" s="21" t="s">
        <v>265</v>
      </c>
      <c r="D245" s="21" t="s">
        <v>215</v>
      </c>
      <c r="E245" s="21" t="s">
        <v>689</v>
      </c>
      <c r="F245" s="21" t="s">
        <v>425</v>
      </c>
      <c r="G245" s="22" t="s">
        <v>268</v>
      </c>
      <c r="H245" s="22" t="s">
        <v>268</v>
      </c>
      <c r="I245" s="22" t="s">
        <v>268</v>
      </c>
      <c r="J245" s="22" t="s">
        <v>268</v>
      </c>
      <c r="K245" s="22" t="s">
        <v>268</v>
      </c>
      <c r="L245" s="22" t="s">
        <v>268</v>
      </c>
      <c r="M245" s="22" t="s">
        <v>268</v>
      </c>
      <c r="N245" s="22" t="s">
        <v>268</v>
      </c>
      <c r="O245" s="22" t="s">
        <v>268</v>
      </c>
      <c r="P245" s="22" t="s">
        <v>268</v>
      </c>
      <c r="Q245" s="22" t="s">
        <v>268</v>
      </c>
    </row>
    <row r="246" spans="1:17">
      <c r="A246" s="21" t="s">
        <v>240</v>
      </c>
      <c r="B246" s="21" t="s">
        <v>237</v>
      </c>
      <c r="C246" s="21" t="s">
        <v>265</v>
      </c>
      <c r="D246" s="21" t="s">
        <v>215</v>
      </c>
      <c r="E246" s="21" t="s">
        <v>689</v>
      </c>
      <c r="F246" s="21" t="s">
        <v>426</v>
      </c>
      <c r="G246" s="22" t="s">
        <v>268</v>
      </c>
      <c r="H246" s="22" t="s">
        <v>268</v>
      </c>
      <c r="I246" s="22" t="s">
        <v>268</v>
      </c>
      <c r="J246" s="22" t="s">
        <v>268</v>
      </c>
      <c r="K246" s="22" t="s">
        <v>268</v>
      </c>
      <c r="L246" s="22" t="s">
        <v>268</v>
      </c>
      <c r="M246" s="22" t="s">
        <v>268</v>
      </c>
      <c r="N246" s="22" t="s">
        <v>268</v>
      </c>
      <c r="O246" s="22" t="s">
        <v>268</v>
      </c>
      <c r="P246" s="22" t="s">
        <v>268</v>
      </c>
      <c r="Q246" s="22" t="s">
        <v>268</v>
      </c>
    </row>
    <row r="247" spans="1:17">
      <c r="A247" s="21" t="s">
        <v>240</v>
      </c>
      <c r="B247" s="21" t="s">
        <v>237</v>
      </c>
      <c r="C247" s="21" t="s">
        <v>265</v>
      </c>
      <c r="D247" s="21" t="s">
        <v>215</v>
      </c>
      <c r="E247" s="21" t="s">
        <v>689</v>
      </c>
      <c r="F247" s="21" t="s">
        <v>720</v>
      </c>
      <c r="G247" s="22" t="s">
        <v>268</v>
      </c>
      <c r="H247" s="22" t="s">
        <v>268</v>
      </c>
      <c r="I247" s="22" t="s">
        <v>268</v>
      </c>
      <c r="J247" s="22" t="s">
        <v>268</v>
      </c>
      <c r="K247" s="22" t="s">
        <v>268</v>
      </c>
      <c r="L247" s="22" t="s">
        <v>268</v>
      </c>
      <c r="M247" s="22" t="s">
        <v>268</v>
      </c>
      <c r="N247" s="22" t="s">
        <v>268</v>
      </c>
      <c r="O247" s="22" t="s">
        <v>268</v>
      </c>
      <c r="P247" s="22" t="s">
        <v>268</v>
      </c>
      <c r="Q247" s="22" t="s">
        <v>268</v>
      </c>
    </row>
    <row r="248" spans="1:17">
      <c r="A248" s="21" t="s">
        <v>240</v>
      </c>
      <c r="B248" s="21" t="s">
        <v>237</v>
      </c>
      <c r="C248" s="21" t="s">
        <v>265</v>
      </c>
      <c r="D248" s="21" t="s">
        <v>215</v>
      </c>
      <c r="E248" s="21" t="s">
        <v>689</v>
      </c>
      <c r="F248" s="21" t="s">
        <v>427</v>
      </c>
      <c r="G248" s="22" t="s">
        <v>268</v>
      </c>
      <c r="H248" s="22" t="s">
        <v>268</v>
      </c>
      <c r="I248" s="22" t="s">
        <v>268</v>
      </c>
      <c r="J248" s="22" t="s">
        <v>268</v>
      </c>
      <c r="K248" s="22" t="s">
        <v>268</v>
      </c>
      <c r="L248" s="22" t="s">
        <v>268</v>
      </c>
      <c r="M248" s="22" t="s">
        <v>268</v>
      </c>
      <c r="N248" s="22" t="s">
        <v>268</v>
      </c>
      <c r="O248" s="22" t="s">
        <v>268</v>
      </c>
      <c r="P248" s="22" t="s">
        <v>268</v>
      </c>
      <c r="Q248" s="22" t="s">
        <v>268</v>
      </c>
    </row>
    <row r="249" spans="1:17">
      <c r="A249" s="21" t="s">
        <v>240</v>
      </c>
      <c r="B249" s="21" t="s">
        <v>237</v>
      </c>
      <c r="C249" s="21" t="s">
        <v>265</v>
      </c>
      <c r="D249" s="21" t="s">
        <v>215</v>
      </c>
      <c r="E249" s="21" t="s">
        <v>689</v>
      </c>
      <c r="F249" s="21" t="s">
        <v>428</v>
      </c>
      <c r="G249" s="22" t="s">
        <v>268</v>
      </c>
      <c r="H249" s="22" t="s">
        <v>268</v>
      </c>
      <c r="I249" s="22" t="s">
        <v>268</v>
      </c>
      <c r="J249" s="22" t="s">
        <v>268</v>
      </c>
      <c r="K249" s="22" t="s">
        <v>268</v>
      </c>
      <c r="L249" s="22" t="s">
        <v>268</v>
      </c>
      <c r="M249" s="22" t="s">
        <v>268</v>
      </c>
      <c r="N249" s="22" t="s">
        <v>268</v>
      </c>
      <c r="O249" s="22" t="s">
        <v>268</v>
      </c>
      <c r="P249" s="22" t="s">
        <v>268</v>
      </c>
      <c r="Q249" s="22" t="s">
        <v>268</v>
      </c>
    </row>
    <row r="250" spans="1:17">
      <c r="A250" s="21" t="s">
        <v>240</v>
      </c>
      <c r="B250" s="21" t="s">
        <v>237</v>
      </c>
      <c r="C250" s="21" t="s">
        <v>265</v>
      </c>
      <c r="D250" s="21" t="s">
        <v>215</v>
      </c>
      <c r="E250" s="21" t="s">
        <v>689</v>
      </c>
      <c r="F250" s="21" t="s">
        <v>429</v>
      </c>
      <c r="G250" s="22" t="s">
        <v>268</v>
      </c>
      <c r="H250" s="22" t="s">
        <v>268</v>
      </c>
      <c r="I250" s="22" t="s">
        <v>268</v>
      </c>
      <c r="J250" s="22" t="s">
        <v>268</v>
      </c>
      <c r="K250" s="22" t="s">
        <v>268</v>
      </c>
      <c r="L250" s="22" t="s">
        <v>268</v>
      </c>
      <c r="M250" s="22" t="s">
        <v>268</v>
      </c>
      <c r="N250" s="22" t="s">
        <v>268</v>
      </c>
      <c r="O250" s="22" t="s">
        <v>268</v>
      </c>
      <c r="P250" s="22" t="s">
        <v>268</v>
      </c>
      <c r="Q25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7" orientation="portrait" r:id="rId1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9A2ADFA-EBD1-4BA0-B70C-F433D6605997}">
  <sheetPr>
    <pageSetUpPr fitToPage="1"/>
  </sheetPr>
  <dimension ref="A1:Q250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4" width="12.625" style="20"/>
    <col min="5" max="5" width="33.625" style="20" bestFit="1" customWidth="1"/>
    <col min="6" max="6" width="19" style="20" bestFit="1" customWidth="1"/>
    <col min="7" max="16384" width="12.625" style="20"/>
  </cols>
  <sheetData>
    <row r="1" spans="1:17" s="11" customFormat="1">
      <c r="A1" s="11" t="s">
        <v>192</v>
      </c>
    </row>
    <row r="2" spans="1:17" s="11" customFormat="1">
      <c r="A2" s="11" t="s">
        <v>725</v>
      </c>
    </row>
    <row r="3" spans="1:17" s="11" customFormat="1"/>
    <row r="4" spans="1:17" s="11" customFormat="1" hidden="1"/>
    <row r="5" spans="1:17" s="11" customFormat="1"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</row>
    <row r="6" spans="1:17" s="11" customFormat="1" ht="24"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</row>
    <row r="7" spans="1:17" s="11" customFormat="1">
      <c r="G7" s="12">
        <v>1</v>
      </c>
      <c r="H7" s="12">
        <v>1</v>
      </c>
      <c r="I7" s="12">
        <v>2</v>
      </c>
      <c r="J7" s="12">
        <v>3</v>
      </c>
      <c r="K7" s="12">
        <v>2</v>
      </c>
      <c r="L7" s="12">
        <v>1</v>
      </c>
      <c r="M7" s="12">
        <v>1</v>
      </c>
      <c r="N7" s="12">
        <v>1</v>
      </c>
      <c r="O7" s="12">
        <v>1</v>
      </c>
      <c r="P7" s="12">
        <v>1</v>
      </c>
      <c r="Q7" s="12">
        <v>1</v>
      </c>
    </row>
    <row r="8" spans="1:17" s="11" customFormat="1" ht="48">
      <c r="G8" s="12" t="s">
        <v>214</v>
      </c>
      <c r="H8" s="12" t="s">
        <v>564</v>
      </c>
      <c r="I8" s="12" t="s">
        <v>565</v>
      </c>
      <c r="J8" s="12" t="s">
        <v>719</v>
      </c>
      <c r="K8" s="12" t="s">
        <v>570</v>
      </c>
      <c r="L8" s="12" t="s">
        <v>594</v>
      </c>
      <c r="M8" s="12" t="s">
        <v>595</v>
      </c>
      <c r="N8" s="12" t="s">
        <v>596</v>
      </c>
      <c r="O8" s="12" t="s">
        <v>597</v>
      </c>
      <c r="P8" s="12" t="s">
        <v>616</v>
      </c>
      <c r="Q8" s="12" t="s">
        <v>617</v>
      </c>
    </row>
    <row r="9" spans="1:17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</row>
    <row r="10" spans="1:17" s="11" customFormat="1">
      <c r="A10" s="14" t="s">
        <v>224</v>
      </c>
      <c r="B10" s="14" t="s">
        <v>259</v>
      </c>
      <c r="C10" s="14" t="s">
        <v>230</v>
      </c>
      <c r="D10" s="14" t="s">
        <v>621</v>
      </c>
      <c r="E10" s="14" t="s">
        <v>680</v>
      </c>
      <c r="F10" s="14" t="s">
        <v>622</v>
      </c>
      <c r="G10" s="14" t="s">
        <v>231</v>
      </c>
      <c r="H10" s="14"/>
      <c r="I10" s="14"/>
      <c r="J10" s="14"/>
      <c r="K10" s="14"/>
      <c r="L10" s="14"/>
      <c r="M10" s="14"/>
      <c r="N10" s="14"/>
      <c r="O10" s="14"/>
      <c r="P10" s="14"/>
      <c r="Q10" s="14"/>
    </row>
    <row r="11" spans="1:17">
      <c r="A11" s="15" t="s">
        <v>232</v>
      </c>
      <c r="B11" s="15" t="s">
        <v>233</v>
      </c>
      <c r="C11" s="15" t="s">
        <v>262</v>
      </c>
      <c r="D11" s="15" t="s">
        <v>216</v>
      </c>
      <c r="E11" s="15" t="s">
        <v>214</v>
      </c>
      <c r="F11" s="15" t="s">
        <v>214</v>
      </c>
      <c r="G11" s="16">
        <v>22903181</v>
      </c>
      <c r="H11" s="16">
        <v>12232318</v>
      </c>
      <c r="I11" s="16">
        <v>9852433</v>
      </c>
      <c r="J11" s="16">
        <v>381810</v>
      </c>
      <c r="K11" s="16">
        <v>2379885</v>
      </c>
      <c r="L11" s="16">
        <v>367338</v>
      </c>
      <c r="M11" s="16">
        <v>10214796</v>
      </c>
      <c r="N11" s="16">
        <v>88729</v>
      </c>
      <c r="O11" s="16">
        <v>1633048</v>
      </c>
      <c r="P11" s="16">
        <v>90998</v>
      </c>
      <c r="Q11" s="16">
        <v>4408635</v>
      </c>
    </row>
    <row r="12" spans="1:17">
      <c r="A12" s="21" t="s">
        <v>232</v>
      </c>
      <c r="B12" s="21" t="s">
        <v>233</v>
      </c>
      <c r="C12" s="21" t="s">
        <v>262</v>
      </c>
      <c r="D12" s="21" t="s">
        <v>216</v>
      </c>
      <c r="E12" s="21" t="s">
        <v>214</v>
      </c>
      <c r="F12" s="21" t="s">
        <v>424</v>
      </c>
      <c r="G12" s="16">
        <v>105</v>
      </c>
      <c r="H12" s="16">
        <v>67</v>
      </c>
      <c r="I12" s="16">
        <v>27</v>
      </c>
      <c r="J12" s="22" t="s">
        <v>268</v>
      </c>
      <c r="K12" s="16">
        <v>40</v>
      </c>
      <c r="L12" s="16">
        <v>4</v>
      </c>
      <c r="M12" s="16">
        <v>34</v>
      </c>
      <c r="N12" s="22" t="s">
        <v>268</v>
      </c>
      <c r="O12" s="16">
        <v>3</v>
      </c>
      <c r="P12" s="22" t="s">
        <v>268</v>
      </c>
      <c r="Q12" s="22" t="s">
        <v>268</v>
      </c>
    </row>
    <row r="13" spans="1:17">
      <c r="A13" s="21" t="s">
        <v>232</v>
      </c>
      <c r="B13" s="21" t="s">
        <v>233</v>
      </c>
      <c r="C13" s="21" t="s">
        <v>262</v>
      </c>
      <c r="D13" s="21" t="s">
        <v>216</v>
      </c>
      <c r="E13" s="21" t="s">
        <v>214</v>
      </c>
      <c r="F13" s="21" t="s">
        <v>425</v>
      </c>
      <c r="G13" s="16">
        <v>12727026</v>
      </c>
      <c r="H13" s="16">
        <v>7703508</v>
      </c>
      <c r="I13" s="16">
        <v>6669106</v>
      </c>
      <c r="J13" s="16">
        <v>297062</v>
      </c>
      <c r="K13" s="16">
        <v>1034402</v>
      </c>
      <c r="L13" s="16">
        <v>285416</v>
      </c>
      <c r="M13" s="16">
        <v>4738102</v>
      </c>
      <c r="N13" s="22" t="s">
        <v>268</v>
      </c>
      <c r="O13" s="16">
        <v>728107</v>
      </c>
      <c r="P13" s="16">
        <v>13636</v>
      </c>
      <c r="Q13" s="22" t="s">
        <v>268</v>
      </c>
    </row>
    <row r="14" spans="1:17">
      <c r="A14" s="21" t="s">
        <v>232</v>
      </c>
      <c r="B14" s="21" t="s">
        <v>233</v>
      </c>
      <c r="C14" s="21" t="s">
        <v>262</v>
      </c>
      <c r="D14" s="21" t="s">
        <v>216</v>
      </c>
      <c r="E14" s="21" t="s">
        <v>214</v>
      </c>
      <c r="F14" s="21" t="s">
        <v>426</v>
      </c>
      <c r="G14" s="16">
        <v>9019296</v>
      </c>
      <c r="H14" s="16">
        <v>4528743</v>
      </c>
      <c r="I14" s="16">
        <v>3183300</v>
      </c>
      <c r="J14" s="16">
        <v>84748</v>
      </c>
      <c r="K14" s="16">
        <v>1345443</v>
      </c>
      <c r="L14" s="16">
        <v>81918</v>
      </c>
      <c r="M14" s="16">
        <v>4408635</v>
      </c>
      <c r="N14" s="22" t="s">
        <v>268</v>
      </c>
      <c r="O14" s="16">
        <v>904938</v>
      </c>
      <c r="P14" s="16">
        <v>77362</v>
      </c>
      <c r="Q14" s="16">
        <v>4408635</v>
      </c>
    </row>
    <row r="15" spans="1:17">
      <c r="A15" s="21" t="s">
        <v>232</v>
      </c>
      <c r="B15" s="21" t="s">
        <v>233</v>
      </c>
      <c r="C15" s="21" t="s">
        <v>262</v>
      </c>
      <c r="D15" s="21" t="s">
        <v>216</v>
      </c>
      <c r="E15" s="21" t="s">
        <v>214</v>
      </c>
      <c r="F15" s="21" t="s">
        <v>720</v>
      </c>
      <c r="G15" s="16">
        <v>1156754</v>
      </c>
      <c r="H15" s="22" t="s">
        <v>268</v>
      </c>
      <c r="I15" s="22" t="s">
        <v>268</v>
      </c>
      <c r="J15" s="22" t="s">
        <v>268</v>
      </c>
      <c r="K15" s="22" t="s">
        <v>268</v>
      </c>
      <c r="L15" s="22" t="s">
        <v>268</v>
      </c>
      <c r="M15" s="16">
        <v>1068025</v>
      </c>
      <c r="N15" s="16">
        <v>88729</v>
      </c>
      <c r="O15" s="22" t="s">
        <v>268</v>
      </c>
      <c r="P15" s="22" t="s">
        <v>268</v>
      </c>
      <c r="Q15" s="22" t="s">
        <v>268</v>
      </c>
    </row>
    <row r="16" spans="1:17">
      <c r="A16" s="21" t="s">
        <v>232</v>
      </c>
      <c r="B16" s="21" t="s">
        <v>233</v>
      </c>
      <c r="C16" s="21" t="s">
        <v>262</v>
      </c>
      <c r="D16" s="21" t="s">
        <v>216</v>
      </c>
      <c r="E16" s="21" t="s">
        <v>214</v>
      </c>
      <c r="F16" s="21" t="s">
        <v>427</v>
      </c>
      <c r="G16" s="16">
        <v>10346277</v>
      </c>
      <c r="H16" s="16">
        <v>5338537</v>
      </c>
      <c r="I16" s="16">
        <v>3790256</v>
      </c>
      <c r="J16" s="16">
        <v>113070</v>
      </c>
      <c r="K16" s="16">
        <v>1548281</v>
      </c>
      <c r="L16" s="16">
        <v>104293</v>
      </c>
      <c r="M16" s="16">
        <v>4903447</v>
      </c>
      <c r="N16" s="22" t="s">
        <v>268</v>
      </c>
      <c r="O16" s="16">
        <v>1058561</v>
      </c>
      <c r="P16" s="16">
        <v>90998</v>
      </c>
      <c r="Q16" s="16">
        <v>4408635</v>
      </c>
    </row>
    <row r="17" spans="1:17">
      <c r="A17" s="21" t="s">
        <v>232</v>
      </c>
      <c r="B17" s="21" t="s">
        <v>233</v>
      </c>
      <c r="C17" s="21" t="s">
        <v>262</v>
      </c>
      <c r="D17" s="21" t="s">
        <v>216</v>
      </c>
      <c r="E17" s="21" t="s">
        <v>214</v>
      </c>
      <c r="F17" s="21" t="s">
        <v>428</v>
      </c>
      <c r="G17" s="16">
        <v>5572019</v>
      </c>
      <c r="H17" s="16">
        <v>2673388</v>
      </c>
      <c r="I17" s="16">
        <v>1867251</v>
      </c>
      <c r="J17" s="16">
        <v>30800</v>
      </c>
      <c r="K17" s="16">
        <v>806137</v>
      </c>
      <c r="L17" s="16">
        <v>38425</v>
      </c>
      <c r="M17" s="16">
        <v>2860206</v>
      </c>
      <c r="N17" s="22" t="s">
        <v>268</v>
      </c>
      <c r="O17" s="16">
        <v>517007</v>
      </c>
      <c r="P17" s="16">
        <v>29650</v>
      </c>
      <c r="Q17" s="16">
        <v>2860206</v>
      </c>
    </row>
    <row r="18" spans="1:17">
      <c r="A18" s="21" t="s">
        <v>232</v>
      </c>
      <c r="B18" s="21" t="s">
        <v>233</v>
      </c>
      <c r="C18" s="21" t="s">
        <v>262</v>
      </c>
      <c r="D18" s="21" t="s">
        <v>216</v>
      </c>
      <c r="E18" s="21" t="s">
        <v>214</v>
      </c>
      <c r="F18" s="21" t="s">
        <v>429</v>
      </c>
      <c r="G18" s="16">
        <v>2003530</v>
      </c>
      <c r="H18" s="16">
        <v>934720</v>
      </c>
      <c r="I18" s="16">
        <v>630145</v>
      </c>
      <c r="J18" s="16">
        <v>4624</v>
      </c>
      <c r="K18" s="16">
        <v>304575</v>
      </c>
      <c r="L18" s="16">
        <v>11920</v>
      </c>
      <c r="M18" s="16">
        <v>1056890</v>
      </c>
      <c r="N18" s="22" t="s">
        <v>268</v>
      </c>
      <c r="O18" s="16">
        <v>179788</v>
      </c>
      <c r="P18" s="16">
        <v>4450</v>
      </c>
      <c r="Q18" s="16">
        <v>1056890</v>
      </c>
    </row>
    <row r="19" spans="1:17">
      <c r="A19" s="21" t="s">
        <v>232</v>
      </c>
      <c r="B19" s="21" t="s">
        <v>233</v>
      </c>
      <c r="C19" s="21" t="s">
        <v>262</v>
      </c>
      <c r="D19" s="21" t="s">
        <v>216</v>
      </c>
      <c r="E19" s="21" t="s">
        <v>681</v>
      </c>
      <c r="F19" s="21" t="s">
        <v>214</v>
      </c>
      <c r="G19" s="16">
        <v>22636476</v>
      </c>
      <c r="H19" s="16">
        <v>12151069</v>
      </c>
      <c r="I19" s="16">
        <v>9778753</v>
      </c>
      <c r="J19" s="16">
        <v>380322</v>
      </c>
      <c r="K19" s="16">
        <v>2372316</v>
      </c>
      <c r="L19" s="16">
        <v>365055</v>
      </c>
      <c r="M19" s="16">
        <v>10035321</v>
      </c>
      <c r="N19" s="16">
        <v>85031</v>
      </c>
      <c r="O19" s="16">
        <v>1627574</v>
      </c>
      <c r="P19" s="16">
        <v>90574</v>
      </c>
      <c r="Q19" s="16">
        <v>4393354</v>
      </c>
    </row>
    <row r="20" spans="1:17">
      <c r="A20" s="21" t="s">
        <v>232</v>
      </c>
      <c r="B20" s="21" t="s">
        <v>233</v>
      </c>
      <c r="C20" s="21" t="s">
        <v>262</v>
      </c>
      <c r="D20" s="21" t="s">
        <v>216</v>
      </c>
      <c r="E20" s="21" t="s">
        <v>681</v>
      </c>
      <c r="F20" s="21" t="s">
        <v>424</v>
      </c>
      <c r="G20" s="16">
        <v>104</v>
      </c>
      <c r="H20" s="16">
        <v>67</v>
      </c>
      <c r="I20" s="16">
        <v>27</v>
      </c>
      <c r="J20" s="22" t="s">
        <v>268</v>
      </c>
      <c r="K20" s="16">
        <v>40</v>
      </c>
      <c r="L20" s="16">
        <v>4</v>
      </c>
      <c r="M20" s="16">
        <v>33</v>
      </c>
      <c r="N20" s="22" t="s">
        <v>268</v>
      </c>
      <c r="O20" s="16">
        <v>3</v>
      </c>
      <c r="P20" s="22" t="s">
        <v>268</v>
      </c>
      <c r="Q20" s="22" t="s">
        <v>268</v>
      </c>
    </row>
    <row r="21" spans="1:17">
      <c r="A21" s="21" t="s">
        <v>232</v>
      </c>
      <c r="B21" s="21" t="s">
        <v>233</v>
      </c>
      <c r="C21" s="21" t="s">
        <v>262</v>
      </c>
      <c r="D21" s="21" t="s">
        <v>216</v>
      </c>
      <c r="E21" s="21" t="s">
        <v>681</v>
      </c>
      <c r="F21" s="21" t="s">
        <v>425</v>
      </c>
      <c r="G21" s="16">
        <v>12500995</v>
      </c>
      <c r="H21" s="16">
        <v>7629113</v>
      </c>
      <c r="I21" s="16">
        <v>6600088</v>
      </c>
      <c r="J21" s="16">
        <v>295946</v>
      </c>
      <c r="K21" s="16">
        <v>1029025</v>
      </c>
      <c r="L21" s="16">
        <v>283472</v>
      </c>
      <c r="M21" s="16">
        <v>4588410</v>
      </c>
      <c r="N21" s="22" t="s">
        <v>268</v>
      </c>
      <c r="O21" s="16">
        <v>724044</v>
      </c>
      <c r="P21" s="16">
        <v>13564</v>
      </c>
      <c r="Q21" s="22" t="s">
        <v>268</v>
      </c>
    </row>
    <row r="22" spans="1:17">
      <c r="A22" s="21" t="s">
        <v>232</v>
      </c>
      <c r="B22" s="21" t="s">
        <v>233</v>
      </c>
      <c r="C22" s="21" t="s">
        <v>262</v>
      </c>
      <c r="D22" s="21" t="s">
        <v>216</v>
      </c>
      <c r="E22" s="21" t="s">
        <v>681</v>
      </c>
      <c r="F22" s="21" t="s">
        <v>426</v>
      </c>
      <c r="G22" s="16">
        <v>8996822</v>
      </c>
      <c r="H22" s="16">
        <v>4521889</v>
      </c>
      <c r="I22" s="16">
        <v>3178638</v>
      </c>
      <c r="J22" s="16">
        <v>84376</v>
      </c>
      <c r="K22" s="16">
        <v>1343251</v>
      </c>
      <c r="L22" s="16">
        <v>81579</v>
      </c>
      <c r="M22" s="16">
        <v>4393354</v>
      </c>
      <c r="N22" s="22" t="s">
        <v>268</v>
      </c>
      <c r="O22" s="16">
        <v>903527</v>
      </c>
      <c r="P22" s="16">
        <v>77010</v>
      </c>
      <c r="Q22" s="16">
        <v>4393354</v>
      </c>
    </row>
    <row r="23" spans="1:17">
      <c r="A23" s="21" t="s">
        <v>232</v>
      </c>
      <c r="B23" s="21" t="s">
        <v>233</v>
      </c>
      <c r="C23" s="21" t="s">
        <v>262</v>
      </c>
      <c r="D23" s="21" t="s">
        <v>216</v>
      </c>
      <c r="E23" s="21" t="s">
        <v>681</v>
      </c>
      <c r="F23" s="21" t="s">
        <v>720</v>
      </c>
      <c r="G23" s="16">
        <v>1138555</v>
      </c>
      <c r="H23" s="22" t="s">
        <v>268</v>
      </c>
      <c r="I23" s="22" t="s">
        <v>268</v>
      </c>
      <c r="J23" s="22" t="s">
        <v>268</v>
      </c>
      <c r="K23" s="22" t="s">
        <v>268</v>
      </c>
      <c r="L23" s="22" t="s">
        <v>268</v>
      </c>
      <c r="M23" s="16">
        <v>1053524</v>
      </c>
      <c r="N23" s="16">
        <v>85031</v>
      </c>
      <c r="O23" s="22" t="s">
        <v>268</v>
      </c>
      <c r="P23" s="22" t="s">
        <v>268</v>
      </c>
      <c r="Q23" s="22" t="s">
        <v>268</v>
      </c>
    </row>
    <row r="24" spans="1:17">
      <c r="A24" s="21" t="s">
        <v>232</v>
      </c>
      <c r="B24" s="21" t="s">
        <v>233</v>
      </c>
      <c r="C24" s="21" t="s">
        <v>262</v>
      </c>
      <c r="D24" s="21" t="s">
        <v>216</v>
      </c>
      <c r="E24" s="21" t="s">
        <v>681</v>
      </c>
      <c r="F24" s="21" t="s">
        <v>427</v>
      </c>
      <c r="G24" s="16">
        <v>10318162</v>
      </c>
      <c r="H24" s="16">
        <v>5329257</v>
      </c>
      <c r="I24" s="16">
        <v>3783647</v>
      </c>
      <c r="J24" s="16">
        <v>112568</v>
      </c>
      <c r="K24" s="16">
        <v>1545610</v>
      </c>
      <c r="L24" s="16">
        <v>103845</v>
      </c>
      <c r="M24" s="16">
        <v>4885060</v>
      </c>
      <c r="N24" s="22" t="s">
        <v>268</v>
      </c>
      <c r="O24" s="16">
        <v>1056783</v>
      </c>
      <c r="P24" s="16">
        <v>90574</v>
      </c>
      <c r="Q24" s="16">
        <v>4393354</v>
      </c>
    </row>
    <row r="25" spans="1:17">
      <c r="A25" s="21" t="s">
        <v>232</v>
      </c>
      <c r="B25" s="21" t="s">
        <v>233</v>
      </c>
      <c r="C25" s="21" t="s">
        <v>262</v>
      </c>
      <c r="D25" s="21" t="s">
        <v>216</v>
      </c>
      <c r="E25" s="21" t="s">
        <v>681</v>
      </c>
      <c r="F25" s="21" t="s">
        <v>428</v>
      </c>
      <c r="G25" s="16">
        <v>5557590</v>
      </c>
      <c r="H25" s="16">
        <v>2669365</v>
      </c>
      <c r="I25" s="16">
        <v>1864582</v>
      </c>
      <c r="J25" s="16">
        <v>30588</v>
      </c>
      <c r="K25" s="16">
        <v>804783</v>
      </c>
      <c r="L25" s="16">
        <v>38227</v>
      </c>
      <c r="M25" s="16">
        <v>2849998</v>
      </c>
      <c r="N25" s="22" t="s">
        <v>268</v>
      </c>
      <c r="O25" s="16">
        <v>516212</v>
      </c>
      <c r="P25" s="16">
        <v>29446</v>
      </c>
      <c r="Q25" s="16">
        <v>2849998</v>
      </c>
    </row>
    <row r="26" spans="1:17">
      <c r="A26" s="21" t="s">
        <v>232</v>
      </c>
      <c r="B26" s="21" t="s">
        <v>233</v>
      </c>
      <c r="C26" s="21" t="s">
        <v>262</v>
      </c>
      <c r="D26" s="21" t="s">
        <v>216</v>
      </c>
      <c r="E26" s="21" t="s">
        <v>681</v>
      </c>
      <c r="F26" s="21" t="s">
        <v>429</v>
      </c>
      <c r="G26" s="16">
        <v>1996453</v>
      </c>
      <c r="H26" s="16">
        <v>933106</v>
      </c>
      <c r="I26" s="16">
        <v>629101</v>
      </c>
      <c r="J26" s="16">
        <v>4526</v>
      </c>
      <c r="K26" s="16">
        <v>304005</v>
      </c>
      <c r="L26" s="16">
        <v>11866</v>
      </c>
      <c r="M26" s="16">
        <v>1051481</v>
      </c>
      <c r="N26" s="22" t="s">
        <v>268</v>
      </c>
      <c r="O26" s="16">
        <v>179536</v>
      </c>
      <c r="P26" s="16">
        <v>4356</v>
      </c>
      <c r="Q26" s="16">
        <v>1051481</v>
      </c>
    </row>
    <row r="27" spans="1:17">
      <c r="A27" s="21" t="s">
        <v>232</v>
      </c>
      <c r="B27" s="21" t="s">
        <v>233</v>
      </c>
      <c r="C27" s="21" t="s">
        <v>262</v>
      </c>
      <c r="D27" s="21" t="s">
        <v>216</v>
      </c>
      <c r="E27" s="21" t="s">
        <v>682</v>
      </c>
      <c r="F27" s="21" t="s">
        <v>214</v>
      </c>
      <c r="G27" s="16">
        <v>22242263</v>
      </c>
      <c r="H27" s="16">
        <v>11977328</v>
      </c>
      <c r="I27" s="16">
        <v>9618825</v>
      </c>
      <c r="J27" s="16">
        <v>376572</v>
      </c>
      <c r="K27" s="16">
        <v>2358503</v>
      </c>
      <c r="L27" s="16">
        <v>361412</v>
      </c>
      <c r="M27" s="16">
        <v>9818866</v>
      </c>
      <c r="N27" s="16">
        <v>84657</v>
      </c>
      <c r="O27" s="16">
        <v>1619544</v>
      </c>
      <c r="P27" s="16">
        <v>89840</v>
      </c>
      <c r="Q27" s="16">
        <v>4324218</v>
      </c>
    </row>
    <row r="28" spans="1:17">
      <c r="A28" s="21" t="s">
        <v>232</v>
      </c>
      <c r="B28" s="21" t="s">
        <v>233</v>
      </c>
      <c r="C28" s="21" t="s">
        <v>262</v>
      </c>
      <c r="D28" s="21" t="s">
        <v>216</v>
      </c>
      <c r="E28" s="21" t="s">
        <v>682</v>
      </c>
      <c r="F28" s="21" t="s">
        <v>424</v>
      </c>
      <c r="G28" s="16">
        <v>80</v>
      </c>
      <c r="H28" s="16">
        <v>58</v>
      </c>
      <c r="I28" s="16">
        <v>27</v>
      </c>
      <c r="J28" s="22" t="s">
        <v>268</v>
      </c>
      <c r="K28" s="16">
        <v>31</v>
      </c>
      <c r="L28" s="16">
        <v>4</v>
      </c>
      <c r="M28" s="16">
        <v>18</v>
      </c>
      <c r="N28" s="22" t="s">
        <v>268</v>
      </c>
      <c r="O28" s="16">
        <v>3</v>
      </c>
      <c r="P28" s="22" t="s">
        <v>268</v>
      </c>
      <c r="Q28" s="22" t="s">
        <v>268</v>
      </c>
    </row>
    <row r="29" spans="1:17">
      <c r="A29" s="21" t="s">
        <v>232</v>
      </c>
      <c r="B29" s="21" t="s">
        <v>233</v>
      </c>
      <c r="C29" s="21" t="s">
        <v>262</v>
      </c>
      <c r="D29" s="21" t="s">
        <v>216</v>
      </c>
      <c r="E29" s="21" t="s">
        <v>682</v>
      </c>
      <c r="F29" s="21" t="s">
        <v>425</v>
      </c>
      <c r="G29" s="16">
        <v>12201191</v>
      </c>
      <c r="H29" s="16">
        <v>7473568</v>
      </c>
      <c r="I29" s="16">
        <v>6453992</v>
      </c>
      <c r="J29" s="16">
        <v>292832</v>
      </c>
      <c r="K29" s="16">
        <v>1019576</v>
      </c>
      <c r="L29" s="16">
        <v>280435</v>
      </c>
      <c r="M29" s="16">
        <v>4447188</v>
      </c>
      <c r="N29" s="22" t="s">
        <v>268</v>
      </c>
      <c r="O29" s="16">
        <v>718148</v>
      </c>
      <c r="P29" s="16">
        <v>13408</v>
      </c>
      <c r="Q29" s="22" t="s">
        <v>268</v>
      </c>
    </row>
    <row r="30" spans="1:17">
      <c r="A30" s="21" t="s">
        <v>232</v>
      </c>
      <c r="B30" s="21" t="s">
        <v>233</v>
      </c>
      <c r="C30" s="21" t="s">
        <v>262</v>
      </c>
      <c r="D30" s="21" t="s">
        <v>216</v>
      </c>
      <c r="E30" s="21" t="s">
        <v>682</v>
      </c>
      <c r="F30" s="21" t="s">
        <v>426</v>
      </c>
      <c r="G30" s="16">
        <v>8908893</v>
      </c>
      <c r="H30" s="16">
        <v>4503702</v>
      </c>
      <c r="I30" s="16">
        <v>3164806</v>
      </c>
      <c r="J30" s="16">
        <v>83740</v>
      </c>
      <c r="K30" s="16">
        <v>1338896</v>
      </c>
      <c r="L30" s="16">
        <v>80973</v>
      </c>
      <c r="M30" s="16">
        <v>4324218</v>
      </c>
      <c r="N30" s="22" t="s">
        <v>268</v>
      </c>
      <c r="O30" s="16">
        <v>901393</v>
      </c>
      <c r="P30" s="16">
        <v>76432</v>
      </c>
      <c r="Q30" s="16">
        <v>4324218</v>
      </c>
    </row>
    <row r="31" spans="1:17">
      <c r="A31" s="21" t="s">
        <v>232</v>
      </c>
      <c r="B31" s="21" t="s">
        <v>233</v>
      </c>
      <c r="C31" s="21" t="s">
        <v>262</v>
      </c>
      <c r="D31" s="21" t="s">
        <v>216</v>
      </c>
      <c r="E31" s="21" t="s">
        <v>682</v>
      </c>
      <c r="F31" s="21" t="s">
        <v>720</v>
      </c>
      <c r="G31" s="16">
        <v>1132099</v>
      </c>
      <c r="H31" s="22" t="s">
        <v>268</v>
      </c>
      <c r="I31" s="22" t="s">
        <v>268</v>
      </c>
      <c r="J31" s="22" t="s">
        <v>268</v>
      </c>
      <c r="K31" s="22" t="s">
        <v>268</v>
      </c>
      <c r="L31" s="22" t="s">
        <v>268</v>
      </c>
      <c r="M31" s="16">
        <v>1047442</v>
      </c>
      <c r="N31" s="16">
        <v>84657</v>
      </c>
      <c r="O31" s="22" t="s">
        <v>268</v>
      </c>
      <c r="P31" s="22" t="s">
        <v>268</v>
      </c>
      <c r="Q31" s="22" t="s">
        <v>268</v>
      </c>
    </row>
    <row r="32" spans="1:17">
      <c r="A32" s="21" t="s">
        <v>232</v>
      </c>
      <c r="B32" s="21" t="s">
        <v>233</v>
      </c>
      <c r="C32" s="21" t="s">
        <v>262</v>
      </c>
      <c r="D32" s="21" t="s">
        <v>216</v>
      </c>
      <c r="E32" s="21" t="s">
        <v>682</v>
      </c>
      <c r="F32" s="21" t="s">
        <v>427</v>
      </c>
      <c r="G32" s="16">
        <v>10214256</v>
      </c>
      <c r="H32" s="16">
        <v>5304157</v>
      </c>
      <c r="I32" s="16">
        <v>3763892</v>
      </c>
      <c r="J32" s="16">
        <v>111686</v>
      </c>
      <c r="K32" s="16">
        <v>1540265</v>
      </c>
      <c r="L32" s="16">
        <v>103058</v>
      </c>
      <c r="M32" s="16">
        <v>4807041</v>
      </c>
      <c r="N32" s="22" t="s">
        <v>268</v>
      </c>
      <c r="O32" s="16">
        <v>1054009</v>
      </c>
      <c r="P32" s="16">
        <v>89840</v>
      </c>
      <c r="Q32" s="16">
        <v>4324218</v>
      </c>
    </row>
    <row r="33" spans="1:17">
      <c r="A33" s="21" t="s">
        <v>232</v>
      </c>
      <c r="B33" s="21" t="s">
        <v>233</v>
      </c>
      <c r="C33" s="21" t="s">
        <v>262</v>
      </c>
      <c r="D33" s="21" t="s">
        <v>216</v>
      </c>
      <c r="E33" s="21" t="s">
        <v>682</v>
      </c>
      <c r="F33" s="21" t="s">
        <v>428</v>
      </c>
      <c r="G33" s="16">
        <v>5502077</v>
      </c>
      <c r="H33" s="16">
        <v>2660376</v>
      </c>
      <c r="I33" s="16">
        <v>1858035</v>
      </c>
      <c r="J33" s="16">
        <v>30346</v>
      </c>
      <c r="K33" s="16">
        <v>802341</v>
      </c>
      <c r="L33" s="16">
        <v>37978</v>
      </c>
      <c r="M33" s="16">
        <v>2803723</v>
      </c>
      <c r="N33" s="22" t="s">
        <v>268</v>
      </c>
      <c r="O33" s="16">
        <v>515157</v>
      </c>
      <c r="P33" s="16">
        <v>29214</v>
      </c>
      <c r="Q33" s="16">
        <v>2803723</v>
      </c>
    </row>
    <row r="34" spans="1:17">
      <c r="A34" s="21" t="s">
        <v>232</v>
      </c>
      <c r="B34" s="21" t="s">
        <v>233</v>
      </c>
      <c r="C34" s="21" t="s">
        <v>262</v>
      </c>
      <c r="D34" s="21" t="s">
        <v>216</v>
      </c>
      <c r="E34" s="21" t="s">
        <v>682</v>
      </c>
      <c r="F34" s="21" t="s">
        <v>429</v>
      </c>
      <c r="G34" s="16">
        <v>1971646</v>
      </c>
      <c r="H34" s="16">
        <v>930009</v>
      </c>
      <c r="I34" s="16">
        <v>626939</v>
      </c>
      <c r="J34" s="16">
        <v>4474</v>
      </c>
      <c r="K34" s="16">
        <v>303070</v>
      </c>
      <c r="L34" s="16">
        <v>11792</v>
      </c>
      <c r="M34" s="16">
        <v>1029845</v>
      </c>
      <c r="N34" s="22" t="s">
        <v>268</v>
      </c>
      <c r="O34" s="16">
        <v>179172</v>
      </c>
      <c r="P34" s="16">
        <v>4304</v>
      </c>
      <c r="Q34" s="16">
        <v>1029845</v>
      </c>
    </row>
    <row r="35" spans="1:17">
      <c r="A35" s="21" t="s">
        <v>232</v>
      </c>
      <c r="B35" s="21" t="s">
        <v>233</v>
      </c>
      <c r="C35" s="21" t="s">
        <v>262</v>
      </c>
      <c r="D35" s="21" t="s">
        <v>216</v>
      </c>
      <c r="E35" s="21" t="s">
        <v>683</v>
      </c>
      <c r="F35" s="21" t="s">
        <v>214</v>
      </c>
      <c r="G35" s="16">
        <v>12133950</v>
      </c>
      <c r="H35" s="16">
        <v>7656771</v>
      </c>
      <c r="I35" s="16">
        <v>5748834</v>
      </c>
      <c r="J35" s="16">
        <v>161894</v>
      </c>
      <c r="K35" s="16">
        <v>1907937</v>
      </c>
      <c r="L35" s="16">
        <v>142517</v>
      </c>
      <c r="M35" s="16">
        <v>4294807</v>
      </c>
      <c r="N35" s="16">
        <v>39855</v>
      </c>
      <c r="O35" s="16">
        <v>1375969</v>
      </c>
      <c r="P35" s="16">
        <v>62282</v>
      </c>
      <c r="Q35" s="16">
        <v>3099719</v>
      </c>
    </row>
    <row r="36" spans="1:17">
      <c r="A36" s="21" t="s">
        <v>232</v>
      </c>
      <c r="B36" s="21" t="s">
        <v>233</v>
      </c>
      <c r="C36" s="21" t="s">
        <v>262</v>
      </c>
      <c r="D36" s="21" t="s">
        <v>216</v>
      </c>
      <c r="E36" s="21" t="s">
        <v>683</v>
      </c>
      <c r="F36" s="21" t="s">
        <v>424</v>
      </c>
      <c r="G36" s="16">
        <v>42</v>
      </c>
      <c r="H36" s="16">
        <v>33</v>
      </c>
      <c r="I36" s="16">
        <v>14</v>
      </c>
      <c r="J36" s="22" t="s">
        <v>268</v>
      </c>
      <c r="K36" s="16">
        <v>19</v>
      </c>
      <c r="L36" s="16">
        <v>2</v>
      </c>
      <c r="M36" s="16">
        <v>7</v>
      </c>
      <c r="N36" s="22" t="s">
        <v>268</v>
      </c>
      <c r="O36" s="16">
        <v>3</v>
      </c>
      <c r="P36" s="22" t="s">
        <v>268</v>
      </c>
      <c r="Q36" s="22" t="s">
        <v>268</v>
      </c>
    </row>
    <row r="37" spans="1:17">
      <c r="A37" s="21" t="s">
        <v>232</v>
      </c>
      <c r="B37" s="21" t="s">
        <v>233</v>
      </c>
      <c r="C37" s="21" t="s">
        <v>262</v>
      </c>
      <c r="D37" s="21" t="s">
        <v>216</v>
      </c>
      <c r="E37" s="21" t="s">
        <v>683</v>
      </c>
      <c r="F37" s="21" t="s">
        <v>425</v>
      </c>
      <c r="G37" s="16">
        <v>4958368</v>
      </c>
      <c r="H37" s="16">
        <v>3883594</v>
      </c>
      <c r="I37" s="16">
        <v>3195765</v>
      </c>
      <c r="J37" s="16">
        <v>104522</v>
      </c>
      <c r="K37" s="16">
        <v>687829</v>
      </c>
      <c r="L37" s="16">
        <v>84671</v>
      </c>
      <c r="M37" s="16">
        <v>990103</v>
      </c>
      <c r="N37" s="22" t="s">
        <v>268</v>
      </c>
      <c r="O37" s="16">
        <v>536746</v>
      </c>
      <c r="P37" s="16">
        <v>9294</v>
      </c>
      <c r="Q37" s="22" t="s">
        <v>268</v>
      </c>
    </row>
    <row r="38" spans="1:17">
      <c r="A38" s="21" t="s">
        <v>232</v>
      </c>
      <c r="B38" s="21" t="s">
        <v>233</v>
      </c>
      <c r="C38" s="21" t="s">
        <v>262</v>
      </c>
      <c r="D38" s="21" t="s">
        <v>216</v>
      </c>
      <c r="E38" s="21" t="s">
        <v>683</v>
      </c>
      <c r="F38" s="21" t="s">
        <v>426</v>
      </c>
      <c r="G38" s="16">
        <v>6930707</v>
      </c>
      <c r="H38" s="16">
        <v>3773144</v>
      </c>
      <c r="I38" s="16">
        <v>2553055</v>
      </c>
      <c r="J38" s="16">
        <v>57372</v>
      </c>
      <c r="K38" s="16">
        <v>1220089</v>
      </c>
      <c r="L38" s="16">
        <v>57844</v>
      </c>
      <c r="M38" s="16">
        <v>3099719</v>
      </c>
      <c r="N38" s="22" t="s">
        <v>268</v>
      </c>
      <c r="O38" s="16">
        <v>839220</v>
      </c>
      <c r="P38" s="16">
        <v>52988</v>
      </c>
      <c r="Q38" s="16">
        <v>3099719</v>
      </c>
    </row>
    <row r="39" spans="1:17">
      <c r="A39" s="21" t="s">
        <v>232</v>
      </c>
      <c r="B39" s="21" t="s">
        <v>233</v>
      </c>
      <c r="C39" s="21" t="s">
        <v>262</v>
      </c>
      <c r="D39" s="21" t="s">
        <v>216</v>
      </c>
      <c r="E39" s="21" t="s">
        <v>683</v>
      </c>
      <c r="F39" s="21" t="s">
        <v>720</v>
      </c>
      <c r="G39" s="16">
        <v>244833</v>
      </c>
      <c r="H39" s="22" t="s">
        <v>268</v>
      </c>
      <c r="I39" s="22" t="s">
        <v>268</v>
      </c>
      <c r="J39" s="22" t="s">
        <v>268</v>
      </c>
      <c r="K39" s="22" t="s">
        <v>268</v>
      </c>
      <c r="L39" s="22" t="s">
        <v>268</v>
      </c>
      <c r="M39" s="16">
        <v>204978</v>
      </c>
      <c r="N39" s="16">
        <v>39855</v>
      </c>
      <c r="O39" s="22" t="s">
        <v>268</v>
      </c>
      <c r="P39" s="22" t="s">
        <v>268</v>
      </c>
      <c r="Q39" s="22" t="s">
        <v>268</v>
      </c>
    </row>
    <row r="40" spans="1:17">
      <c r="A40" s="21" t="s">
        <v>232</v>
      </c>
      <c r="B40" s="21" t="s">
        <v>233</v>
      </c>
      <c r="C40" s="21" t="s">
        <v>262</v>
      </c>
      <c r="D40" s="21" t="s">
        <v>216</v>
      </c>
      <c r="E40" s="21" t="s">
        <v>683</v>
      </c>
      <c r="F40" s="21" t="s">
        <v>427</v>
      </c>
      <c r="G40" s="16">
        <v>7802122</v>
      </c>
      <c r="H40" s="16">
        <v>4353224</v>
      </c>
      <c r="I40" s="16">
        <v>2966454</v>
      </c>
      <c r="J40" s="16">
        <v>76536</v>
      </c>
      <c r="K40" s="16">
        <v>1386770</v>
      </c>
      <c r="L40" s="16">
        <v>70949</v>
      </c>
      <c r="M40" s="16">
        <v>3377949</v>
      </c>
      <c r="N40" s="22" t="s">
        <v>268</v>
      </c>
      <c r="O40" s="16">
        <v>968382</v>
      </c>
      <c r="P40" s="16">
        <v>62282</v>
      </c>
      <c r="Q40" s="16">
        <v>3099719</v>
      </c>
    </row>
    <row r="41" spans="1:17">
      <c r="A41" s="21" t="s">
        <v>232</v>
      </c>
      <c r="B41" s="21" t="s">
        <v>233</v>
      </c>
      <c r="C41" s="21" t="s">
        <v>262</v>
      </c>
      <c r="D41" s="21" t="s">
        <v>216</v>
      </c>
      <c r="E41" s="21" t="s">
        <v>683</v>
      </c>
      <c r="F41" s="21" t="s">
        <v>428</v>
      </c>
      <c r="G41" s="16">
        <v>4441260</v>
      </c>
      <c r="H41" s="16">
        <v>2308278</v>
      </c>
      <c r="I41" s="16">
        <v>1559860</v>
      </c>
      <c r="J41" s="16">
        <v>20326</v>
      </c>
      <c r="K41" s="16">
        <v>748418</v>
      </c>
      <c r="L41" s="16">
        <v>29236</v>
      </c>
      <c r="M41" s="16">
        <v>2103746</v>
      </c>
      <c r="N41" s="22" t="s">
        <v>268</v>
      </c>
      <c r="O41" s="16">
        <v>490046</v>
      </c>
      <c r="P41" s="16">
        <v>19652</v>
      </c>
      <c r="Q41" s="16">
        <v>2103746</v>
      </c>
    </row>
    <row r="42" spans="1:17">
      <c r="A42" s="21" t="s">
        <v>232</v>
      </c>
      <c r="B42" s="21" t="s">
        <v>233</v>
      </c>
      <c r="C42" s="21" t="s">
        <v>262</v>
      </c>
      <c r="D42" s="21" t="s">
        <v>216</v>
      </c>
      <c r="E42" s="21" t="s">
        <v>683</v>
      </c>
      <c r="F42" s="21" t="s">
        <v>429</v>
      </c>
      <c r="G42" s="16">
        <v>1653395</v>
      </c>
      <c r="H42" s="16">
        <v>832383</v>
      </c>
      <c r="I42" s="16">
        <v>544903</v>
      </c>
      <c r="J42" s="16">
        <v>3172</v>
      </c>
      <c r="K42" s="16">
        <v>287480</v>
      </c>
      <c r="L42" s="16">
        <v>9899</v>
      </c>
      <c r="M42" s="16">
        <v>811113</v>
      </c>
      <c r="N42" s="22" t="s">
        <v>268</v>
      </c>
      <c r="O42" s="16">
        <v>172482</v>
      </c>
      <c r="P42" s="16">
        <v>3050</v>
      </c>
      <c r="Q42" s="16">
        <v>811113</v>
      </c>
    </row>
    <row r="43" spans="1:17">
      <c r="A43" s="21" t="s">
        <v>232</v>
      </c>
      <c r="B43" s="21" t="s">
        <v>233</v>
      </c>
      <c r="C43" s="21" t="s">
        <v>262</v>
      </c>
      <c r="D43" s="21" t="s">
        <v>216</v>
      </c>
      <c r="E43" s="21" t="s">
        <v>684</v>
      </c>
      <c r="F43" s="21" t="s">
        <v>214</v>
      </c>
      <c r="G43" s="16">
        <v>1973474</v>
      </c>
      <c r="H43" s="16">
        <v>1197787</v>
      </c>
      <c r="I43" s="16">
        <v>1082435</v>
      </c>
      <c r="J43" s="16">
        <v>28676</v>
      </c>
      <c r="K43" s="16">
        <v>115352</v>
      </c>
      <c r="L43" s="16">
        <v>15836</v>
      </c>
      <c r="M43" s="16">
        <v>750556</v>
      </c>
      <c r="N43" s="16">
        <v>9295</v>
      </c>
      <c r="O43" s="16">
        <v>73871</v>
      </c>
      <c r="P43" s="16">
        <v>13668</v>
      </c>
      <c r="Q43" s="16">
        <v>529175</v>
      </c>
    </row>
    <row r="44" spans="1:17">
      <c r="A44" s="21" t="s">
        <v>232</v>
      </c>
      <c r="B44" s="21" t="s">
        <v>233</v>
      </c>
      <c r="C44" s="21" t="s">
        <v>262</v>
      </c>
      <c r="D44" s="21" t="s">
        <v>216</v>
      </c>
      <c r="E44" s="21" t="s">
        <v>684</v>
      </c>
      <c r="F44" s="21" t="s">
        <v>424</v>
      </c>
      <c r="G44" s="16">
        <v>7</v>
      </c>
      <c r="H44" s="16">
        <v>7</v>
      </c>
      <c r="I44" s="16">
        <v>2</v>
      </c>
      <c r="J44" s="22" t="s">
        <v>268</v>
      </c>
      <c r="K44" s="16">
        <v>5</v>
      </c>
      <c r="L44" s="22" t="s">
        <v>268</v>
      </c>
      <c r="M44" s="22" t="s">
        <v>268</v>
      </c>
      <c r="N44" s="22" t="s">
        <v>268</v>
      </c>
      <c r="O44" s="22" t="s">
        <v>268</v>
      </c>
      <c r="P44" s="22" t="s">
        <v>268</v>
      </c>
      <c r="Q44" s="22" t="s">
        <v>268</v>
      </c>
    </row>
    <row r="45" spans="1:17">
      <c r="A45" s="21" t="s">
        <v>232</v>
      </c>
      <c r="B45" s="21" t="s">
        <v>233</v>
      </c>
      <c r="C45" s="21" t="s">
        <v>262</v>
      </c>
      <c r="D45" s="21" t="s">
        <v>216</v>
      </c>
      <c r="E45" s="21" t="s">
        <v>684</v>
      </c>
      <c r="F45" s="21" t="s">
        <v>425</v>
      </c>
      <c r="G45" s="16">
        <v>1063598</v>
      </c>
      <c r="H45" s="16">
        <v>854330</v>
      </c>
      <c r="I45" s="16">
        <v>789380</v>
      </c>
      <c r="J45" s="16">
        <v>15298</v>
      </c>
      <c r="K45" s="16">
        <v>64950</v>
      </c>
      <c r="L45" s="16">
        <v>10124</v>
      </c>
      <c r="M45" s="16">
        <v>199144</v>
      </c>
      <c r="N45" s="22" t="s">
        <v>268</v>
      </c>
      <c r="O45" s="16">
        <v>47338</v>
      </c>
      <c r="P45" s="16">
        <v>1362</v>
      </c>
      <c r="Q45" s="22" t="s">
        <v>268</v>
      </c>
    </row>
    <row r="46" spans="1:17">
      <c r="A46" s="21" t="s">
        <v>232</v>
      </c>
      <c r="B46" s="21" t="s">
        <v>233</v>
      </c>
      <c r="C46" s="21" t="s">
        <v>262</v>
      </c>
      <c r="D46" s="21" t="s">
        <v>216</v>
      </c>
      <c r="E46" s="21" t="s">
        <v>684</v>
      </c>
      <c r="F46" s="21" t="s">
        <v>426</v>
      </c>
      <c r="G46" s="16">
        <v>878337</v>
      </c>
      <c r="H46" s="16">
        <v>343450</v>
      </c>
      <c r="I46" s="16">
        <v>293053</v>
      </c>
      <c r="J46" s="16">
        <v>13378</v>
      </c>
      <c r="K46" s="16">
        <v>50397</v>
      </c>
      <c r="L46" s="16">
        <v>5712</v>
      </c>
      <c r="M46" s="16">
        <v>529175</v>
      </c>
      <c r="N46" s="22" t="s">
        <v>268</v>
      </c>
      <c r="O46" s="16">
        <v>26533</v>
      </c>
      <c r="P46" s="16">
        <v>12306</v>
      </c>
      <c r="Q46" s="16">
        <v>529175</v>
      </c>
    </row>
    <row r="47" spans="1:17">
      <c r="A47" s="21" t="s">
        <v>232</v>
      </c>
      <c r="B47" s="21" t="s">
        <v>233</v>
      </c>
      <c r="C47" s="21" t="s">
        <v>262</v>
      </c>
      <c r="D47" s="21" t="s">
        <v>216</v>
      </c>
      <c r="E47" s="21" t="s">
        <v>684</v>
      </c>
      <c r="F47" s="21" t="s">
        <v>720</v>
      </c>
      <c r="G47" s="16">
        <v>31532</v>
      </c>
      <c r="H47" s="22" t="s">
        <v>268</v>
      </c>
      <c r="I47" s="22" t="s">
        <v>268</v>
      </c>
      <c r="J47" s="22" t="s">
        <v>268</v>
      </c>
      <c r="K47" s="22" t="s">
        <v>268</v>
      </c>
      <c r="L47" s="22" t="s">
        <v>268</v>
      </c>
      <c r="M47" s="16">
        <v>22237</v>
      </c>
      <c r="N47" s="16">
        <v>9295</v>
      </c>
      <c r="O47" s="22" t="s">
        <v>268</v>
      </c>
      <c r="P47" s="22" t="s">
        <v>268</v>
      </c>
      <c r="Q47" s="22" t="s">
        <v>268</v>
      </c>
    </row>
    <row r="48" spans="1:17">
      <c r="A48" s="21" t="s">
        <v>232</v>
      </c>
      <c r="B48" s="21" t="s">
        <v>233</v>
      </c>
      <c r="C48" s="21" t="s">
        <v>262</v>
      </c>
      <c r="D48" s="21" t="s">
        <v>216</v>
      </c>
      <c r="E48" s="21" t="s">
        <v>684</v>
      </c>
      <c r="F48" s="21" t="s">
        <v>427</v>
      </c>
      <c r="G48" s="16">
        <v>1000918</v>
      </c>
      <c r="H48" s="16">
        <v>411982</v>
      </c>
      <c r="I48" s="16">
        <v>350957</v>
      </c>
      <c r="J48" s="16">
        <v>16096</v>
      </c>
      <c r="K48" s="16">
        <v>61025</v>
      </c>
      <c r="L48" s="16">
        <v>7083</v>
      </c>
      <c r="M48" s="16">
        <v>581853</v>
      </c>
      <c r="N48" s="22" t="s">
        <v>268</v>
      </c>
      <c r="O48" s="16">
        <v>33846</v>
      </c>
      <c r="P48" s="16">
        <v>13668</v>
      </c>
      <c r="Q48" s="16">
        <v>529175</v>
      </c>
    </row>
    <row r="49" spans="1:17">
      <c r="A49" s="21" t="s">
        <v>232</v>
      </c>
      <c r="B49" s="21" t="s">
        <v>233</v>
      </c>
      <c r="C49" s="21" t="s">
        <v>262</v>
      </c>
      <c r="D49" s="21" t="s">
        <v>216</v>
      </c>
      <c r="E49" s="21" t="s">
        <v>684</v>
      </c>
      <c r="F49" s="21" t="s">
        <v>428</v>
      </c>
      <c r="G49" s="16">
        <v>513643</v>
      </c>
      <c r="H49" s="16">
        <v>185465</v>
      </c>
      <c r="I49" s="16">
        <v>160653</v>
      </c>
      <c r="J49" s="16">
        <v>5772</v>
      </c>
      <c r="K49" s="16">
        <v>24812</v>
      </c>
      <c r="L49" s="16">
        <v>2605</v>
      </c>
      <c r="M49" s="16">
        <v>325573</v>
      </c>
      <c r="N49" s="22" t="s">
        <v>268</v>
      </c>
      <c r="O49" s="16">
        <v>11534</v>
      </c>
      <c r="P49" s="16">
        <v>5572</v>
      </c>
      <c r="Q49" s="16">
        <v>325573</v>
      </c>
    </row>
    <row r="50" spans="1:17">
      <c r="A50" s="21" t="s">
        <v>232</v>
      </c>
      <c r="B50" s="21" t="s">
        <v>233</v>
      </c>
      <c r="C50" s="21" t="s">
        <v>262</v>
      </c>
      <c r="D50" s="21" t="s">
        <v>216</v>
      </c>
      <c r="E50" s="21" t="s">
        <v>684</v>
      </c>
      <c r="F50" s="21" t="s">
        <v>429</v>
      </c>
      <c r="G50" s="16">
        <v>151446</v>
      </c>
      <c r="H50" s="16">
        <v>53904</v>
      </c>
      <c r="I50" s="16">
        <v>46739</v>
      </c>
      <c r="J50" s="16">
        <v>740</v>
      </c>
      <c r="K50" s="16">
        <v>7165</v>
      </c>
      <c r="L50" s="16">
        <v>597</v>
      </c>
      <c r="M50" s="16">
        <v>96945</v>
      </c>
      <c r="N50" s="22" t="s">
        <v>268</v>
      </c>
      <c r="O50" s="16">
        <v>2969</v>
      </c>
      <c r="P50" s="16">
        <v>722</v>
      </c>
      <c r="Q50" s="16">
        <v>96945</v>
      </c>
    </row>
    <row r="51" spans="1:17">
      <c r="A51" s="21" t="s">
        <v>232</v>
      </c>
      <c r="B51" s="21" t="s">
        <v>233</v>
      </c>
      <c r="C51" s="21" t="s">
        <v>262</v>
      </c>
      <c r="D51" s="21" t="s">
        <v>216</v>
      </c>
      <c r="E51" s="21" t="s">
        <v>685</v>
      </c>
      <c r="F51" s="21" t="s">
        <v>214</v>
      </c>
      <c r="G51" s="16">
        <v>7735037</v>
      </c>
      <c r="H51" s="16">
        <v>3016695</v>
      </c>
      <c r="I51" s="16">
        <v>2690238</v>
      </c>
      <c r="J51" s="16">
        <v>176126</v>
      </c>
      <c r="K51" s="16">
        <v>326457</v>
      </c>
      <c r="L51" s="16">
        <v>198777</v>
      </c>
      <c r="M51" s="16">
        <v>4485033</v>
      </c>
      <c r="N51" s="16">
        <v>34532</v>
      </c>
      <c r="O51" s="16">
        <v>165210</v>
      </c>
      <c r="P51" s="16">
        <v>13460</v>
      </c>
      <c r="Q51" s="16">
        <v>687246</v>
      </c>
    </row>
    <row r="52" spans="1:17">
      <c r="A52" s="21" t="s">
        <v>232</v>
      </c>
      <c r="B52" s="21" t="s">
        <v>233</v>
      </c>
      <c r="C52" s="21" t="s">
        <v>262</v>
      </c>
      <c r="D52" s="21" t="s">
        <v>216</v>
      </c>
      <c r="E52" s="21" t="s">
        <v>685</v>
      </c>
      <c r="F52" s="21" t="s">
        <v>424</v>
      </c>
      <c r="G52" s="16">
        <v>31</v>
      </c>
      <c r="H52" s="16">
        <v>18</v>
      </c>
      <c r="I52" s="16">
        <v>11</v>
      </c>
      <c r="J52" s="22" t="s">
        <v>268</v>
      </c>
      <c r="K52" s="16">
        <v>7</v>
      </c>
      <c r="L52" s="16">
        <v>2</v>
      </c>
      <c r="M52" s="16">
        <v>11</v>
      </c>
      <c r="N52" s="22" t="s">
        <v>268</v>
      </c>
      <c r="O52" s="22" t="s">
        <v>268</v>
      </c>
      <c r="P52" s="22" t="s">
        <v>268</v>
      </c>
      <c r="Q52" s="22" t="s">
        <v>268</v>
      </c>
    </row>
    <row r="53" spans="1:17">
      <c r="A53" s="21" t="s">
        <v>232</v>
      </c>
      <c r="B53" s="21" t="s">
        <v>233</v>
      </c>
      <c r="C53" s="21" t="s">
        <v>262</v>
      </c>
      <c r="D53" s="21" t="s">
        <v>216</v>
      </c>
      <c r="E53" s="21" t="s">
        <v>685</v>
      </c>
      <c r="F53" s="21" t="s">
        <v>425</v>
      </c>
      <c r="G53" s="16">
        <v>5833559</v>
      </c>
      <c r="H53" s="16">
        <v>2637279</v>
      </c>
      <c r="I53" s="16">
        <v>2377017</v>
      </c>
      <c r="J53" s="16">
        <v>163512</v>
      </c>
      <c r="K53" s="16">
        <v>260262</v>
      </c>
      <c r="L53" s="16">
        <v>181644</v>
      </c>
      <c r="M53" s="16">
        <v>3014636</v>
      </c>
      <c r="N53" s="22" t="s">
        <v>268</v>
      </c>
      <c r="O53" s="16">
        <v>131037</v>
      </c>
      <c r="P53" s="16">
        <v>2644</v>
      </c>
      <c r="Q53" s="22" t="s">
        <v>268</v>
      </c>
    </row>
    <row r="54" spans="1:17">
      <c r="A54" s="21" t="s">
        <v>232</v>
      </c>
      <c r="B54" s="21" t="s">
        <v>233</v>
      </c>
      <c r="C54" s="21" t="s">
        <v>262</v>
      </c>
      <c r="D54" s="21" t="s">
        <v>216</v>
      </c>
      <c r="E54" s="21" t="s">
        <v>685</v>
      </c>
      <c r="F54" s="21" t="s">
        <v>426</v>
      </c>
      <c r="G54" s="16">
        <v>1083775</v>
      </c>
      <c r="H54" s="16">
        <v>379398</v>
      </c>
      <c r="I54" s="16">
        <v>313210</v>
      </c>
      <c r="J54" s="16">
        <v>12614</v>
      </c>
      <c r="K54" s="16">
        <v>66188</v>
      </c>
      <c r="L54" s="16">
        <v>17131</v>
      </c>
      <c r="M54" s="16">
        <v>687246</v>
      </c>
      <c r="N54" s="22" t="s">
        <v>268</v>
      </c>
      <c r="O54" s="16">
        <v>34173</v>
      </c>
      <c r="P54" s="16">
        <v>10816</v>
      </c>
      <c r="Q54" s="16">
        <v>687246</v>
      </c>
    </row>
    <row r="55" spans="1:17">
      <c r="A55" s="21" t="s">
        <v>232</v>
      </c>
      <c r="B55" s="21" t="s">
        <v>233</v>
      </c>
      <c r="C55" s="21" t="s">
        <v>262</v>
      </c>
      <c r="D55" s="21" t="s">
        <v>216</v>
      </c>
      <c r="E55" s="21" t="s">
        <v>685</v>
      </c>
      <c r="F55" s="21" t="s">
        <v>720</v>
      </c>
      <c r="G55" s="16">
        <v>817672</v>
      </c>
      <c r="H55" s="22" t="s">
        <v>268</v>
      </c>
      <c r="I55" s="22" t="s">
        <v>268</v>
      </c>
      <c r="J55" s="22" t="s">
        <v>268</v>
      </c>
      <c r="K55" s="22" t="s">
        <v>268</v>
      </c>
      <c r="L55" s="22" t="s">
        <v>268</v>
      </c>
      <c r="M55" s="16">
        <v>783140</v>
      </c>
      <c r="N55" s="16">
        <v>34532</v>
      </c>
      <c r="O55" s="22" t="s">
        <v>268</v>
      </c>
      <c r="P55" s="22" t="s">
        <v>268</v>
      </c>
      <c r="Q55" s="22" t="s">
        <v>268</v>
      </c>
    </row>
    <row r="56" spans="1:17">
      <c r="A56" s="21" t="s">
        <v>232</v>
      </c>
      <c r="B56" s="21" t="s">
        <v>233</v>
      </c>
      <c r="C56" s="21" t="s">
        <v>262</v>
      </c>
      <c r="D56" s="21" t="s">
        <v>216</v>
      </c>
      <c r="E56" s="21" t="s">
        <v>685</v>
      </c>
      <c r="F56" s="21" t="s">
        <v>427</v>
      </c>
      <c r="G56" s="16">
        <v>1388588</v>
      </c>
      <c r="H56" s="16">
        <v>528305</v>
      </c>
      <c r="I56" s="16">
        <v>438567</v>
      </c>
      <c r="J56" s="16">
        <v>18434</v>
      </c>
      <c r="K56" s="16">
        <v>89738</v>
      </c>
      <c r="L56" s="16">
        <v>24595</v>
      </c>
      <c r="M56" s="16">
        <v>835688</v>
      </c>
      <c r="N56" s="22" t="s">
        <v>268</v>
      </c>
      <c r="O56" s="16">
        <v>49986</v>
      </c>
      <c r="P56" s="16">
        <v>13460</v>
      </c>
      <c r="Q56" s="16">
        <v>687246</v>
      </c>
    </row>
    <row r="57" spans="1:17">
      <c r="A57" s="21" t="s">
        <v>232</v>
      </c>
      <c r="B57" s="21" t="s">
        <v>233</v>
      </c>
      <c r="C57" s="21" t="s">
        <v>262</v>
      </c>
      <c r="D57" s="21" t="s">
        <v>216</v>
      </c>
      <c r="E57" s="21" t="s">
        <v>685</v>
      </c>
      <c r="F57" s="21" t="s">
        <v>428</v>
      </c>
      <c r="G57" s="16">
        <v>540478</v>
      </c>
      <c r="H57" s="16">
        <v>162938</v>
      </c>
      <c r="I57" s="16">
        <v>135038</v>
      </c>
      <c r="J57" s="16">
        <v>4164</v>
      </c>
      <c r="K57" s="16">
        <v>27900</v>
      </c>
      <c r="L57" s="16">
        <v>6019</v>
      </c>
      <c r="M57" s="16">
        <v>371521</v>
      </c>
      <c r="N57" s="22" t="s">
        <v>268</v>
      </c>
      <c r="O57" s="16">
        <v>12778</v>
      </c>
      <c r="P57" s="16">
        <v>3914</v>
      </c>
      <c r="Q57" s="16">
        <v>371521</v>
      </c>
    </row>
    <row r="58" spans="1:17">
      <c r="A58" s="21" t="s">
        <v>232</v>
      </c>
      <c r="B58" s="21" t="s">
        <v>233</v>
      </c>
      <c r="C58" s="21" t="s">
        <v>262</v>
      </c>
      <c r="D58" s="21" t="s">
        <v>216</v>
      </c>
      <c r="E58" s="21" t="s">
        <v>685</v>
      </c>
      <c r="F58" s="21" t="s">
        <v>429</v>
      </c>
      <c r="G58" s="16">
        <v>165103</v>
      </c>
      <c r="H58" s="16">
        <v>42501</v>
      </c>
      <c r="I58" s="16">
        <v>34554</v>
      </c>
      <c r="J58" s="16">
        <v>550</v>
      </c>
      <c r="K58" s="16">
        <v>7947</v>
      </c>
      <c r="L58" s="16">
        <v>1259</v>
      </c>
      <c r="M58" s="16">
        <v>121343</v>
      </c>
      <c r="N58" s="22" t="s">
        <v>268</v>
      </c>
      <c r="O58" s="16">
        <v>3418</v>
      </c>
      <c r="P58" s="16">
        <v>522</v>
      </c>
      <c r="Q58" s="16">
        <v>121343</v>
      </c>
    </row>
    <row r="59" spans="1:17">
      <c r="A59" s="21" t="s">
        <v>232</v>
      </c>
      <c r="B59" s="21" t="s">
        <v>233</v>
      </c>
      <c r="C59" s="21" t="s">
        <v>262</v>
      </c>
      <c r="D59" s="21" t="s">
        <v>216</v>
      </c>
      <c r="E59" s="21" t="s">
        <v>686</v>
      </c>
      <c r="F59" s="21" t="s">
        <v>214</v>
      </c>
      <c r="G59" s="16">
        <v>399802</v>
      </c>
      <c r="H59" s="16">
        <v>106075</v>
      </c>
      <c r="I59" s="16">
        <v>97318</v>
      </c>
      <c r="J59" s="16">
        <v>9876</v>
      </c>
      <c r="K59" s="16">
        <v>8757</v>
      </c>
      <c r="L59" s="16">
        <v>4282</v>
      </c>
      <c r="M59" s="16">
        <v>288470</v>
      </c>
      <c r="N59" s="16">
        <v>975</v>
      </c>
      <c r="O59" s="16">
        <v>4494</v>
      </c>
      <c r="P59" s="16">
        <v>430</v>
      </c>
      <c r="Q59" s="16">
        <v>8078</v>
      </c>
    </row>
    <row r="60" spans="1:17">
      <c r="A60" s="21" t="s">
        <v>232</v>
      </c>
      <c r="B60" s="21" t="s">
        <v>233</v>
      </c>
      <c r="C60" s="21" t="s">
        <v>262</v>
      </c>
      <c r="D60" s="21" t="s">
        <v>216</v>
      </c>
      <c r="E60" s="21" t="s">
        <v>686</v>
      </c>
      <c r="F60" s="21" t="s">
        <v>424</v>
      </c>
      <c r="G60" s="22" t="s">
        <v>268</v>
      </c>
      <c r="H60" s="22" t="s">
        <v>268</v>
      </c>
      <c r="I60" s="22" t="s">
        <v>268</v>
      </c>
      <c r="J60" s="22" t="s">
        <v>268</v>
      </c>
      <c r="K60" s="22" t="s">
        <v>268</v>
      </c>
      <c r="L60" s="22" t="s">
        <v>268</v>
      </c>
      <c r="M60" s="22" t="s">
        <v>268</v>
      </c>
      <c r="N60" s="22" t="s">
        <v>268</v>
      </c>
      <c r="O60" s="22" t="s">
        <v>268</v>
      </c>
      <c r="P60" s="22" t="s">
        <v>268</v>
      </c>
      <c r="Q60" s="22" t="s">
        <v>268</v>
      </c>
    </row>
    <row r="61" spans="1:17">
      <c r="A61" s="21" t="s">
        <v>232</v>
      </c>
      <c r="B61" s="21" t="s">
        <v>233</v>
      </c>
      <c r="C61" s="21" t="s">
        <v>262</v>
      </c>
      <c r="D61" s="21" t="s">
        <v>216</v>
      </c>
      <c r="E61" s="21" t="s">
        <v>686</v>
      </c>
      <c r="F61" s="21" t="s">
        <v>425</v>
      </c>
      <c r="G61" s="16">
        <v>345666</v>
      </c>
      <c r="H61" s="16">
        <v>98365</v>
      </c>
      <c r="I61" s="16">
        <v>91830</v>
      </c>
      <c r="J61" s="16">
        <v>9500</v>
      </c>
      <c r="K61" s="16">
        <v>6535</v>
      </c>
      <c r="L61" s="16">
        <v>3996</v>
      </c>
      <c r="M61" s="16">
        <v>243305</v>
      </c>
      <c r="N61" s="22" t="s">
        <v>268</v>
      </c>
      <c r="O61" s="16">
        <v>3027</v>
      </c>
      <c r="P61" s="16">
        <v>108</v>
      </c>
      <c r="Q61" s="22" t="s">
        <v>268</v>
      </c>
    </row>
    <row r="62" spans="1:17">
      <c r="A62" s="21" t="s">
        <v>232</v>
      </c>
      <c r="B62" s="21" t="s">
        <v>233</v>
      </c>
      <c r="C62" s="21" t="s">
        <v>262</v>
      </c>
      <c r="D62" s="21" t="s">
        <v>216</v>
      </c>
      <c r="E62" s="21" t="s">
        <v>686</v>
      </c>
      <c r="F62" s="21" t="s">
        <v>426</v>
      </c>
      <c r="G62" s="16">
        <v>16074</v>
      </c>
      <c r="H62" s="16">
        <v>7710</v>
      </c>
      <c r="I62" s="16">
        <v>5488</v>
      </c>
      <c r="J62" s="16">
        <v>376</v>
      </c>
      <c r="K62" s="16">
        <v>2222</v>
      </c>
      <c r="L62" s="16">
        <v>286</v>
      </c>
      <c r="M62" s="16">
        <v>8078</v>
      </c>
      <c r="N62" s="22" t="s">
        <v>268</v>
      </c>
      <c r="O62" s="16">
        <v>1467</v>
      </c>
      <c r="P62" s="16">
        <v>322</v>
      </c>
      <c r="Q62" s="16">
        <v>8078</v>
      </c>
    </row>
    <row r="63" spans="1:17">
      <c r="A63" s="21" t="s">
        <v>232</v>
      </c>
      <c r="B63" s="21" t="s">
        <v>233</v>
      </c>
      <c r="C63" s="21" t="s">
        <v>262</v>
      </c>
      <c r="D63" s="21" t="s">
        <v>216</v>
      </c>
      <c r="E63" s="21" t="s">
        <v>686</v>
      </c>
      <c r="F63" s="21" t="s">
        <v>720</v>
      </c>
      <c r="G63" s="16">
        <v>38062</v>
      </c>
      <c r="H63" s="22" t="s">
        <v>268</v>
      </c>
      <c r="I63" s="22" t="s">
        <v>268</v>
      </c>
      <c r="J63" s="22" t="s">
        <v>268</v>
      </c>
      <c r="K63" s="22" t="s">
        <v>268</v>
      </c>
      <c r="L63" s="22" t="s">
        <v>268</v>
      </c>
      <c r="M63" s="16">
        <v>37087</v>
      </c>
      <c r="N63" s="16">
        <v>975</v>
      </c>
      <c r="O63" s="22" t="s">
        <v>268</v>
      </c>
      <c r="P63" s="22" t="s">
        <v>268</v>
      </c>
      <c r="Q63" s="22" t="s">
        <v>268</v>
      </c>
    </row>
    <row r="64" spans="1:17">
      <c r="A64" s="21" t="s">
        <v>232</v>
      </c>
      <c r="B64" s="21" t="s">
        <v>233</v>
      </c>
      <c r="C64" s="21" t="s">
        <v>262</v>
      </c>
      <c r="D64" s="21" t="s">
        <v>216</v>
      </c>
      <c r="E64" s="21" t="s">
        <v>686</v>
      </c>
      <c r="F64" s="21" t="s">
        <v>427</v>
      </c>
      <c r="G64" s="16">
        <v>22628</v>
      </c>
      <c r="H64" s="16">
        <v>10646</v>
      </c>
      <c r="I64" s="16">
        <v>7914</v>
      </c>
      <c r="J64" s="16">
        <v>620</v>
      </c>
      <c r="K64" s="16">
        <v>2732</v>
      </c>
      <c r="L64" s="16">
        <v>431</v>
      </c>
      <c r="M64" s="16">
        <v>11551</v>
      </c>
      <c r="N64" s="22" t="s">
        <v>268</v>
      </c>
      <c r="O64" s="16">
        <v>1795</v>
      </c>
      <c r="P64" s="16">
        <v>430</v>
      </c>
      <c r="Q64" s="16">
        <v>8078</v>
      </c>
    </row>
    <row r="65" spans="1:17">
      <c r="A65" s="21" t="s">
        <v>232</v>
      </c>
      <c r="B65" s="21" t="s">
        <v>233</v>
      </c>
      <c r="C65" s="21" t="s">
        <v>262</v>
      </c>
      <c r="D65" s="21" t="s">
        <v>216</v>
      </c>
      <c r="E65" s="21" t="s">
        <v>686</v>
      </c>
      <c r="F65" s="21" t="s">
        <v>428</v>
      </c>
      <c r="G65" s="16">
        <v>6696</v>
      </c>
      <c r="H65" s="16">
        <v>3695</v>
      </c>
      <c r="I65" s="16">
        <v>2484</v>
      </c>
      <c r="J65" s="16">
        <v>84</v>
      </c>
      <c r="K65" s="16">
        <v>1211</v>
      </c>
      <c r="L65" s="16">
        <v>118</v>
      </c>
      <c r="M65" s="16">
        <v>2883</v>
      </c>
      <c r="N65" s="22" t="s">
        <v>268</v>
      </c>
      <c r="O65" s="16">
        <v>799</v>
      </c>
      <c r="P65" s="16">
        <v>76</v>
      </c>
      <c r="Q65" s="16">
        <v>2883</v>
      </c>
    </row>
    <row r="66" spans="1:17">
      <c r="A66" s="21" t="s">
        <v>232</v>
      </c>
      <c r="B66" s="21" t="s">
        <v>233</v>
      </c>
      <c r="C66" s="21" t="s">
        <v>262</v>
      </c>
      <c r="D66" s="21" t="s">
        <v>216</v>
      </c>
      <c r="E66" s="21" t="s">
        <v>686</v>
      </c>
      <c r="F66" s="21" t="s">
        <v>429</v>
      </c>
      <c r="G66" s="16">
        <v>1702</v>
      </c>
      <c r="H66" s="16">
        <v>1221</v>
      </c>
      <c r="I66" s="16">
        <v>743</v>
      </c>
      <c r="J66" s="16">
        <v>12</v>
      </c>
      <c r="K66" s="16">
        <v>478</v>
      </c>
      <c r="L66" s="16">
        <v>37</v>
      </c>
      <c r="M66" s="16">
        <v>444</v>
      </c>
      <c r="N66" s="22" t="s">
        <v>268</v>
      </c>
      <c r="O66" s="16">
        <v>303</v>
      </c>
      <c r="P66" s="16">
        <v>10</v>
      </c>
      <c r="Q66" s="16">
        <v>444</v>
      </c>
    </row>
    <row r="67" spans="1:17">
      <c r="A67" s="21" t="s">
        <v>232</v>
      </c>
      <c r="B67" s="21" t="s">
        <v>233</v>
      </c>
      <c r="C67" s="21" t="s">
        <v>262</v>
      </c>
      <c r="D67" s="21" t="s">
        <v>216</v>
      </c>
      <c r="E67" s="21" t="s">
        <v>687</v>
      </c>
      <c r="F67" s="21" t="s">
        <v>214</v>
      </c>
      <c r="G67" s="16">
        <v>394213</v>
      </c>
      <c r="H67" s="16">
        <v>173741</v>
      </c>
      <c r="I67" s="16">
        <v>159928</v>
      </c>
      <c r="J67" s="16">
        <v>3750</v>
      </c>
      <c r="K67" s="16">
        <v>13813</v>
      </c>
      <c r="L67" s="16">
        <v>3643</v>
      </c>
      <c r="M67" s="16">
        <v>216455</v>
      </c>
      <c r="N67" s="16">
        <v>374</v>
      </c>
      <c r="O67" s="16">
        <v>8030</v>
      </c>
      <c r="P67" s="16">
        <v>734</v>
      </c>
      <c r="Q67" s="16">
        <v>69136</v>
      </c>
    </row>
    <row r="68" spans="1:17">
      <c r="A68" s="21" t="s">
        <v>232</v>
      </c>
      <c r="B68" s="21" t="s">
        <v>233</v>
      </c>
      <c r="C68" s="21" t="s">
        <v>262</v>
      </c>
      <c r="D68" s="21" t="s">
        <v>216</v>
      </c>
      <c r="E68" s="21" t="s">
        <v>687</v>
      </c>
      <c r="F68" s="21" t="s">
        <v>424</v>
      </c>
      <c r="G68" s="16">
        <v>24</v>
      </c>
      <c r="H68" s="16">
        <v>9</v>
      </c>
      <c r="I68" s="22" t="s">
        <v>268</v>
      </c>
      <c r="J68" s="22" t="s">
        <v>268</v>
      </c>
      <c r="K68" s="16">
        <v>9</v>
      </c>
      <c r="L68" s="22" t="s">
        <v>268</v>
      </c>
      <c r="M68" s="16">
        <v>15</v>
      </c>
      <c r="N68" s="22" t="s">
        <v>268</v>
      </c>
      <c r="O68" s="22" t="s">
        <v>268</v>
      </c>
      <c r="P68" s="22" t="s">
        <v>268</v>
      </c>
      <c r="Q68" s="22" t="s">
        <v>268</v>
      </c>
    </row>
    <row r="69" spans="1:17">
      <c r="A69" s="21" t="s">
        <v>232</v>
      </c>
      <c r="B69" s="21" t="s">
        <v>233</v>
      </c>
      <c r="C69" s="21" t="s">
        <v>262</v>
      </c>
      <c r="D69" s="21" t="s">
        <v>216</v>
      </c>
      <c r="E69" s="21" t="s">
        <v>687</v>
      </c>
      <c r="F69" s="21" t="s">
        <v>425</v>
      </c>
      <c r="G69" s="16">
        <v>299804</v>
      </c>
      <c r="H69" s="16">
        <v>155545</v>
      </c>
      <c r="I69" s="16">
        <v>146096</v>
      </c>
      <c r="J69" s="16">
        <v>3114</v>
      </c>
      <c r="K69" s="16">
        <v>9449</v>
      </c>
      <c r="L69" s="16">
        <v>3037</v>
      </c>
      <c r="M69" s="16">
        <v>141222</v>
      </c>
      <c r="N69" s="22" t="s">
        <v>268</v>
      </c>
      <c r="O69" s="16">
        <v>5896</v>
      </c>
      <c r="P69" s="16">
        <v>156</v>
      </c>
      <c r="Q69" s="22" t="s">
        <v>268</v>
      </c>
    </row>
    <row r="70" spans="1:17">
      <c r="A70" s="21" t="s">
        <v>232</v>
      </c>
      <c r="B70" s="21" t="s">
        <v>233</v>
      </c>
      <c r="C70" s="21" t="s">
        <v>262</v>
      </c>
      <c r="D70" s="21" t="s">
        <v>216</v>
      </c>
      <c r="E70" s="21" t="s">
        <v>687</v>
      </c>
      <c r="F70" s="21" t="s">
        <v>426</v>
      </c>
      <c r="G70" s="16">
        <v>87929</v>
      </c>
      <c r="H70" s="16">
        <v>18187</v>
      </c>
      <c r="I70" s="16">
        <v>13832</v>
      </c>
      <c r="J70" s="16">
        <v>636</v>
      </c>
      <c r="K70" s="16">
        <v>4355</v>
      </c>
      <c r="L70" s="16">
        <v>606</v>
      </c>
      <c r="M70" s="16">
        <v>69136</v>
      </c>
      <c r="N70" s="22" t="s">
        <v>268</v>
      </c>
      <c r="O70" s="16">
        <v>2134</v>
      </c>
      <c r="P70" s="16">
        <v>578</v>
      </c>
      <c r="Q70" s="16">
        <v>69136</v>
      </c>
    </row>
    <row r="71" spans="1:17">
      <c r="A71" s="21" t="s">
        <v>232</v>
      </c>
      <c r="B71" s="21" t="s">
        <v>233</v>
      </c>
      <c r="C71" s="21" t="s">
        <v>262</v>
      </c>
      <c r="D71" s="21" t="s">
        <v>216</v>
      </c>
      <c r="E71" s="21" t="s">
        <v>687</v>
      </c>
      <c r="F71" s="21" t="s">
        <v>720</v>
      </c>
      <c r="G71" s="16">
        <v>6456</v>
      </c>
      <c r="H71" s="22" t="s">
        <v>268</v>
      </c>
      <c r="I71" s="22" t="s">
        <v>268</v>
      </c>
      <c r="J71" s="22" t="s">
        <v>268</v>
      </c>
      <c r="K71" s="22" t="s">
        <v>268</v>
      </c>
      <c r="L71" s="22" t="s">
        <v>268</v>
      </c>
      <c r="M71" s="16">
        <v>6082</v>
      </c>
      <c r="N71" s="16">
        <v>374</v>
      </c>
      <c r="O71" s="22" t="s">
        <v>268</v>
      </c>
      <c r="P71" s="22" t="s">
        <v>268</v>
      </c>
      <c r="Q71" s="22" t="s">
        <v>268</v>
      </c>
    </row>
    <row r="72" spans="1:17">
      <c r="A72" s="21" t="s">
        <v>232</v>
      </c>
      <c r="B72" s="21" t="s">
        <v>233</v>
      </c>
      <c r="C72" s="21" t="s">
        <v>262</v>
      </c>
      <c r="D72" s="21" t="s">
        <v>216</v>
      </c>
      <c r="E72" s="21" t="s">
        <v>687</v>
      </c>
      <c r="F72" s="21" t="s">
        <v>427</v>
      </c>
      <c r="G72" s="16">
        <v>103906</v>
      </c>
      <c r="H72" s="16">
        <v>25100</v>
      </c>
      <c r="I72" s="16">
        <v>19755</v>
      </c>
      <c r="J72" s="16">
        <v>882</v>
      </c>
      <c r="K72" s="16">
        <v>5345</v>
      </c>
      <c r="L72" s="16">
        <v>787</v>
      </c>
      <c r="M72" s="16">
        <v>78019</v>
      </c>
      <c r="N72" s="22" t="s">
        <v>268</v>
      </c>
      <c r="O72" s="16">
        <v>2774</v>
      </c>
      <c r="P72" s="16">
        <v>734</v>
      </c>
      <c r="Q72" s="16">
        <v>69136</v>
      </c>
    </row>
    <row r="73" spans="1:17">
      <c r="A73" s="21" t="s">
        <v>232</v>
      </c>
      <c r="B73" s="21" t="s">
        <v>233</v>
      </c>
      <c r="C73" s="21" t="s">
        <v>262</v>
      </c>
      <c r="D73" s="21" t="s">
        <v>216</v>
      </c>
      <c r="E73" s="21" t="s">
        <v>687</v>
      </c>
      <c r="F73" s="21" t="s">
        <v>428</v>
      </c>
      <c r="G73" s="16">
        <v>55513</v>
      </c>
      <c r="H73" s="16">
        <v>8989</v>
      </c>
      <c r="I73" s="16">
        <v>6547</v>
      </c>
      <c r="J73" s="16">
        <v>242</v>
      </c>
      <c r="K73" s="16">
        <v>2442</v>
      </c>
      <c r="L73" s="16">
        <v>249</v>
      </c>
      <c r="M73" s="16">
        <v>46275</v>
      </c>
      <c r="N73" s="22" t="s">
        <v>268</v>
      </c>
      <c r="O73" s="16">
        <v>1055</v>
      </c>
      <c r="P73" s="16">
        <v>232</v>
      </c>
      <c r="Q73" s="16">
        <v>46275</v>
      </c>
    </row>
    <row r="74" spans="1:17">
      <c r="A74" s="21" t="s">
        <v>232</v>
      </c>
      <c r="B74" s="21" t="s">
        <v>233</v>
      </c>
      <c r="C74" s="21" t="s">
        <v>262</v>
      </c>
      <c r="D74" s="21" t="s">
        <v>216</v>
      </c>
      <c r="E74" s="21" t="s">
        <v>687</v>
      </c>
      <c r="F74" s="21" t="s">
        <v>429</v>
      </c>
      <c r="G74" s="16">
        <v>24807</v>
      </c>
      <c r="H74" s="16">
        <v>3097</v>
      </c>
      <c r="I74" s="16">
        <v>2162</v>
      </c>
      <c r="J74" s="16">
        <v>52</v>
      </c>
      <c r="K74" s="16">
        <v>935</v>
      </c>
      <c r="L74" s="16">
        <v>74</v>
      </c>
      <c r="M74" s="16">
        <v>21636</v>
      </c>
      <c r="N74" s="22" t="s">
        <v>268</v>
      </c>
      <c r="O74" s="16">
        <v>364</v>
      </c>
      <c r="P74" s="16">
        <v>52</v>
      </c>
      <c r="Q74" s="16">
        <v>21636</v>
      </c>
    </row>
    <row r="75" spans="1:17">
      <c r="A75" s="21" t="s">
        <v>232</v>
      </c>
      <c r="B75" s="21" t="s">
        <v>233</v>
      </c>
      <c r="C75" s="21" t="s">
        <v>262</v>
      </c>
      <c r="D75" s="21" t="s">
        <v>216</v>
      </c>
      <c r="E75" s="21" t="s">
        <v>688</v>
      </c>
      <c r="F75" s="21" t="s">
        <v>214</v>
      </c>
      <c r="G75" s="16">
        <v>266691</v>
      </c>
      <c r="H75" s="16">
        <v>81242</v>
      </c>
      <c r="I75" s="16">
        <v>73673</v>
      </c>
      <c r="J75" s="16">
        <v>1488</v>
      </c>
      <c r="K75" s="16">
        <v>7569</v>
      </c>
      <c r="L75" s="16">
        <v>2283</v>
      </c>
      <c r="M75" s="16">
        <v>179471</v>
      </c>
      <c r="N75" s="16">
        <v>3695</v>
      </c>
      <c r="O75" s="16">
        <v>5474</v>
      </c>
      <c r="P75" s="16">
        <v>424</v>
      </c>
      <c r="Q75" s="16">
        <v>15281</v>
      </c>
    </row>
    <row r="76" spans="1:17">
      <c r="A76" s="21" t="s">
        <v>232</v>
      </c>
      <c r="B76" s="21" t="s">
        <v>233</v>
      </c>
      <c r="C76" s="21" t="s">
        <v>262</v>
      </c>
      <c r="D76" s="21" t="s">
        <v>216</v>
      </c>
      <c r="E76" s="21" t="s">
        <v>688</v>
      </c>
      <c r="F76" s="21" t="s">
        <v>424</v>
      </c>
      <c r="G76" s="16">
        <v>1</v>
      </c>
      <c r="H76" s="22" t="s">
        <v>268</v>
      </c>
      <c r="I76" s="22" t="s">
        <v>268</v>
      </c>
      <c r="J76" s="22" t="s">
        <v>268</v>
      </c>
      <c r="K76" s="22" t="s">
        <v>268</v>
      </c>
      <c r="L76" s="22" t="s">
        <v>268</v>
      </c>
      <c r="M76" s="16">
        <v>1</v>
      </c>
      <c r="N76" s="22" t="s">
        <v>268</v>
      </c>
      <c r="O76" s="22" t="s">
        <v>268</v>
      </c>
      <c r="P76" s="22" t="s">
        <v>268</v>
      </c>
      <c r="Q76" s="22" t="s">
        <v>268</v>
      </c>
    </row>
    <row r="77" spans="1:17">
      <c r="A77" s="21" t="s">
        <v>232</v>
      </c>
      <c r="B77" s="21" t="s">
        <v>233</v>
      </c>
      <c r="C77" s="21" t="s">
        <v>262</v>
      </c>
      <c r="D77" s="21" t="s">
        <v>216</v>
      </c>
      <c r="E77" s="21" t="s">
        <v>688</v>
      </c>
      <c r="F77" s="21" t="s">
        <v>425</v>
      </c>
      <c r="G77" s="16">
        <v>226024</v>
      </c>
      <c r="H77" s="16">
        <v>74388</v>
      </c>
      <c r="I77" s="16">
        <v>69011</v>
      </c>
      <c r="J77" s="16">
        <v>1116</v>
      </c>
      <c r="K77" s="16">
        <v>5377</v>
      </c>
      <c r="L77" s="16">
        <v>1944</v>
      </c>
      <c r="M77" s="16">
        <v>149692</v>
      </c>
      <c r="N77" s="22" t="s">
        <v>268</v>
      </c>
      <c r="O77" s="16">
        <v>4063</v>
      </c>
      <c r="P77" s="16">
        <v>72</v>
      </c>
      <c r="Q77" s="22" t="s">
        <v>268</v>
      </c>
    </row>
    <row r="78" spans="1:17">
      <c r="A78" s="21" t="s">
        <v>232</v>
      </c>
      <c r="B78" s="21" t="s">
        <v>233</v>
      </c>
      <c r="C78" s="21" t="s">
        <v>262</v>
      </c>
      <c r="D78" s="21" t="s">
        <v>216</v>
      </c>
      <c r="E78" s="21" t="s">
        <v>688</v>
      </c>
      <c r="F78" s="21" t="s">
        <v>426</v>
      </c>
      <c r="G78" s="16">
        <v>22474</v>
      </c>
      <c r="H78" s="16">
        <v>6854</v>
      </c>
      <c r="I78" s="16">
        <v>4662</v>
      </c>
      <c r="J78" s="16">
        <v>372</v>
      </c>
      <c r="K78" s="16">
        <v>2192</v>
      </c>
      <c r="L78" s="16">
        <v>339</v>
      </c>
      <c r="M78" s="16">
        <v>15281</v>
      </c>
      <c r="N78" s="22" t="s">
        <v>268</v>
      </c>
      <c r="O78" s="16">
        <v>1411</v>
      </c>
      <c r="P78" s="16">
        <v>352</v>
      </c>
      <c r="Q78" s="16">
        <v>15281</v>
      </c>
    </row>
    <row r="79" spans="1:17">
      <c r="A79" s="21" t="s">
        <v>232</v>
      </c>
      <c r="B79" s="21" t="s">
        <v>233</v>
      </c>
      <c r="C79" s="21" t="s">
        <v>262</v>
      </c>
      <c r="D79" s="21" t="s">
        <v>216</v>
      </c>
      <c r="E79" s="21" t="s">
        <v>688</v>
      </c>
      <c r="F79" s="21" t="s">
        <v>720</v>
      </c>
      <c r="G79" s="16">
        <v>18192</v>
      </c>
      <c r="H79" s="22" t="s">
        <v>268</v>
      </c>
      <c r="I79" s="22" t="s">
        <v>268</v>
      </c>
      <c r="J79" s="22" t="s">
        <v>268</v>
      </c>
      <c r="K79" s="22" t="s">
        <v>268</v>
      </c>
      <c r="L79" s="22" t="s">
        <v>268</v>
      </c>
      <c r="M79" s="16">
        <v>14497</v>
      </c>
      <c r="N79" s="16">
        <v>3695</v>
      </c>
      <c r="O79" s="22" t="s">
        <v>268</v>
      </c>
      <c r="P79" s="22" t="s">
        <v>268</v>
      </c>
      <c r="Q79" s="22" t="s">
        <v>268</v>
      </c>
    </row>
    <row r="80" spans="1:17">
      <c r="A80" s="21" t="s">
        <v>232</v>
      </c>
      <c r="B80" s="21" t="s">
        <v>233</v>
      </c>
      <c r="C80" s="21" t="s">
        <v>262</v>
      </c>
      <c r="D80" s="21" t="s">
        <v>216</v>
      </c>
      <c r="E80" s="21" t="s">
        <v>688</v>
      </c>
      <c r="F80" s="21" t="s">
        <v>427</v>
      </c>
      <c r="G80" s="16">
        <v>28115</v>
      </c>
      <c r="H80" s="16">
        <v>9280</v>
      </c>
      <c r="I80" s="16">
        <v>6609</v>
      </c>
      <c r="J80" s="16">
        <v>502</v>
      </c>
      <c r="K80" s="16">
        <v>2671</v>
      </c>
      <c r="L80" s="16">
        <v>448</v>
      </c>
      <c r="M80" s="16">
        <v>18387</v>
      </c>
      <c r="N80" s="22" t="s">
        <v>268</v>
      </c>
      <c r="O80" s="16">
        <v>1778</v>
      </c>
      <c r="P80" s="16">
        <v>424</v>
      </c>
      <c r="Q80" s="16">
        <v>15281</v>
      </c>
    </row>
    <row r="81" spans="1:17">
      <c r="A81" s="21" t="s">
        <v>232</v>
      </c>
      <c r="B81" s="21" t="s">
        <v>233</v>
      </c>
      <c r="C81" s="21" t="s">
        <v>262</v>
      </c>
      <c r="D81" s="21" t="s">
        <v>216</v>
      </c>
      <c r="E81" s="21" t="s">
        <v>688</v>
      </c>
      <c r="F81" s="21" t="s">
        <v>428</v>
      </c>
      <c r="G81" s="16">
        <v>14429</v>
      </c>
      <c r="H81" s="16">
        <v>4023</v>
      </c>
      <c r="I81" s="16">
        <v>2669</v>
      </c>
      <c r="J81" s="16">
        <v>212</v>
      </c>
      <c r="K81" s="16">
        <v>1354</v>
      </c>
      <c r="L81" s="16">
        <v>198</v>
      </c>
      <c r="M81" s="16">
        <v>10208</v>
      </c>
      <c r="N81" s="22" t="s">
        <v>268</v>
      </c>
      <c r="O81" s="16">
        <v>795</v>
      </c>
      <c r="P81" s="16">
        <v>204</v>
      </c>
      <c r="Q81" s="16">
        <v>10208</v>
      </c>
    </row>
    <row r="82" spans="1:17">
      <c r="A82" s="21" t="s">
        <v>232</v>
      </c>
      <c r="B82" s="21" t="s">
        <v>233</v>
      </c>
      <c r="C82" s="21" t="s">
        <v>262</v>
      </c>
      <c r="D82" s="21" t="s">
        <v>216</v>
      </c>
      <c r="E82" s="21" t="s">
        <v>688</v>
      </c>
      <c r="F82" s="21" t="s">
        <v>429</v>
      </c>
      <c r="G82" s="16">
        <v>7077</v>
      </c>
      <c r="H82" s="16">
        <v>1614</v>
      </c>
      <c r="I82" s="16">
        <v>1044</v>
      </c>
      <c r="J82" s="16">
        <v>98</v>
      </c>
      <c r="K82" s="16">
        <v>570</v>
      </c>
      <c r="L82" s="16">
        <v>54</v>
      </c>
      <c r="M82" s="16">
        <v>5409</v>
      </c>
      <c r="N82" s="22" t="s">
        <v>268</v>
      </c>
      <c r="O82" s="16">
        <v>252</v>
      </c>
      <c r="P82" s="16">
        <v>94</v>
      </c>
      <c r="Q82" s="16">
        <v>5409</v>
      </c>
    </row>
    <row r="83" spans="1:17">
      <c r="A83" s="21" t="s">
        <v>232</v>
      </c>
      <c r="B83" s="21" t="s">
        <v>233</v>
      </c>
      <c r="C83" s="21" t="s">
        <v>262</v>
      </c>
      <c r="D83" s="21" t="s">
        <v>216</v>
      </c>
      <c r="E83" s="21" t="s">
        <v>689</v>
      </c>
      <c r="F83" s="21" t="s">
        <v>214</v>
      </c>
      <c r="G83" s="16">
        <v>14</v>
      </c>
      <c r="H83" s="16">
        <v>7</v>
      </c>
      <c r="I83" s="16">
        <v>7</v>
      </c>
      <c r="J83" s="22" t="s">
        <v>268</v>
      </c>
      <c r="K83" s="22" t="s">
        <v>268</v>
      </c>
      <c r="L83" s="22" t="s">
        <v>268</v>
      </c>
      <c r="M83" s="16">
        <v>4</v>
      </c>
      <c r="N83" s="16">
        <v>3</v>
      </c>
      <c r="O83" s="22" t="s">
        <v>268</v>
      </c>
      <c r="P83" s="22" t="s">
        <v>268</v>
      </c>
      <c r="Q83" s="22" t="s">
        <v>268</v>
      </c>
    </row>
    <row r="84" spans="1:17">
      <c r="A84" s="21" t="s">
        <v>232</v>
      </c>
      <c r="B84" s="21" t="s">
        <v>233</v>
      </c>
      <c r="C84" s="21" t="s">
        <v>262</v>
      </c>
      <c r="D84" s="21" t="s">
        <v>216</v>
      </c>
      <c r="E84" s="21" t="s">
        <v>689</v>
      </c>
      <c r="F84" s="21" t="s">
        <v>424</v>
      </c>
      <c r="G84" s="22" t="s">
        <v>268</v>
      </c>
      <c r="H84" s="22" t="s">
        <v>268</v>
      </c>
      <c r="I84" s="22" t="s">
        <v>268</v>
      </c>
      <c r="J84" s="22" t="s">
        <v>268</v>
      </c>
      <c r="K84" s="22" t="s">
        <v>268</v>
      </c>
      <c r="L84" s="22" t="s">
        <v>268</v>
      </c>
      <c r="M84" s="22" t="s">
        <v>268</v>
      </c>
      <c r="N84" s="22" t="s">
        <v>268</v>
      </c>
      <c r="O84" s="22" t="s">
        <v>268</v>
      </c>
      <c r="P84" s="22" t="s">
        <v>268</v>
      </c>
      <c r="Q84" s="22" t="s">
        <v>268</v>
      </c>
    </row>
    <row r="85" spans="1:17">
      <c r="A85" s="21" t="s">
        <v>232</v>
      </c>
      <c r="B85" s="21" t="s">
        <v>233</v>
      </c>
      <c r="C85" s="21" t="s">
        <v>262</v>
      </c>
      <c r="D85" s="21" t="s">
        <v>216</v>
      </c>
      <c r="E85" s="21" t="s">
        <v>689</v>
      </c>
      <c r="F85" s="21" t="s">
        <v>425</v>
      </c>
      <c r="G85" s="16">
        <v>7</v>
      </c>
      <c r="H85" s="16">
        <v>7</v>
      </c>
      <c r="I85" s="16">
        <v>7</v>
      </c>
      <c r="J85" s="22" t="s">
        <v>268</v>
      </c>
      <c r="K85" s="22" t="s">
        <v>268</v>
      </c>
      <c r="L85" s="22" t="s">
        <v>268</v>
      </c>
      <c r="M85" s="22" t="s">
        <v>268</v>
      </c>
      <c r="N85" s="22" t="s">
        <v>268</v>
      </c>
      <c r="O85" s="22" t="s">
        <v>268</v>
      </c>
      <c r="P85" s="22" t="s">
        <v>268</v>
      </c>
      <c r="Q85" s="22" t="s">
        <v>268</v>
      </c>
    </row>
    <row r="86" spans="1:17">
      <c r="A86" s="21" t="s">
        <v>232</v>
      </c>
      <c r="B86" s="21" t="s">
        <v>233</v>
      </c>
      <c r="C86" s="21" t="s">
        <v>262</v>
      </c>
      <c r="D86" s="21" t="s">
        <v>216</v>
      </c>
      <c r="E86" s="21" t="s">
        <v>689</v>
      </c>
      <c r="F86" s="21" t="s">
        <v>426</v>
      </c>
      <c r="G86" s="22" t="s">
        <v>268</v>
      </c>
      <c r="H86" s="22" t="s">
        <v>268</v>
      </c>
      <c r="I86" s="22" t="s">
        <v>268</v>
      </c>
      <c r="J86" s="22" t="s">
        <v>268</v>
      </c>
      <c r="K86" s="22" t="s">
        <v>268</v>
      </c>
      <c r="L86" s="22" t="s">
        <v>268</v>
      </c>
      <c r="M86" s="22" t="s">
        <v>268</v>
      </c>
      <c r="N86" s="22" t="s">
        <v>268</v>
      </c>
      <c r="O86" s="22" t="s">
        <v>268</v>
      </c>
      <c r="P86" s="22" t="s">
        <v>268</v>
      </c>
      <c r="Q86" s="22" t="s">
        <v>268</v>
      </c>
    </row>
    <row r="87" spans="1:17">
      <c r="A87" s="21" t="s">
        <v>232</v>
      </c>
      <c r="B87" s="21" t="s">
        <v>233</v>
      </c>
      <c r="C87" s="21" t="s">
        <v>262</v>
      </c>
      <c r="D87" s="21" t="s">
        <v>216</v>
      </c>
      <c r="E87" s="21" t="s">
        <v>689</v>
      </c>
      <c r="F87" s="21" t="s">
        <v>720</v>
      </c>
      <c r="G87" s="16">
        <v>7</v>
      </c>
      <c r="H87" s="22" t="s">
        <v>268</v>
      </c>
      <c r="I87" s="22" t="s">
        <v>268</v>
      </c>
      <c r="J87" s="22" t="s">
        <v>268</v>
      </c>
      <c r="K87" s="22" t="s">
        <v>268</v>
      </c>
      <c r="L87" s="22" t="s">
        <v>268</v>
      </c>
      <c r="M87" s="16">
        <v>4</v>
      </c>
      <c r="N87" s="16">
        <v>3</v>
      </c>
      <c r="O87" s="22" t="s">
        <v>268</v>
      </c>
      <c r="P87" s="22" t="s">
        <v>268</v>
      </c>
      <c r="Q87" s="22" t="s">
        <v>268</v>
      </c>
    </row>
    <row r="88" spans="1:17">
      <c r="A88" s="21" t="s">
        <v>232</v>
      </c>
      <c r="B88" s="21" t="s">
        <v>233</v>
      </c>
      <c r="C88" s="21" t="s">
        <v>262</v>
      </c>
      <c r="D88" s="21" t="s">
        <v>216</v>
      </c>
      <c r="E88" s="21" t="s">
        <v>689</v>
      </c>
      <c r="F88" s="21" t="s">
        <v>427</v>
      </c>
      <c r="G88" s="22" t="s">
        <v>268</v>
      </c>
      <c r="H88" s="22" t="s">
        <v>268</v>
      </c>
      <c r="I88" s="22" t="s">
        <v>268</v>
      </c>
      <c r="J88" s="22" t="s">
        <v>268</v>
      </c>
      <c r="K88" s="22" t="s">
        <v>268</v>
      </c>
      <c r="L88" s="22" t="s">
        <v>268</v>
      </c>
      <c r="M88" s="22" t="s">
        <v>268</v>
      </c>
      <c r="N88" s="22" t="s">
        <v>268</v>
      </c>
      <c r="O88" s="22" t="s">
        <v>268</v>
      </c>
      <c r="P88" s="22" t="s">
        <v>268</v>
      </c>
      <c r="Q88" s="22" t="s">
        <v>268</v>
      </c>
    </row>
    <row r="89" spans="1:17">
      <c r="A89" s="21" t="s">
        <v>232</v>
      </c>
      <c r="B89" s="21" t="s">
        <v>233</v>
      </c>
      <c r="C89" s="21" t="s">
        <v>262</v>
      </c>
      <c r="D89" s="21" t="s">
        <v>216</v>
      </c>
      <c r="E89" s="21" t="s">
        <v>689</v>
      </c>
      <c r="F89" s="21" t="s">
        <v>428</v>
      </c>
      <c r="G89" s="22" t="s">
        <v>268</v>
      </c>
      <c r="H89" s="22" t="s">
        <v>268</v>
      </c>
      <c r="I89" s="22" t="s">
        <v>268</v>
      </c>
      <c r="J89" s="22" t="s">
        <v>268</v>
      </c>
      <c r="K89" s="22" t="s">
        <v>268</v>
      </c>
      <c r="L89" s="22" t="s">
        <v>268</v>
      </c>
      <c r="M89" s="22" t="s">
        <v>268</v>
      </c>
      <c r="N89" s="22" t="s">
        <v>268</v>
      </c>
      <c r="O89" s="22" t="s">
        <v>268</v>
      </c>
      <c r="P89" s="22" t="s">
        <v>268</v>
      </c>
      <c r="Q89" s="22" t="s">
        <v>268</v>
      </c>
    </row>
    <row r="90" spans="1:17">
      <c r="A90" s="21" t="s">
        <v>232</v>
      </c>
      <c r="B90" s="21" t="s">
        <v>233</v>
      </c>
      <c r="C90" s="21" t="s">
        <v>262</v>
      </c>
      <c r="D90" s="21" t="s">
        <v>216</v>
      </c>
      <c r="E90" s="21" t="s">
        <v>689</v>
      </c>
      <c r="F90" s="21" t="s">
        <v>429</v>
      </c>
      <c r="G90" s="22" t="s">
        <v>268</v>
      </c>
      <c r="H90" s="22" t="s">
        <v>268</v>
      </c>
      <c r="I90" s="22" t="s">
        <v>268</v>
      </c>
      <c r="J90" s="22" t="s">
        <v>268</v>
      </c>
      <c r="K90" s="22" t="s">
        <v>268</v>
      </c>
      <c r="L90" s="22" t="s">
        <v>268</v>
      </c>
      <c r="M90" s="22" t="s">
        <v>268</v>
      </c>
      <c r="N90" s="22" t="s">
        <v>268</v>
      </c>
      <c r="O90" s="22" t="s">
        <v>268</v>
      </c>
      <c r="P90" s="22" t="s">
        <v>268</v>
      </c>
      <c r="Q90" s="22" t="s">
        <v>268</v>
      </c>
    </row>
    <row r="91" spans="1:17">
      <c r="A91" s="21" t="s">
        <v>232</v>
      </c>
      <c r="B91" s="21" t="s">
        <v>237</v>
      </c>
      <c r="C91" s="21" t="s">
        <v>264</v>
      </c>
      <c r="D91" s="21" t="s">
        <v>216</v>
      </c>
      <c r="E91" s="21" t="s">
        <v>214</v>
      </c>
      <c r="F91" s="21" t="s">
        <v>214</v>
      </c>
      <c r="G91" s="16">
        <v>332900</v>
      </c>
      <c r="H91" s="16">
        <v>199553</v>
      </c>
      <c r="I91" s="16">
        <v>146672</v>
      </c>
      <c r="J91" s="16">
        <v>4476</v>
      </c>
      <c r="K91" s="16">
        <v>52881</v>
      </c>
      <c r="L91" s="16">
        <v>4382</v>
      </c>
      <c r="M91" s="16">
        <v>128221</v>
      </c>
      <c r="N91" s="16">
        <v>744</v>
      </c>
      <c r="O91" s="16">
        <v>37476</v>
      </c>
      <c r="P91" s="16">
        <v>1568</v>
      </c>
      <c r="Q91" s="16">
        <v>62665</v>
      </c>
    </row>
    <row r="92" spans="1:17">
      <c r="A92" s="21" t="s">
        <v>232</v>
      </c>
      <c r="B92" s="21" t="s">
        <v>237</v>
      </c>
      <c r="C92" s="21" t="s">
        <v>264</v>
      </c>
      <c r="D92" s="21" t="s">
        <v>216</v>
      </c>
      <c r="E92" s="21" t="s">
        <v>214</v>
      </c>
      <c r="F92" s="21" t="s">
        <v>424</v>
      </c>
      <c r="G92" s="22" t="s">
        <v>268</v>
      </c>
      <c r="H92" s="22" t="s">
        <v>268</v>
      </c>
      <c r="I92" s="22" t="s">
        <v>268</v>
      </c>
      <c r="J92" s="22" t="s">
        <v>268</v>
      </c>
      <c r="K92" s="22" t="s">
        <v>268</v>
      </c>
      <c r="L92" s="22" t="s">
        <v>268</v>
      </c>
      <c r="M92" s="22" t="s">
        <v>268</v>
      </c>
      <c r="N92" s="22" t="s">
        <v>268</v>
      </c>
      <c r="O92" s="22" t="s">
        <v>268</v>
      </c>
      <c r="P92" s="22" t="s">
        <v>268</v>
      </c>
      <c r="Q92" s="22" t="s">
        <v>268</v>
      </c>
    </row>
    <row r="93" spans="1:17">
      <c r="A93" s="21" t="s">
        <v>232</v>
      </c>
      <c r="B93" s="21" t="s">
        <v>237</v>
      </c>
      <c r="C93" s="21" t="s">
        <v>264</v>
      </c>
      <c r="D93" s="21" t="s">
        <v>216</v>
      </c>
      <c r="E93" s="21" t="s">
        <v>214</v>
      </c>
      <c r="F93" s="21" t="s">
        <v>425</v>
      </c>
      <c r="G93" s="16">
        <v>175356</v>
      </c>
      <c r="H93" s="16">
        <v>115760</v>
      </c>
      <c r="I93" s="16">
        <v>96712</v>
      </c>
      <c r="J93" s="16">
        <v>3048</v>
      </c>
      <c r="K93" s="16">
        <v>19048</v>
      </c>
      <c r="L93" s="16">
        <v>3175</v>
      </c>
      <c r="M93" s="16">
        <v>56421</v>
      </c>
      <c r="N93" s="22" t="s">
        <v>268</v>
      </c>
      <c r="O93" s="16">
        <v>14265</v>
      </c>
      <c r="P93" s="16">
        <v>246</v>
      </c>
      <c r="Q93" s="22" t="s">
        <v>268</v>
      </c>
    </row>
    <row r="94" spans="1:17">
      <c r="A94" s="21" t="s">
        <v>232</v>
      </c>
      <c r="B94" s="21" t="s">
        <v>237</v>
      </c>
      <c r="C94" s="21" t="s">
        <v>264</v>
      </c>
      <c r="D94" s="21" t="s">
        <v>216</v>
      </c>
      <c r="E94" s="21" t="s">
        <v>214</v>
      </c>
      <c r="F94" s="21" t="s">
        <v>426</v>
      </c>
      <c r="G94" s="16">
        <v>147665</v>
      </c>
      <c r="H94" s="16">
        <v>83793</v>
      </c>
      <c r="I94" s="16">
        <v>49960</v>
      </c>
      <c r="J94" s="16">
        <v>1428</v>
      </c>
      <c r="K94" s="16">
        <v>33833</v>
      </c>
      <c r="L94" s="16">
        <v>1207</v>
      </c>
      <c r="M94" s="16">
        <v>62665</v>
      </c>
      <c r="N94" s="22" t="s">
        <v>268</v>
      </c>
      <c r="O94" s="16">
        <v>23211</v>
      </c>
      <c r="P94" s="16">
        <v>1322</v>
      </c>
      <c r="Q94" s="16">
        <v>62665</v>
      </c>
    </row>
    <row r="95" spans="1:17">
      <c r="A95" s="21" t="s">
        <v>232</v>
      </c>
      <c r="B95" s="21" t="s">
        <v>237</v>
      </c>
      <c r="C95" s="21" t="s">
        <v>264</v>
      </c>
      <c r="D95" s="21" t="s">
        <v>216</v>
      </c>
      <c r="E95" s="21" t="s">
        <v>214</v>
      </c>
      <c r="F95" s="21" t="s">
        <v>720</v>
      </c>
      <c r="G95" s="16">
        <v>9879</v>
      </c>
      <c r="H95" s="22" t="s">
        <v>268</v>
      </c>
      <c r="I95" s="22" t="s">
        <v>268</v>
      </c>
      <c r="J95" s="22" t="s">
        <v>268</v>
      </c>
      <c r="K95" s="22" t="s">
        <v>268</v>
      </c>
      <c r="L95" s="22" t="s">
        <v>268</v>
      </c>
      <c r="M95" s="16">
        <v>9135</v>
      </c>
      <c r="N95" s="16">
        <v>744</v>
      </c>
      <c r="O95" s="22" t="s">
        <v>268</v>
      </c>
      <c r="P95" s="22" t="s">
        <v>268</v>
      </c>
      <c r="Q95" s="22" t="s">
        <v>268</v>
      </c>
    </row>
    <row r="96" spans="1:17">
      <c r="A96" s="21" t="s">
        <v>232</v>
      </c>
      <c r="B96" s="21" t="s">
        <v>237</v>
      </c>
      <c r="C96" s="21" t="s">
        <v>264</v>
      </c>
      <c r="D96" s="21" t="s">
        <v>216</v>
      </c>
      <c r="E96" s="21" t="s">
        <v>214</v>
      </c>
      <c r="F96" s="21" t="s">
        <v>427</v>
      </c>
      <c r="G96" s="16">
        <v>169251</v>
      </c>
      <c r="H96" s="16">
        <v>97211</v>
      </c>
      <c r="I96" s="16">
        <v>58903</v>
      </c>
      <c r="J96" s="16">
        <v>1870</v>
      </c>
      <c r="K96" s="16">
        <v>38308</v>
      </c>
      <c r="L96" s="16">
        <v>1518</v>
      </c>
      <c r="M96" s="16">
        <v>70522</v>
      </c>
      <c r="N96" s="22" t="s">
        <v>268</v>
      </c>
      <c r="O96" s="16">
        <v>26751</v>
      </c>
      <c r="P96" s="16">
        <v>1568</v>
      </c>
      <c r="Q96" s="16">
        <v>62665</v>
      </c>
    </row>
    <row r="97" spans="1:17">
      <c r="A97" s="21" t="s">
        <v>232</v>
      </c>
      <c r="B97" s="21" t="s">
        <v>237</v>
      </c>
      <c r="C97" s="21" t="s">
        <v>264</v>
      </c>
      <c r="D97" s="21" t="s">
        <v>216</v>
      </c>
      <c r="E97" s="21" t="s">
        <v>214</v>
      </c>
      <c r="F97" s="21" t="s">
        <v>428</v>
      </c>
      <c r="G97" s="16">
        <v>93150</v>
      </c>
      <c r="H97" s="16">
        <v>52658</v>
      </c>
      <c r="I97" s="16">
        <v>31025</v>
      </c>
      <c r="J97" s="16">
        <v>462</v>
      </c>
      <c r="K97" s="16">
        <v>21633</v>
      </c>
      <c r="L97" s="16">
        <v>594</v>
      </c>
      <c r="M97" s="16">
        <v>39898</v>
      </c>
      <c r="N97" s="22" t="s">
        <v>268</v>
      </c>
      <c r="O97" s="16">
        <v>14101</v>
      </c>
      <c r="P97" s="16">
        <v>450</v>
      </c>
      <c r="Q97" s="16">
        <v>39898</v>
      </c>
    </row>
    <row r="98" spans="1:17">
      <c r="A98" s="21" t="s">
        <v>232</v>
      </c>
      <c r="B98" s="21" t="s">
        <v>237</v>
      </c>
      <c r="C98" s="21" t="s">
        <v>264</v>
      </c>
      <c r="D98" s="21" t="s">
        <v>216</v>
      </c>
      <c r="E98" s="21" t="s">
        <v>214</v>
      </c>
      <c r="F98" s="21" t="s">
        <v>429</v>
      </c>
      <c r="G98" s="16">
        <v>38176</v>
      </c>
      <c r="H98" s="16">
        <v>22405</v>
      </c>
      <c r="I98" s="16">
        <v>13148</v>
      </c>
      <c r="J98" s="16">
        <v>80</v>
      </c>
      <c r="K98" s="16">
        <v>9257</v>
      </c>
      <c r="L98" s="16">
        <v>202</v>
      </c>
      <c r="M98" s="16">
        <v>15569</v>
      </c>
      <c r="N98" s="22" t="s">
        <v>268</v>
      </c>
      <c r="O98" s="16">
        <v>5568</v>
      </c>
      <c r="P98" s="16">
        <v>80</v>
      </c>
      <c r="Q98" s="16">
        <v>15569</v>
      </c>
    </row>
    <row r="99" spans="1:17">
      <c r="A99" s="21" t="s">
        <v>232</v>
      </c>
      <c r="B99" s="21" t="s">
        <v>237</v>
      </c>
      <c r="C99" s="21" t="s">
        <v>264</v>
      </c>
      <c r="D99" s="21" t="s">
        <v>216</v>
      </c>
      <c r="E99" s="21" t="s">
        <v>681</v>
      </c>
      <c r="F99" s="21" t="s">
        <v>214</v>
      </c>
      <c r="G99" s="16">
        <v>327948</v>
      </c>
      <c r="H99" s="16">
        <v>198076</v>
      </c>
      <c r="I99" s="16">
        <v>145408</v>
      </c>
      <c r="J99" s="16">
        <v>4454</v>
      </c>
      <c r="K99" s="16">
        <v>52668</v>
      </c>
      <c r="L99" s="16">
        <v>4345</v>
      </c>
      <c r="M99" s="16">
        <v>124786</v>
      </c>
      <c r="N99" s="16">
        <v>741</v>
      </c>
      <c r="O99" s="16">
        <v>37302</v>
      </c>
      <c r="P99" s="16">
        <v>1564</v>
      </c>
      <c r="Q99" s="16">
        <v>62424</v>
      </c>
    </row>
    <row r="100" spans="1:17">
      <c r="A100" s="21" t="s">
        <v>232</v>
      </c>
      <c r="B100" s="21" t="s">
        <v>237</v>
      </c>
      <c r="C100" s="21" t="s">
        <v>264</v>
      </c>
      <c r="D100" s="21" t="s">
        <v>216</v>
      </c>
      <c r="E100" s="21" t="s">
        <v>681</v>
      </c>
      <c r="F100" s="21" t="s">
        <v>424</v>
      </c>
      <c r="G100" s="22" t="s">
        <v>268</v>
      </c>
      <c r="H100" s="22" t="s">
        <v>268</v>
      </c>
      <c r="I100" s="22" t="s">
        <v>268</v>
      </c>
      <c r="J100" s="22" t="s">
        <v>268</v>
      </c>
      <c r="K100" s="22" t="s">
        <v>268</v>
      </c>
      <c r="L100" s="22" t="s">
        <v>268</v>
      </c>
      <c r="M100" s="22" t="s">
        <v>268</v>
      </c>
      <c r="N100" s="22" t="s">
        <v>268</v>
      </c>
      <c r="O100" s="22" t="s">
        <v>268</v>
      </c>
      <c r="P100" s="22" t="s">
        <v>268</v>
      </c>
      <c r="Q100" s="22" t="s">
        <v>268</v>
      </c>
    </row>
    <row r="101" spans="1:17">
      <c r="A101" s="21" t="s">
        <v>232</v>
      </c>
      <c r="B101" s="21" t="s">
        <v>237</v>
      </c>
      <c r="C101" s="21" t="s">
        <v>264</v>
      </c>
      <c r="D101" s="21" t="s">
        <v>216</v>
      </c>
      <c r="E101" s="21" t="s">
        <v>681</v>
      </c>
      <c r="F101" s="21" t="s">
        <v>425</v>
      </c>
      <c r="G101" s="16">
        <v>170905</v>
      </c>
      <c r="H101" s="16">
        <v>114450</v>
      </c>
      <c r="I101" s="16">
        <v>95554</v>
      </c>
      <c r="J101" s="16">
        <v>3030</v>
      </c>
      <c r="K101" s="16">
        <v>18896</v>
      </c>
      <c r="L101" s="16">
        <v>3140</v>
      </c>
      <c r="M101" s="16">
        <v>53315</v>
      </c>
      <c r="N101" s="22" t="s">
        <v>268</v>
      </c>
      <c r="O101" s="16">
        <v>14128</v>
      </c>
      <c r="P101" s="16">
        <v>246</v>
      </c>
      <c r="Q101" s="22" t="s">
        <v>268</v>
      </c>
    </row>
    <row r="102" spans="1:17">
      <c r="A102" s="21" t="s">
        <v>232</v>
      </c>
      <c r="B102" s="21" t="s">
        <v>237</v>
      </c>
      <c r="C102" s="21" t="s">
        <v>264</v>
      </c>
      <c r="D102" s="21" t="s">
        <v>216</v>
      </c>
      <c r="E102" s="21" t="s">
        <v>681</v>
      </c>
      <c r="F102" s="21" t="s">
        <v>426</v>
      </c>
      <c r="G102" s="16">
        <v>147255</v>
      </c>
      <c r="H102" s="16">
        <v>83626</v>
      </c>
      <c r="I102" s="16">
        <v>49854</v>
      </c>
      <c r="J102" s="16">
        <v>1424</v>
      </c>
      <c r="K102" s="16">
        <v>33772</v>
      </c>
      <c r="L102" s="16">
        <v>1205</v>
      </c>
      <c r="M102" s="16">
        <v>62424</v>
      </c>
      <c r="N102" s="22" t="s">
        <v>268</v>
      </c>
      <c r="O102" s="16">
        <v>23174</v>
      </c>
      <c r="P102" s="16">
        <v>1318</v>
      </c>
      <c r="Q102" s="16">
        <v>62424</v>
      </c>
    </row>
    <row r="103" spans="1:17">
      <c r="A103" s="21" t="s">
        <v>232</v>
      </c>
      <c r="B103" s="21" t="s">
        <v>237</v>
      </c>
      <c r="C103" s="21" t="s">
        <v>264</v>
      </c>
      <c r="D103" s="21" t="s">
        <v>216</v>
      </c>
      <c r="E103" s="21" t="s">
        <v>681</v>
      </c>
      <c r="F103" s="21" t="s">
        <v>720</v>
      </c>
      <c r="G103" s="16">
        <v>9788</v>
      </c>
      <c r="H103" s="22" t="s">
        <v>268</v>
      </c>
      <c r="I103" s="22" t="s">
        <v>268</v>
      </c>
      <c r="J103" s="22" t="s">
        <v>268</v>
      </c>
      <c r="K103" s="22" t="s">
        <v>268</v>
      </c>
      <c r="L103" s="22" t="s">
        <v>268</v>
      </c>
      <c r="M103" s="16">
        <v>9047</v>
      </c>
      <c r="N103" s="16">
        <v>741</v>
      </c>
      <c r="O103" s="22" t="s">
        <v>268</v>
      </c>
      <c r="P103" s="22" t="s">
        <v>268</v>
      </c>
      <c r="Q103" s="22" t="s">
        <v>268</v>
      </c>
    </row>
    <row r="104" spans="1:17">
      <c r="A104" s="21" t="s">
        <v>232</v>
      </c>
      <c r="B104" s="21" t="s">
        <v>237</v>
      </c>
      <c r="C104" s="21" t="s">
        <v>264</v>
      </c>
      <c r="D104" s="21" t="s">
        <v>216</v>
      </c>
      <c r="E104" s="21" t="s">
        <v>681</v>
      </c>
      <c r="F104" s="21" t="s">
        <v>427</v>
      </c>
      <c r="G104" s="16">
        <v>168734</v>
      </c>
      <c r="H104" s="16">
        <v>96996</v>
      </c>
      <c r="I104" s="16">
        <v>58766</v>
      </c>
      <c r="J104" s="16">
        <v>1866</v>
      </c>
      <c r="K104" s="16">
        <v>38230</v>
      </c>
      <c r="L104" s="16">
        <v>1513</v>
      </c>
      <c r="M104" s="16">
        <v>70225</v>
      </c>
      <c r="N104" s="22" t="s">
        <v>268</v>
      </c>
      <c r="O104" s="16">
        <v>26699</v>
      </c>
      <c r="P104" s="16">
        <v>1564</v>
      </c>
      <c r="Q104" s="16">
        <v>62424</v>
      </c>
    </row>
    <row r="105" spans="1:17">
      <c r="A105" s="21" t="s">
        <v>232</v>
      </c>
      <c r="B105" s="21" t="s">
        <v>237</v>
      </c>
      <c r="C105" s="21" t="s">
        <v>264</v>
      </c>
      <c r="D105" s="21" t="s">
        <v>216</v>
      </c>
      <c r="E105" s="21" t="s">
        <v>681</v>
      </c>
      <c r="F105" s="21" t="s">
        <v>428</v>
      </c>
      <c r="G105" s="16">
        <v>92916</v>
      </c>
      <c r="H105" s="16">
        <v>52558</v>
      </c>
      <c r="I105" s="16">
        <v>30961</v>
      </c>
      <c r="J105" s="16">
        <v>460</v>
      </c>
      <c r="K105" s="16">
        <v>21597</v>
      </c>
      <c r="L105" s="16">
        <v>592</v>
      </c>
      <c r="M105" s="16">
        <v>39766</v>
      </c>
      <c r="N105" s="22" t="s">
        <v>268</v>
      </c>
      <c r="O105" s="16">
        <v>14087</v>
      </c>
      <c r="P105" s="16">
        <v>448</v>
      </c>
      <c r="Q105" s="16">
        <v>39766</v>
      </c>
    </row>
    <row r="106" spans="1:17">
      <c r="A106" s="21" t="s">
        <v>232</v>
      </c>
      <c r="B106" s="21" t="s">
        <v>237</v>
      </c>
      <c r="C106" s="21" t="s">
        <v>264</v>
      </c>
      <c r="D106" s="21" t="s">
        <v>216</v>
      </c>
      <c r="E106" s="21" t="s">
        <v>681</v>
      </c>
      <c r="F106" s="21" t="s">
        <v>429</v>
      </c>
      <c r="G106" s="16">
        <v>38081</v>
      </c>
      <c r="H106" s="16">
        <v>22367</v>
      </c>
      <c r="I106" s="16">
        <v>13123</v>
      </c>
      <c r="J106" s="16">
        <v>80</v>
      </c>
      <c r="K106" s="16">
        <v>9244</v>
      </c>
      <c r="L106" s="16">
        <v>202</v>
      </c>
      <c r="M106" s="16">
        <v>15512</v>
      </c>
      <c r="N106" s="22" t="s">
        <v>268</v>
      </c>
      <c r="O106" s="16">
        <v>5568</v>
      </c>
      <c r="P106" s="16">
        <v>80</v>
      </c>
      <c r="Q106" s="16">
        <v>15512</v>
      </c>
    </row>
    <row r="107" spans="1:17">
      <c r="A107" s="21" t="s">
        <v>232</v>
      </c>
      <c r="B107" s="21" t="s">
        <v>237</v>
      </c>
      <c r="C107" s="21" t="s">
        <v>264</v>
      </c>
      <c r="D107" s="21" t="s">
        <v>216</v>
      </c>
      <c r="E107" s="21" t="s">
        <v>682</v>
      </c>
      <c r="F107" s="21" t="s">
        <v>214</v>
      </c>
      <c r="G107" s="16">
        <v>323126</v>
      </c>
      <c r="H107" s="16">
        <v>195667</v>
      </c>
      <c r="I107" s="16">
        <v>143238</v>
      </c>
      <c r="J107" s="16">
        <v>4422</v>
      </c>
      <c r="K107" s="16">
        <v>52429</v>
      </c>
      <c r="L107" s="16">
        <v>4326</v>
      </c>
      <c r="M107" s="16">
        <v>122392</v>
      </c>
      <c r="N107" s="16">
        <v>741</v>
      </c>
      <c r="O107" s="16">
        <v>37148</v>
      </c>
      <c r="P107" s="16">
        <v>1556</v>
      </c>
      <c r="Q107" s="16">
        <v>61789</v>
      </c>
    </row>
    <row r="108" spans="1:17">
      <c r="A108" s="21" t="s">
        <v>232</v>
      </c>
      <c r="B108" s="21" t="s">
        <v>237</v>
      </c>
      <c r="C108" s="21" t="s">
        <v>264</v>
      </c>
      <c r="D108" s="21" t="s">
        <v>216</v>
      </c>
      <c r="E108" s="21" t="s">
        <v>682</v>
      </c>
      <c r="F108" s="21" t="s">
        <v>424</v>
      </c>
      <c r="G108" s="22" t="s">
        <v>268</v>
      </c>
      <c r="H108" s="22" t="s">
        <v>268</v>
      </c>
      <c r="I108" s="22" t="s">
        <v>268</v>
      </c>
      <c r="J108" s="22" t="s">
        <v>268</v>
      </c>
      <c r="K108" s="22" t="s">
        <v>268</v>
      </c>
      <c r="L108" s="22" t="s">
        <v>268</v>
      </c>
      <c r="M108" s="22" t="s">
        <v>268</v>
      </c>
      <c r="N108" s="22" t="s">
        <v>268</v>
      </c>
      <c r="O108" s="22" t="s">
        <v>268</v>
      </c>
      <c r="P108" s="22" t="s">
        <v>268</v>
      </c>
      <c r="Q108" s="22" t="s">
        <v>268</v>
      </c>
    </row>
    <row r="109" spans="1:17">
      <c r="A109" s="21" t="s">
        <v>232</v>
      </c>
      <c r="B109" s="21" t="s">
        <v>237</v>
      </c>
      <c r="C109" s="21" t="s">
        <v>264</v>
      </c>
      <c r="D109" s="21" t="s">
        <v>216</v>
      </c>
      <c r="E109" s="21" t="s">
        <v>682</v>
      </c>
      <c r="F109" s="21" t="s">
        <v>425</v>
      </c>
      <c r="G109" s="16">
        <v>166992</v>
      </c>
      <c r="H109" s="16">
        <v>112278</v>
      </c>
      <c r="I109" s="16">
        <v>93546</v>
      </c>
      <c r="J109" s="16">
        <v>3006</v>
      </c>
      <c r="K109" s="16">
        <v>18732</v>
      </c>
      <c r="L109" s="16">
        <v>3129</v>
      </c>
      <c r="M109" s="16">
        <v>51585</v>
      </c>
      <c r="N109" s="22" t="s">
        <v>268</v>
      </c>
      <c r="O109" s="16">
        <v>14020</v>
      </c>
      <c r="P109" s="16">
        <v>246</v>
      </c>
      <c r="Q109" s="22" t="s">
        <v>268</v>
      </c>
    </row>
    <row r="110" spans="1:17">
      <c r="A110" s="21" t="s">
        <v>232</v>
      </c>
      <c r="B110" s="21" t="s">
        <v>237</v>
      </c>
      <c r="C110" s="21" t="s">
        <v>264</v>
      </c>
      <c r="D110" s="21" t="s">
        <v>216</v>
      </c>
      <c r="E110" s="21" t="s">
        <v>682</v>
      </c>
      <c r="F110" s="21" t="s">
        <v>426</v>
      </c>
      <c r="G110" s="16">
        <v>146375</v>
      </c>
      <c r="H110" s="16">
        <v>83389</v>
      </c>
      <c r="I110" s="16">
        <v>49692</v>
      </c>
      <c r="J110" s="16">
        <v>1416</v>
      </c>
      <c r="K110" s="16">
        <v>33697</v>
      </c>
      <c r="L110" s="16">
        <v>1197</v>
      </c>
      <c r="M110" s="16">
        <v>61789</v>
      </c>
      <c r="N110" s="22" t="s">
        <v>268</v>
      </c>
      <c r="O110" s="16">
        <v>23128</v>
      </c>
      <c r="P110" s="16">
        <v>1310</v>
      </c>
      <c r="Q110" s="16">
        <v>61789</v>
      </c>
    </row>
    <row r="111" spans="1:17">
      <c r="A111" s="21" t="s">
        <v>232</v>
      </c>
      <c r="B111" s="21" t="s">
        <v>237</v>
      </c>
      <c r="C111" s="21" t="s">
        <v>264</v>
      </c>
      <c r="D111" s="21" t="s">
        <v>216</v>
      </c>
      <c r="E111" s="21" t="s">
        <v>682</v>
      </c>
      <c r="F111" s="21" t="s">
        <v>720</v>
      </c>
      <c r="G111" s="16">
        <v>9759</v>
      </c>
      <c r="H111" s="22" t="s">
        <v>268</v>
      </c>
      <c r="I111" s="22" t="s">
        <v>268</v>
      </c>
      <c r="J111" s="22" t="s">
        <v>268</v>
      </c>
      <c r="K111" s="22" t="s">
        <v>268</v>
      </c>
      <c r="L111" s="22" t="s">
        <v>268</v>
      </c>
      <c r="M111" s="16">
        <v>9018</v>
      </c>
      <c r="N111" s="16">
        <v>741</v>
      </c>
      <c r="O111" s="22" t="s">
        <v>268</v>
      </c>
      <c r="P111" s="22" t="s">
        <v>268</v>
      </c>
      <c r="Q111" s="22" t="s">
        <v>268</v>
      </c>
    </row>
    <row r="112" spans="1:17">
      <c r="A112" s="21" t="s">
        <v>232</v>
      </c>
      <c r="B112" s="21" t="s">
        <v>237</v>
      </c>
      <c r="C112" s="21" t="s">
        <v>264</v>
      </c>
      <c r="D112" s="21" t="s">
        <v>216</v>
      </c>
      <c r="E112" s="21" t="s">
        <v>682</v>
      </c>
      <c r="F112" s="21" t="s">
        <v>427</v>
      </c>
      <c r="G112" s="16">
        <v>167658</v>
      </c>
      <c r="H112" s="16">
        <v>96676</v>
      </c>
      <c r="I112" s="16">
        <v>58547</v>
      </c>
      <c r="J112" s="16">
        <v>1858</v>
      </c>
      <c r="K112" s="16">
        <v>38129</v>
      </c>
      <c r="L112" s="16">
        <v>1503</v>
      </c>
      <c r="M112" s="16">
        <v>69479</v>
      </c>
      <c r="N112" s="22" t="s">
        <v>268</v>
      </c>
      <c r="O112" s="16">
        <v>26633</v>
      </c>
      <c r="P112" s="16">
        <v>1556</v>
      </c>
      <c r="Q112" s="16">
        <v>61789</v>
      </c>
    </row>
    <row r="113" spans="1:17">
      <c r="A113" s="21" t="s">
        <v>232</v>
      </c>
      <c r="B113" s="21" t="s">
        <v>237</v>
      </c>
      <c r="C113" s="21" t="s">
        <v>264</v>
      </c>
      <c r="D113" s="21" t="s">
        <v>216</v>
      </c>
      <c r="E113" s="21" t="s">
        <v>682</v>
      </c>
      <c r="F113" s="21" t="s">
        <v>428</v>
      </c>
      <c r="G113" s="16">
        <v>92422</v>
      </c>
      <c r="H113" s="16">
        <v>52442</v>
      </c>
      <c r="I113" s="16">
        <v>30884</v>
      </c>
      <c r="J113" s="16">
        <v>456</v>
      </c>
      <c r="K113" s="16">
        <v>21558</v>
      </c>
      <c r="L113" s="16">
        <v>590</v>
      </c>
      <c r="M113" s="16">
        <v>39390</v>
      </c>
      <c r="N113" s="22" t="s">
        <v>268</v>
      </c>
      <c r="O113" s="16">
        <v>14066</v>
      </c>
      <c r="P113" s="16">
        <v>444</v>
      </c>
      <c r="Q113" s="16">
        <v>39390</v>
      </c>
    </row>
    <row r="114" spans="1:17">
      <c r="A114" s="21" t="s">
        <v>232</v>
      </c>
      <c r="B114" s="21" t="s">
        <v>237</v>
      </c>
      <c r="C114" s="21" t="s">
        <v>264</v>
      </c>
      <c r="D114" s="21" t="s">
        <v>216</v>
      </c>
      <c r="E114" s="21" t="s">
        <v>682</v>
      </c>
      <c r="F114" s="21" t="s">
        <v>429</v>
      </c>
      <c r="G114" s="16">
        <v>37869</v>
      </c>
      <c r="H114" s="16">
        <v>22332</v>
      </c>
      <c r="I114" s="16">
        <v>13103</v>
      </c>
      <c r="J114" s="16">
        <v>80</v>
      </c>
      <c r="K114" s="16">
        <v>9229</v>
      </c>
      <c r="L114" s="16">
        <v>202</v>
      </c>
      <c r="M114" s="16">
        <v>15335</v>
      </c>
      <c r="N114" s="22" t="s">
        <v>268</v>
      </c>
      <c r="O114" s="16">
        <v>5561</v>
      </c>
      <c r="P114" s="16">
        <v>80</v>
      </c>
      <c r="Q114" s="16">
        <v>15335</v>
      </c>
    </row>
    <row r="115" spans="1:17">
      <c r="A115" s="21" t="s">
        <v>232</v>
      </c>
      <c r="B115" s="21" t="s">
        <v>237</v>
      </c>
      <c r="C115" s="21" t="s">
        <v>264</v>
      </c>
      <c r="D115" s="21" t="s">
        <v>216</v>
      </c>
      <c r="E115" s="21" t="s">
        <v>683</v>
      </c>
      <c r="F115" s="21" t="s">
        <v>214</v>
      </c>
      <c r="G115" s="16">
        <v>182963</v>
      </c>
      <c r="H115" s="16">
        <v>123828</v>
      </c>
      <c r="I115" s="16">
        <v>80411</v>
      </c>
      <c r="J115" s="16">
        <v>2056</v>
      </c>
      <c r="K115" s="16">
        <v>43417</v>
      </c>
      <c r="L115" s="16">
        <v>1810</v>
      </c>
      <c r="M115" s="16">
        <v>57076</v>
      </c>
      <c r="N115" s="16">
        <v>249</v>
      </c>
      <c r="O115" s="16">
        <v>31600</v>
      </c>
      <c r="P115" s="16">
        <v>1092</v>
      </c>
      <c r="Q115" s="16">
        <v>44532</v>
      </c>
    </row>
    <row r="116" spans="1:17">
      <c r="A116" s="21" t="s">
        <v>232</v>
      </c>
      <c r="B116" s="21" t="s">
        <v>237</v>
      </c>
      <c r="C116" s="21" t="s">
        <v>264</v>
      </c>
      <c r="D116" s="21" t="s">
        <v>216</v>
      </c>
      <c r="E116" s="21" t="s">
        <v>683</v>
      </c>
      <c r="F116" s="21" t="s">
        <v>424</v>
      </c>
      <c r="G116" s="22" t="s">
        <v>268</v>
      </c>
      <c r="H116" s="22" t="s">
        <v>268</v>
      </c>
      <c r="I116" s="22" t="s">
        <v>268</v>
      </c>
      <c r="J116" s="22" t="s">
        <v>268</v>
      </c>
      <c r="K116" s="22" t="s">
        <v>268</v>
      </c>
      <c r="L116" s="22" t="s">
        <v>268</v>
      </c>
      <c r="M116" s="22" t="s">
        <v>268</v>
      </c>
      <c r="N116" s="22" t="s">
        <v>268</v>
      </c>
      <c r="O116" s="22" t="s">
        <v>268</v>
      </c>
      <c r="P116" s="22" t="s">
        <v>268</v>
      </c>
      <c r="Q116" s="22" t="s">
        <v>268</v>
      </c>
    </row>
    <row r="117" spans="1:17">
      <c r="A117" s="21" t="s">
        <v>232</v>
      </c>
      <c r="B117" s="21" t="s">
        <v>237</v>
      </c>
      <c r="C117" s="21" t="s">
        <v>264</v>
      </c>
      <c r="D117" s="21" t="s">
        <v>216</v>
      </c>
      <c r="E117" s="21" t="s">
        <v>683</v>
      </c>
      <c r="F117" s="21" t="s">
        <v>425</v>
      </c>
      <c r="G117" s="16">
        <v>64980</v>
      </c>
      <c r="H117" s="16">
        <v>52582</v>
      </c>
      <c r="I117" s="16">
        <v>40112</v>
      </c>
      <c r="J117" s="16">
        <v>1082</v>
      </c>
      <c r="K117" s="16">
        <v>12470</v>
      </c>
      <c r="L117" s="16">
        <v>892</v>
      </c>
      <c r="M117" s="16">
        <v>11506</v>
      </c>
      <c r="N117" s="22" t="s">
        <v>268</v>
      </c>
      <c r="O117" s="16">
        <v>10074</v>
      </c>
      <c r="P117" s="16">
        <v>172</v>
      </c>
      <c r="Q117" s="22" t="s">
        <v>268</v>
      </c>
    </row>
    <row r="118" spans="1:17">
      <c r="A118" s="21" t="s">
        <v>232</v>
      </c>
      <c r="B118" s="21" t="s">
        <v>237</v>
      </c>
      <c r="C118" s="21" t="s">
        <v>264</v>
      </c>
      <c r="D118" s="21" t="s">
        <v>216</v>
      </c>
      <c r="E118" s="21" t="s">
        <v>683</v>
      </c>
      <c r="F118" s="21" t="s">
        <v>426</v>
      </c>
      <c r="G118" s="16">
        <v>116696</v>
      </c>
      <c r="H118" s="16">
        <v>71246</v>
      </c>
      <c r="I118" s="16">
        <v>40299</v>
      </c>
      <c r="J118" s="16">
        <v>974</v>
      </c>
      <c r="K118" s="16">
        <v>30947</v>
      </c>
      <c r="L118" s="16">
        <v>918</v>
      </c>
      <c r="M118" s="16">
        <v>44532</v>
      </c>
      <c r="N118" s="22" t="s">
        <v>268</v>
      </c>
      <c r="O118" s="16">
        <v>21526</v>
      </c>
      <c r="P118" s="16">
        <v>920</v>
      </c>
      <c r="Q118" s="16">
        <v>44532</v>
      </c>
    </row>
    <row r="119" spans="1:17">
      <c r="A119" s="21" t="s">
        <v>232</v>
      </c>
      <c r="B119" s="21" t="s">
        <v>237</v>
      </c>
      <c r="C119" s="21" t="s">
        <v>264</v>
      </c>
      <c r="D119" s="21" t="s">
        <v>216</v>
      </c>
      <c r="E119" s="21" t="s">
        <v>683</v>
      </c>
      <c r="F119" s="21" t="s">
        <v>720</v>
      </c>
      <c r="G119" s="16">
        <v>1287</v>
      </c>
      <c r="H119" s="22" t="s">
        <v>268</v>
      </c>
      <c r="I119" s="22" t="s">
        <v>268</v>
      </c>
      <c r="J119" s="22" t="s">
        <v>268</v>
      </c>
      <c r="K119" s="22" t="s">
        <v>268</v>
      </c>
      <c r="L119" s="22" t="s">
        <v>268</v>
      </c>
      <c r="M119" s="16">
        <v>1038</v>
      </c>
      <c r="N119" s="16">
        <v>249</v>
      </c>
      <c r="O119" s="22" t="s">
        <v>268</v>
      </c>
      <c r="P119" s="22" t="s">
        <v>268</v>
      </c>
      <c r="Q119" s="22" t="s">
        <v>268</v>
      </c>
    </row>
    <row r="120" spans="1:17">
      <c r="A120" s="21" t="s">
        <v>232</v>
      </c>
      <c r="B120" s="21" t="s">
        <v>237</v>
      </c>
      <c r="C120" s="21" t="s">
        <v>264</v>
      </c>
      <c r="D120" s="21" t="s">
        <v>216</v>
      </c>
      <c r="E120" s="21" t="s">
        <v>683</v>
      </c>
      <c r="F120" s="21" t="s">
        <v>427</v>
      </c>
      <c r="G120" s="16">
        <v>130345</v>
      </c>
      <c r="H120" s="16">
        <v>80598</v>
      </c>
      <c r="I120" s="16">
        <v>46043</v>
      </c>
      <c r="J120" s="16">
        <v>1284</v>
      </c>
      <c r="K120" s="16">
        <v>34555</v>
      </c>
      <c r="L120" s="16">
        <v>1105</v>
      </c>
      <c r="M120" s="16">
        <v>48642</v>
      </c>
      <c r="N120" s="22" t="s">
        <v>268</v>
      </c>
      <c r="O120" s="16">
        <v>24420</v>
      </c>
      <c r="P120" s="16">
        <v>1092</v>
      </c>
      <c r="Q120" s="16">
        <v>44532</v>
      </c>
    </row>
    <row r="121" spans="1:17">
      <c r="A121" s="21" t="s">
        <v>232</v>
      </c>
      <c r="B121" s="21" t="s">
        <v>237</v>
      </c>
      <c r="C121" s="21" t="s">
        <v>264</v>
      </c>
      <c r="D121" s="21" t="s">
        <v>216</v>
      </c>
      <c r="E121" s="21" t="s">
        <v>683</v>
      </c>
      <c r="F121" s="21" t="s">
        <v>428</v>
      </c>
      <c r="G121" s="16">
        <v>78038</v>
      </c>
      <c r="H121" s="16">
        <v>46989</v>
      </c>
      <c r="I121" s="16">
        <v>26690</v>
      </c>
      <c r="J121" s="16">
        <v>324</v>
      </c>
      <c r="K121" s="16">
        <v>20299</v>
      </c>
      <c r="L121" s="16">
        <v>486</v>
      </c>
      <c r="M121" s="16">
        <v>30563</v>
      </c>
      <c r="N121" s="22" t="s">
        <v>268</v>
      </c>
      <c r="O121" s="16">
        <v>13390</v>
      </c>
      <c r="P121" s="16">
        <v>316</v>
      </c>
      <c r="Q121" s="16">
        <v>30563</v>
      </c>
    </row>
    <row r="122" spans="1:17">
      <c r="A122" s="21" t="s">
        <v>232</v>
      </c>
      <c r="B122" s="21" t="s">
        <v>237</v>
      </c>
      <c r="C122" s="21" t="s">
        <v>264</v>
      </c>
      <c r="D122" s="21" t="s">
        <v>216</v>
      </c>
      <c r="E122" s="21" t="s">
        <v>683</v>
      </c>
      <c r="F122" s="21" t="s">
        <v>429</v>
      </c>
      <c r="G122" s="16">
        <v>33443</v>
      </c>
      <c r="H122" s="16">
        <v>20557</v>
      </c>
      <c r="I122" s="16">
        <v>11695</v>
      </c>
      <c r="J122" s="16">
        <v>50</v>
      </c>
      <c r="K122" s="16">
        <v>8862</v>
      </c>
      <c r="L122" s="16">
        <v>185</v>
      </c>
      <c r="M122" s="16">
        <v>12701</v>
      </c>
      <c r="N122" s="22" t="s">
        <v>268</v>
      </c>
      <c r="O122" s="16">
        <v>5366</v>
      </c>
      <c r="P122" s="16">
        <v>50</v>
      </c>
      <c r="Q122" s="16">
        <v>12701</v>
      </c>
    </row>
    <row r="123" spans="1:17">
      <c r="A123" s="21" t="s">
        <v>232</v>
      </c>
      <c r="B123" s="21" t="s">
        <v>237</v>
      </c>
      <c r="C123" s="21" t="s">
        <v>264</v>
      </c>
      <c r="D123" s="21" t="s">
        <v>216</v>
      </c>
      <c r="E123" s="21" t="s">
        <v>684</v>
      </c>
      <c r="F123" s="21" t="s">
        <v>214</v>
      </c>
      <c r="G123" s="16">
        <v>31505</v>
      </c>
      <c r="H123" s="16">
        <v>20281</v>
      </c>
      <c r="I123" s="16">
        <v>17676</v>
      </c>
      <c r="J123" s="16">
        <v>400</v>
      </c>
      <c r="K123" s="16">
        <v>2605</v>
      </c>
      <c r="L123" s="16">
        <v>160</v>
      </c>
      <c r="M123" s="16">
        <v>10964</v>
      </c>
      <c r="N123" s="16">
        <v>100</v>
      </c>
      <c r="O123" s="16">
        <v>1738</v>
      </c>
      <c r="P123" s="16">
        <v>254</v>
      </c>
      <c r="Q123" s="16">
        <v>7963</v>
      </c>
    </row>
    <row r="124" spans="1:17">
      <c r="A124" s="21" t="s">
        <v>232</v>
      </c>
      <c r="B124" s="21" t="s">
        <v>237</v>
      </c>
      <c r="C124" s="21" t="s">
        <v>264</v>
      </c>
      <c r="D124" s="21" t="s">
        <v>216</v>
      </c>
      <c r="E124" s="21" t="s">
        <v>684</v>
      </c>
      <c r="F124" s="21" t="s">
        <v>424</v>
      </c>
      <c r="G124" s="22" t="s">
        <v>268</v>
      </c>
      <c r="H124" s="22" t="s">
        <v>268</v>
      </c>
      <c r="I124" s="22" t="s">
        <v>268</v>
      </c>
      <c r="J124" s="22" t="s">
        <v>268</v>
      </c>
      <c r="K124" s="22" t="s">
        <v>268</v>
      </c>
      <c r="L124" s="22" t="s">
        <v>268</v>
      </c>
      <c r="M124" s="22" t="s">
        <v>268</v>
      </c>
      <c r="N124" s="22" t="s">
        <v>268</v>
      </c>
      <c r="O124" s="22" t="s">
        <v>268</v>
      </c>
      <c r="P124" s="22" t="s">
        <v>268</v>
      </c>
      <c r="Q124" s="22" t="s">
        <v>268</v>
      </c>
    </row>
    <row r="125" spans="1:17">
      <c r="A125" s="21" t="s">
        <v>232</v>
      </c>
      <c r="B125" s="21" t="s">
        <v>237</v>
      </c>
      <c r="C125" s="21" t="s">
        <v>264</v>
      </c>
      <c r="D125" s="21" t="s">
        <v>216</v>
      </c>
      <c r="E125" s="21" t="s">
        <v>684</v>
      </c>
      <c r="F125" s="21" t="s">
        <v>425</v>
      </c>
      <c r="G125" s="16">
        <v>17456</v>
      </c>
      <c r="H125" s="16">
        <v>14457</v>
      </c>
      <c r="I125" s="16">
        <v>13099</v>
      </c>
      <c r="J125" s="16">
        <v>162</v>
      </c>
      <c r="K125" s="16">
        <v>1358</v>
      </c>
      <c r="L125" s="16">
        <v>90</v>
      </c>
      <c r="M125" s="16">
        <v>2909</v>
      </c>
      <c r="N125" s="22" t="s">
        <v>268</v>
      </c>
      <c r="O125" s="16">
        <v>1018</v>
      </c>
      <c r="P125" s="16">
        <v>36</v>
      </c>
      <c r="Q125" s="22" t="s">
        <v>268</v>
      </c>
    </row>
    <row r="126" spans="1:17">
      <c r="A126" s="21" t="s">
        <v>232</v>
      </c>
      <c r="B126" s="21" t="s">
        <v>237</v>
      </c>
      <c r="C126" s="21" t="s">
        <v>264</v>
      </c>
      <c r="D126" s="21" t="s">
        <v>216</v>
      </c>
      <c r="E126" s="21" t="s">
        <v>684</v>
      </c>
      <c r="F126" s="21" t="s">
        <v>426</v>
      </c>
      <c r="G126" s="16">
        <v>13857</v>
      </c>
      <c r="H126" s="16">
        <v>5824</v>
      </c>
      <c r="I126" s="16">
        <v>4577</v>
      </c>
      <c r="J126" s="16">
        <v>238</v>
      </c>
      <c r="K126" s="16">
        <v>1247</v>
      </c>
      <c r="L126" s="16">
        <v>70</v>
      </c>
      <c r="M126" s="16">
        <v>7963</v>
      </c>
      <c r="N126" s="22" t="s">
        <v>268</v>
      </c>
      <c r="O126" s="16">
        <v>720</v>
      </c>
      <c r="P126" s="16">
        <v>218</v>
      </c>
      <c r="Q126" s="16">
        <v>7963</v>
      </c>
    </row>
    <row r="127" spans="1:17">
      <c r="A127" s="21" t="s">
        <v>232</v>
      </c>
      <c r="B127" s="21" t="s">
        <v>237</v>
      </c>
      <c r="C127" s="21" t="s">
        <v>264</v>
      </c>
      <c r="D127" s="21" t="s">
        <v>216</v>
      </c>
      <c r="E127" s="21" t="s">
        <v>684</v>
      </c>
      <c r="F127" s="21" t="s">
        <v>720</v>
      </c>
      <c r="G127" s="16">
        <v>192</v>
      </c>
      <c r="H127" s="22" t="s">
        <v>268</v>
      </c>
      <c r="I127" s="22" t="s">
        <v>268</v>
      </c>
      <c r="J127" s="22" t="s">
        <v>268</v>
      </c>
      <c r="K127" s="22" t="s">
        <v>268</v>
      </c>
      <c r="L127" s="22" t="s">
        <v>268</v>
      </c>
      <c r="M127" s="16">
        <v>92</v>
      </c>
      <c r="N127" s="16">
        <v>100</v>
      </c>
      <c r="O127" s="22" t="s">
        <v>268</v>
      </c>
      <c r="P127" s="22" t="s">
        <v>268</v>
      </c>
      <c r="Q127" s="22" t="s">
        <v>268</v>
      </c>
    </row>
    <row r="128" spans="1:17">
      <c r="A128" s="21" t="s">
        <v>232</v>
      </c>
      <c r="B128" s="21" t="s">
        <v>237</v>
      </c>
      <c r="C128" s="21" t="s">
        <v>264</v>
      </c>
      <c r="D128" s="21" t="s">
        <v>216</v>
      </c>
      <c r="E128" s="21" t="s">
        <v>684</v>
      </c>
      <c r="F128" s="21" t="s">
        <v>427</v>
      </c>
      <c r="G128" s="16">
        <v>16240</v>
      </c>
      <c r="H128" s="16">
        <v>7140</v>
      </c>
      <c r="I128" s="16">
        <v>5593</v>
      </c>
      <c r="J128" s="16">
        <v>294</v>
      </c>
      <c r="K128" s="16">
        <v>1547</v>
      </c>
      <c r="L128" s="16">
        <v>89</v>
      </c>
      <c r="M128" s="16">
        <v>9011</v>
      </c>
      <c r="N128" s="22" t="s">
        <v>268</v>
      </c>
      <c r="O128" s="16">
        <v>940</v>
      </c>
      <c r="P128" s="16">
        <v>254</v>
      </c>
      <c r="Q128" s="16">
        <v>7963</v>
      </c>
    </row>
    <row r="129" spans="1:17">
      <c r="A129" s="21" t="s">
        <v>232</v>
      </c>
      <c r="B129" s="21" t="s">
        <v>237</v>
      </c>
      <c r="C129" s="21" t="s">
        <v>264</v>
      </c>
      <c r="D129" s="21" t="s">
        <v>216</v>
      </c>
      <c r="E129" s="21" t="s">
        <v>684</v>
      </c>
      <c r="F129" s="21" t="s">
        <v>428</v>
      </c>
      <c r="G129" s="16">
        <v>7051</v>
      </c>
      <c r="H129" s="16">
        <v>2749</v>
      </c>
      <c r="I129" s="16">
        <v>2202</v>
      </c>
      <c r="J129" s="16">
        <v>92</v>
      </c>
      <c r="K129" s="16">
        <v>547</v>
      </c>
      <c r="L129" s="16">
        <v>21</v>
      </c>
      <c r="M129" s="16">
        <v>4281</v>
      </c>
      <c r="N129" s="22" t="s">
        <v>268</v>
      </c>
      <c r="O129" s="16">
        <v>260</v>
      </c>
      <c r="P129" s="16">
        <v>90</v>
      </c>
      <c r="Q129" s="16">
        <v>4281</v>
      </c>
    </row>
    <row r="130" spans="1:17">
      <c r="A130" s="21" t="s">
        <v>232</v>
      </c>
      <c r="B130" s="21" t="s">
        <v>237</v>
      </c>
      <c r="C130" s="21" t="s">
        <v>264</v>
      </c>
      <c r="D130" s="21" t="s">
        <v>216</v>
      </c>
      <c r="E130" s="21" t="s">
        <v>684</v>
      </c>
      <c r="F130" s="21" t="s">
        <v>429</v>
      </c>
      <c r="G130" s="16">
        <v>2151</v>
      </c>
      <c r="H130" s="16">
        <v>932</v>
      </c>
      <c r="I130" s="16">
        <v>787</v>
      </c>
      <c r="J130" s="16">
        <v>22</v>
      </c>
      <c r="K130" s="16">
        <v>145</v>
      </c>
      <c r="L130" s="16">
        <v>2</v>
      </c>
      <c r="M130" s="16">
        <v>1217</v>
      </c>
      <c r="N130" s="22" t="s">
        <v>268</v>
      </c>
      <c r="O130" s="16">
        <v>65</v>
      </c>
      <c r="P130" s="16">
        <v>22</v>
      </c>
      <c r="Q130" s="16">
        <v>1217</v>
      </c>
    </row>
    <row r="131" spans="1:17">
      <c r="A131" s="21" t="s">
        <v>232</v>
      </c>
      <c r="B131" s="21" t="s">
        <v>237</v>
      </c>
      <c r="C131" s="21" t="s">
        <v>264</v>
      </c>
      <c r="D131" s="21" t="s">
        <v>216</v>
      </c>
      <c r="E131" s="21" t="s">
        <v>685</v>
      </c>
      <c r="F131" s="21" t="s">
        <v>214</v>
      </c>
      <c r="G131" s="16">
        <v>104389</v>
      </c>
      <c r="H131" s="16">
        <v>50187</v>
      </c>
      <c r="I131" s="16">
        <v>43918</v>
      </c>
      <c r="J131" s="16">
        <v>1892</v>
      </c>
      <c r="K131" s="16">
        <v>6269</v>
      </c>
      <c r="L131" s="16">
        <v>2297</v>
      </c>
      <c r="M131" s="16">
        <v>51529</v>
      </c>
      <c r="N131" s="16">
        <v>376</v>
      </c>
      <c r="O131" s="16">
        <v>3716</v>
      </c>
      <c r="P131" s="16">
        <v>206</v>
      </c>
      <c r="Q131" s="16">
        <v>9199</v>
      </c>
    </row>
    <row r="132" spans="1:17">
      <c r="A132" s="21" t="s">
        <v>232</v>
      </c>
      <c r="B132" s="21" t="s">
        <v>237</v>
      </c>
      <c r="C132" s="21" t="s">
        <v>264</v>
      </c>
      <c r="D132" s="21" t="s">
        <v>216</v>
      </c>
      <c r="E132" s="21" t="s">
        <v>685</v>
      </c>
      <c r="F132" s="21" t="s">
        <v>424</v>
      </c>
      <c r="G132" s="22" t="s">
        <v>268</v>
      </c>
      <c r="H132" s="22" t="s">
        <v>268</v>
      </c>
      <c r="I132" s="22" t="s">
        <v>268</v>
      </c>
      <c r="J132" s="22" t="s">
        <v>268</v>
      </c>
      <c r="K132" s="22" t="s">
        <v>268</v>
      </c>
      <c r="L132" s="22" t="s">
        <v>268</v>
      </c>
      <c r="M132" s="22" t="s">
        <v>268</v>
      </c>
      <c r="N132" s="22" t="s">
        <v>268</v>
      </c>
      <c r="O132" s="22" t="s">
        <v>268</v>
      </c>
      <c r="P132" s="22" t="s">
        <v>268</v>
      </c>
      <c r="Q132" s="22" t="s">
        <v>268</v>
      </c>
    </row>
    <row r="133" spans="1:17">
      <c r="A133" s="21" t="s">
        <v>232</v>
      </c>
      <c r="B133" s="21" t="s">
        <v>237</v>
      </c>
      <c r="C133" s="21" t="s">
        <v>264</v>
      </c>
      <c r="D133" s="21" t="s">
        <v>216</v>
      </c>
      <c r="E133" s="21" t="s">
        <v>685</v>
      </c>
      <c r="F133" s="21" t="s">
        <v>425</v>
      </c>
      <c r="G133" s="16">
        <v>80630</v>
      </c>
      <c r="H133" s="16">
        <v>43938</v>
      </c>
      <c r="I133" s="16">
        <v>39154</v>
      </c>
      <c r="J133" s="16">
        <v>1692</v>
      </c>
      <c r="K133" s="16">
        <v>4784</v>
      </c>
      <c r="L133" s="16">
        <v>2088</v>
      </c>
      <c r="M133" s="16">
        <v>34604</v>
      </c>
      <c r="N133" s="22" t="s">
        <v>268</v>
      </c>
      <c r="O133" s="16">
        <v>2848</v>
      </c>
      <c r="P133" s="16">
        <v>36</v>
      </c>
      <c r="Q133" s="22" t="s">
        <v>268</v>
      </c>
    </row>
    <row r="134" spans="1:17">
      <c r="A134" s="21" t="s">
        <v>232</v>
      </c>
      <c r="B134" s="21" t="s">
        <v>237</v>
      </c>
      <c r="C134" s="21" t="s">
        <v>264</v>
      </c>
      <c r="D134" s="21" t="s">
        <v>216</v>
      </c>
      <c r="E134" s="21" t="s">
        <v>685</v>
      </c>
      <c r="F134" s="21" t="s">
        <v>426</v>
      </c>
      <c r="G134" s="16">
        <v>15657</v>
      </c>
      <c r="H134" s="16">
        <v>6249</v>
      </c>
      <c r="I134" s="16">
        <v>4764</v>
      </c>
      <c r="J134" s="16">
        <v>200</v>
      </c>
      <c r="K134" s="16">
        <v>1485</v>
      </c>
      <c r="L134" s="16">
        <v>209</v>
      </c>
      <c r="M134" s="16">
        <v>9199</v>
      </c>
      <c r="N134" s="22" t="s">
        <v>268</v>
      </c>
      <c r="O134" s="16">
        <v>868</v>
      </c>
      <c r="P134" s="16">
        <v>170</v>
      </c>
      <c r="Q134" s="16">
        <v>9199</v>
      </c>
    </row>
    <row r="135" spans="1:17">
      <c r="A135" s="21" t="s">
        <v>232</v>
      </c>
      <c r="B135" s="21" t="s">
        <v>237</v>
      </c>
      <c r="C135" s="21" t="s">
        <v>264</v>
      </c>
      <c r="D135" s="21" t="s">
        <v>216</v>
      </c>
      <c r="E135" s="21" t="s">
        <v>685</v>
      </c>
      <c r="F135" s="21" t="s">
        <v>720</v>
      </c>
      <c r="G135" s="16">
        <v>8102</v>
      </c>
      <c r="H135" s="22" t="s">
        <v>268</v>
      </c>
      <c r="I135" s="22" t="s">
        <v>268</v>
      </c>
      <c r="J135" s="22" t="s">
        <v>268</v>
      </c>
      <c r="K135" s="22" t="s">
        <v>268</v>
      </c>
      <c r="L135" s="22" t="s">
        <v>268</v>
      </c>
      <c r="M135" s="16">
        <v>7726</v>
      </c>
      <c r="N135" s="16">
        <v>376</v>
      </c>
      <c r="O135" s="22" t="s">
        <v>268</v>
      </c>
      <c r="P135" s="22" t="s">
        <v>268</v>
      </c>
      <c r="Q135" s="22" t="s">
        <v>268</v>
      </c>
    </row>
    <row r="136" spans="1:17">
      <c r="A136" s="21" t="s">
        <v>232</v>
      </c>
      <c r="B136" s="21" t="s">
        <v>237</v>
      </c>
      <c r="C136" s="21" t="s">
        <v>264</v>
      </c>
      <c r="D136" s="21" t="s">
        <v>216</v>
      </c>
      <c r="E136" s="21" t="s">
        <v>685</v>
      </c>
      <c r="F136" s="21" t="s">
        <v>427</v>
      </c>
      <c r="G136" s="16">
        <v>20813</v>
      </c>
      <c r="H136" s="16">
        <v>8829</v>
      </c>
      <c r="I136" s="16">
        <v>6838</v>
      </c>
      <c r="J136" s="16">
        <v>272</v>
      </c>
      <c r="K136" s="16">
        <v>1991</v>
      </c>
      <c r="L136" s="16">
        <v>307</v>
      </c>
      <c r="M136" s="16">
        <v>11677</v>
      </c>
      <c r="N136" s="22" t="s">
        <v>268</v>
      </c>
      <c r="O136" s="16">
        <v>1251</v>
      </c>
      <c r="P136" s="16">
        <v>206</v>
      </c>
      <c r="Q136" s="16">
        <v>9199</v>
      </c>
    </row>
    <row r="137" spans="1:17">
      <c r="A137" s="21" t="s">
        <v>232</v>
      </c>
      <c r="B137" s="21" t="s">
        <v>237</v>
      </c>
      <c r="C137" s="21" t="s">
        <v>264</v>
      </c>
      <c r="D137" s="21" t="s">
        <v>216</v>
      </c>
      <c r="E137" s="21" t="s">
        <v>685</v>
      </c>
      <c r="F137" s="21" t="s">
        <v>428</v>
      </c>
      <c r="G137" s="16">
        <v>7272</v>
      </c>
      <c r="H137" s="16">
        <v>2669</v>
      </c>
      <c r="I137" s="16">
        <v>1973</v>
      </c>
      <c r="J137" s="16">
        <v>40</v>
      </c>
      <c r="K137" s="16">
        <v>696</v>
      </c>
      <c r="L137" s="16">
        <v>83</v>
      </c>
      <c r="M137" s="16">
        <v>4520</v>
      </c>
      <c r="N137" s="22" t="s">
        <v>268</v>
      </c>
      <c r="O137" s="16">
        <v>402</v>
      </c>
      <c r="P137" s="16">
        <v>38</v>
      </c>
      <c r="Q137" s="16">
        <v>4520</v>
      </c>
    </row>
    <row r="138" spans="1:17">
      <c r="A138" s="21" t="s">
        <v>232</v>
      </c>
      <c r="B138" s="21" t="s">
        <v>237</v>
      </c>
      <c r="C138" s="21" t="s">
        <v>264</v>
      </c>
      <c r="D138" s="21" t="s">
        <v>216</v>
      </c>
      <c r="E138" s="21" t="s">
        <v>685</v>
      </c>
      <c r="F138" s="21" t="s">
        <v>429</v>
      </c>
      <c r="G138" s="16">
        <v>2255</v>
      </c>
      <c r="H138" s="16">
        <v>829</v>
      </c>
      <c r="I138" s="16">
        <v>614</v>
      </c>
      <c r="J138" s="16">
        <v>8</v>
      </c>
      <c r="K138" s="16">
        <v>215</v>
      </c>
      <c r="L138" s="16">
        <v>15</v>
      </c>
      <c r="M138" s="16">
        <v>1411</v>
      </c>
      <c r="N138" s="22" t="s">
        <v>268</v>
      </c>
      <c r="O138" s="16">
        <v>125</v>
      </c>
      <c r="P138" s="16">
        <v>8</v>
      </c>
      <c r="Q138" s="16">
        <v>1411</v>
      </c>
    </row>
    <row r="139" spans="1:17">
      <c r="A139" s="21" t="s">
        <v>232</v>
      </c>
      <c r="B139" s="21" t="s">
        <v>237</v>
      </c>
      <c r="C139" s="21" t="s">
        <v>264</v>
      </c>
      <c r="D139" s="21" t="s">
        <v>216</v>
      </c>
      <c r="E139" s="21" t="s">
        <v>686</v>
      </c>
      <c r="F139" s="21" t="s">
        <v>214</v>
      </c>
      <c r="G139" s="16">
        <v>4269</v>
      </c>
      <c r="H139" s="16">
        <v>1371</v>
      </c>
      <c r="I139" s="16">
        <v>1233</v>
      </c>
      <c r="J139" s="16">
        <v>74</v>
      </c>
      <c r="K139" s="16">
        <v>138</v>
      </c>
      <c r="L139" s="16">
        <v>59</v>
      </c>
      <c r="M139" s="16">
        <v>2823</v>
      </c>
      <c r="N139" s="16">
        <v>16</v>
      </c>
      <c r="O139" s="16">
        <v>94</v>
      </c>
      <c r="P139" s="16">
        <v>4</v>
      </c>
      <c r="Q139" s="16">
        <v>95</v>
      </c>
    </row>
    <row r="140" spans="1:17">
      <c r="A140" s="21" t="s">
        <v>232</v>
      </c>
      <c r="B140" s="21" t="s">
        <v>237</v>
      </c>
      <c r="C140" s="21" t="s">
        <v>264</v>
      </c>
      <c r="D140" s="21" t="s">
        <v>216</v>
      </c>
      <c r="E140" s="21" t="s">
        <v>686</v>
      </c>
      <c r="F140" s="21" t="s">
        <v>424</v>
      </c>
      <c r="G140" s="22" t="s">
        <v>268</v>
      </c>
      <c r="H140" s="22" t="s">
        <v>268</v>
      </c>
      <c r="I140" s="22" t="s">
        <v>268</v>
      </c>
      <c r="J140" s="22" t="s">
        <v>268</v>
      </c>
      <c r="K140" s="22" t="s">
        <v>268</v>
      </c>
      <c r="L140" s="22" t="s">
        <v>268</v>
      </c>
      <c r="M140" s="22" t="s">
        <v>268</v>
      </c>
      <c r="N140" s="22" t="s">
        <v>268</v>
      </c>
      <c r="O140" s="22" t="s">
        <v>268</v>
      </c>
      <c r="P140" s="22" t="s">
        <v>268</v>
      </c>
      <c r="Q140" s="22" t="s">
        <v>268</v>
      </c>
    </row>
    <row r="141" spans="1:17">
      <c r="A141" s="21" t="s">
        <v>232</v>
      </c>
      <c r="B141" s="21" t="s">
        <v>237</v>
      </c>
      <c r="C141" s="21" t="s">
        <v>264</v>
      </c>
      <c r="D141" s="21" t="s">
        <v>216</v>
      </c>
      <c r="E141" s="21" t="s">
        <v>686</v>
      </c>
      <c r="F141" s="21" t="s">
        <v>425</v>
      </c>
      <c r="G141" s="16">
        <v>3926</v>
      </c>
      <c r="H141" s="16">
        <v>1301</v>
      </c>
      <c r="I141" s="16">
        <v>1181</v>
      </c>
      <c r="J141" s="16">
        <v>70</v>
      </c>
      <c r="K141" s="16">
        <v>120</v>
      </c>
      <c r="L141" s="16">
        <v>59</v>
      </c>
      <c r="M141" s="16">
        <v>2566</v>
      </c>
      <c r="N141" s="22" t="s">
        <v>268</v>
      </c>
      <c r="O141" s="16">
        <v>80</v>
      </c>
      <c r="P141" s="16">
        <v>2</v>
      </c>
      <c r="Q141" s="22" t="s">
        <v>268</v>
      </c>
    </row>
    <row r="142" spans="1:17">
      <c r="A142" s="21" t="s">
        <v>232</v>
      </c>
      <c r="B142" s="21" t="s">
        <v>237</v>
      </c>
      <c r="C142" s="21" t="s">
        <v>264</v>
      </c>
      <c r="D142" s="21" t="s">
        <v>216</v>
      </c>
      <c r="E142" s="21" t="s">
        <v>686</v>
      </c>
      <c r="F142" s="21" t="s">
        <v>426</v>
      </c>
      <c r="G142" s="16">
        <v>165</v>
      </c>
      <c r="H142" s="16">
        <v>70</v>
      </c>
      <c r="I142" s="16">
        <v>52</v>
      </c>
      <c r="J142" s="16">
        <v>4</v>
      </c>
      <c r="K142" s="16">
        <v>18</v>
      </c>
      <c r="L142" s="22" t="s">
        <v>268</v>
      </c>
      <c r="M142" s="16">
        <v>95</v>
      </c>
      <c r="N142" s="22" t="s">
        <v>268</v>
      </c>
      <c r="O142" s="16">
        <v>14</v>
      </c>
      <c r="P142" s="16">
        <v>2</v>
      </c>
      <c r="Q142" s="16">
        <v>95</v>
      </c>
    </row>
    <row r="143" spans="1:17">
      <c r="A143" s="21" t="s">
        <v>232</v>
      </c>
      <c r="B143" s="21" t="s">
        <v>237</v>
      </c>
      <c r="C143" s="21" t="s">
        <v>264</v>
      </c>
      <c r="D143" s="21" t="s">
        <v>216</v>
      </c>
      <c r="E143" s="21" t="s">
        <v>686</v>
      </c>
      <c r="F143" s="21" t="s">
        <v>720</v>
      </c>
      <c r="G143" s="16">
        <v>178</v>
      </c>
      <c r="H143" s="22" t="s">
        <v>268</v>
      </c>
      <c r="I143" s="22" t="s">
        <v>268</v>
      </c>
      <c r="J143" s="22" t="s">
        <v>268</v>
      </c>
      <c r="K143" s="22" t="s">
        <v>268</v>
      </c>
      <c r="L143" s="22" t="s">
        <v>268</v>
      </c>
      <c r="M143" s="16">
        <v>162</v>
      </c>
      <c r="N143" s="16">
        <v>16</v>
      </c>
      <c r="O143" s="22" t="s">
        <v>268</v>
      </c>
      <c r="P143" s="22" t="s">
        <v>268</v>
      </c>
      <c r="Q143" s="22" t="s">
        <v>268</v>
      </c>
    </row>
    <row r="144" spans="1:17">
      <c r="A144" s="21" t="s">
        <v>232</v>
      </c>
      <c r="B144" s="21" t="s">
        <v>237</v>
      </c>
      <c r="C144" s="21" t="s">
        <v>264</v>
      </c>
      <c r="D144" s="21" t="s">
        <v>216</v>
      </c>
      <c r="E144" s="21" t="s">
        <v>686</v>
      </c>
      <c r="F144" s="21" t="s">
        <v>427</v>
      </c>
      <c r="G144" s="16">
        <v>260</v>
      </c>
      <c r="H144" s="16">
        <v>109</v>
      </c>
      <c r="I144" s="16">
        <v>73</v>
      </c>
      <c r="J144" s="16">
        <v>8</v>
      </c>
      <c r="K144" s="16">
        <v>36</v>
      </c>
      <c r="L144" s="16">
        <v>2</v>
      </c>
      <c r="M144" s="16">
        <v>149</v>
      </c>
      <c r="N144" s="22" t="s">
        <v>268</v>
      </c>
      <c r="O144" s="16">
        <v>22</v>
      </c>
      <c r="P144" s="16">
        <v>4</v>
      </c>
      <c r="Q144" s="16">
        <v>95</v>
      </c>
    </row>
    <row r="145" spans="1:17">
      <c r="A145" s="21" t="s">
        <v>232</v>
      </c>
      <c r="B145" s="21" t="s">
        <v>237</v>
      </c>
      <c r="C145" s="21" t="s">
        <v>264</v>
      </c>
      <c r="D145" s="21" t="s">
        <v>216</v>
      </c>
      <c r="E145" s="21" t="s">
        <v>686</v>
      </c>
      <c r="F145" s="21" t="s">
        <v>428</v>
      </c>
      <c r="G145" s="16">
        <v>61</v>
      </c>
      <c r="H145" s="16">
        <v>35</v>
      </c>
      <c r="I145" s="16">
        <v>19</v>
      </c>
      <c r="J145" s="22" t="s">
        <v>268</v>
      </c>
      <c r="K145" s="16">
        <v>16</v>
      </c>
      <c r="L145" s="22" t="s">
        <v>268</v>
      </c>
      <c r="M145" s="16">
        <v>26</v>
      </c>
      <c r="N145" s="22" t="s">
        <v>268</v>
      </c>
      <c r="O145" s="16">
        <v>14</v>
      </c>
      <c r="P145" s="22" t="s">
        <v>268</v>
      </c>
      <c r="Q145" s="16">
        <v>26</v>
      </c>
    </row>
    <row r="146" spans="1:17">
      <c r="A146" s="21" t="s">
        <v>232</v>
      </c>
      <c r="B146" s="21" t="s">
        <v>237</v>
      </c>
      <c r="C146" s="21" t="s">
        <v>264</v>
      </c>
      <c r="D146" s="21" t="s">
        <v>216</v>
      </c>
      <c r="E146" s="21" t="s">
        <v>686</v>
      </c>
      <c r="F146" s="21" t="s">
        <v>429</v>
      </c>
      <c r="G146" s="16">
        <v>20</v>
      </c>
      <c r="H146" s="16">
        <v>14</v>
      </c>
      <c r="I146" s="16">
        <v>7</v>
      </c>
      <c r="J146" s="22" t="s">
        <v>268</v>
      </c>
      <c r="K146" s="16">
        <v>7</v>
      </c>
      <c r="L146" s="22" t="s">
        <v>268</v>
      </c>
      <c r="M146" s="16">
        <v>6</v>
      </c>
      <c r="N146" s="22" t="s">
        <v>268</v>
      </c>
      <c r="O146" s="16">
        <v>5</v>
      </c>
      <c r="P146" s="22" t="s">
        <v>268</v>
      </c>
      <c r="Q146" s="16">
        <v>6</v>
      </c>
    </row>
    <row r="147" spans="1:17">
      <c r="A147" s="21" t="s">
        <v>232</v>
      </c>
      <c r="B147" s="21" t="s">
        <v>237</v>
      </c>
      <c r="C147" s="21" t="s">
        <v>264</v>
      </c>
      <c r="D147" s="21" t="s">
        <v>216</v>
      </c>
      <c r="E147" s="21" t="s">
        <v>687</v>
      </c>
      <c r="F147" s="21" t="s">
        <v>214</v>
      </c>
      <c r="G147" s="16">
        <v>4822</v>
      </c>
      <c r="H147" s="16">
        <v>2409</v>
      </c>
      <c r="I147" s="16">
        <v>2170</v>
      </c>
      <c r="J147" s="16">
        <v>32</v>
      </c>
      <c r="K147" s="16">
        <v>239</v>
      </c>
      <c r="L147" s="16">
        <v>19</v>
      </c>
      <c r="M147" s="16">
        <v>2394</v>
      </c>
      <c r="N147" s="22" t="s">
        <v>268</v>
      </c>
      <c r="O147" s="16">
        <v>154</v>
      </c>
      <c r="P147" s="16">
        <v>8</v>
      </c>
      <c r="Q147" s="16">
        <v>635</v>
      </c>
    </row>
    <row r="148" spans="1:17">
      <c r="A148" s="21" t="s">
        <v>232</v>
      </c>
      <c r="B148" s="21" t="s">
        <v>237</v>
      </c>
      <c r="C148" s="21" t="s">
        <v>264</v>
      </c>
      <c r="D148" s="21" t="s">
        <v>216</v>
      </c>
      <c r="E148" s="21" t="s">
        <v>687</v>
      </c>
      <c r="F148" s="21" t="s">
        <v>424</v>
      </c>
      <c r="G148" s="22" t="s">
        <v>268</v>
      </c>
      <c r="H148" s="22" t="s">
        <v>268</v>
      </c>
      <c r="I148" s="22" t="s">
        <v>268</v>
      </c>
      <c r="J148" s="22" t="s">
        <v>268</v>
      </c>
      <c r="K148" s="22" t="s">
        <v>268</v>
      </c>
      <c r="L148" s="22" t="s">
        <v>268</v>
      </c>
      <c r="M148" s="22" t="s">
        <v>268</v>
      </c>
      <c r="N148" s="22" t="s">
        <v>268</v>
      </c>
      <c r="O148" s="22" t="s">
        <v>268</v>
      </c>
      <c r="P148" s="22" t="s">
        <v>268</v>
      </c>
      <c r="Q148" s="22" t="s">
        <v>268</v>
      </c>
    </row>
    <row r="149" spans="1:17">
      <c r="A149" s="21" t="s">
        <v>232</v>
      </c>
      <c r="B149" s="21" t="s">
        <v>237</v>
      </c>
      <c r="C149" s="21" t="s">
        <v>264</v>
      </c>
      <c r="D149" s="21" t="s">
        <v>216</v>
      </c>
      <c r="E149" s="21" t="s">
        <v>687</v>
      </c>
      <c r="F149" s="21" t="s">
        <v>425</v>
      </c>
      <c r="G149" s="16">
        <v>3913</v>
      </c>
      <c r="H149" s="16">
        <v>2172</v>
      </c>
      <c r="I149" s="16">
        <v>2008</v>
      </c>
      <c r="J149" s="16">
        <v>24</v>
      </c>
      <c r="K149" s="16">
        <v>164</v>
      </c>
      <c r="L149" s="16">
        <v>11</v>
      </c>
      <c r="M149" s="16">
        <v>1730</v>
      </c>
      <c r="N149" s="22" t="s">
        <v>268</v>
      </c>
      <c r="O149" s="16">
        <v>108</v>
      </c>
      <c r="P149" s="22" t="s">
        <v>268</v>
      </c>
      <c r="Q149" s="22" t="s">
        <v>268</v>
      </c>
    </row>
    <row r="150" spans="1:17">
      <c r="A150" s="21" t="s">
        <v>232</v>
      </c>
      <c r="B150" s="21" t="s">
        <v>237</v>
      </c>
      <c r="C150" s="21" t="s">
        <v>264</v>
      </c>
      <c r="D150" s="21" t="s">
        <v>216</v>
      </c>
      <c r="E150" s="21" t="s">
        <v>687</v>
      </c>
      <c r="F150" s="21" t="s">
        <v>426</v>
      </c>
      <c r="G150" s="16">
        <v>880</v>
      </c>
      <c r="H150" s="16">
        <v>237</v>
      </c>
      <c r="I150" s="16">
        <v>162</v>
      </c>
      <c r="J150" s="16">
        <v>8</v>
      </c>
      <c r="K150" s="16">
        <v>75</v>
      </c>
      <c r="L150" s="16">
        <v>8</v>
      </c>
      <c r="M150" s="16">
        <v>635</v>
      </c>
      <c r="N150" s="22" t="s">
        <v>268</v>
      </c>
      <c r="O150" s="16">
        <v>46</v>
      </c>
      <c r="P150" s="16">
        <v>8</v>
      </c>
      <c r="Q150" s="16">
        <v>635</v>
      </c>
    </row>
    <row r="151" spans="1:17">
      <c r="A151" s="21" t="s">
        <v>232</v>
      </c>
      <c r="B151" s="21" t="s">
        <v>237</v>
      </c>
      <c r="C151" s="21" t="s">
        <v>264</v>
      </c>
      <c r="D151" s="21" t="s">
        <v>216</v>
      </c>
      <c r="E151" s="21" t="s">
        <v>687</v>
      </c>
      <c r="F151" s="21" t="s">
        <v>720</v>
      </c>
      <c r="G151" s="16">
        <v>29</v>
      </c>
      <c r="H151" s="22" t="s">
        <v>268</v>
      </c>
      <c r="I151" s="22" t="s">
        <v>268</v>
      </c>
      <c r="J151" s="22" t="s">
        <v>268</v>
      </c>
      <c r="K151" s="22" t="s">
        <v>268</v>
      </c>
      <c r="L151" s="22" t="s">
        <v>268</v>
      </c>
      <c r="M151" s="16">
        <v>29</v>
      </c>
      <c r="N151" s="22" t="s">
        <v>268</v>
      </c>
      <c r="O151" s="22" t="s">
        <v>268</v>
      </c>
      <c r="P151" s="22" t="s">
        <v>268</v>
      </c>
      <c r="Q151" s="22" t="s">
        <v>268</v>
      </c>
    </row>
    <row r="152" spans="1:17">
      <c r="A152" s="21" t="s">
        <v>232</v>
      </c>
      <c r="B152" s="21" t="s">
        <v>237</v>
      </c>
      <c r="C152" s="21" t="s">
        <v>264</v>
      </c>
      <c r="D152" s="21" t="s">
        <v>216</v>
      </c>
      <c r="E152" s="21" t="s">
        <v>687</v>
      </c>
      <c r="F152" s="21" t="s">
        <v>427</v>
      </c>
      <c r="G152" s="16">
        <v>1076</v>
      </c>
      <c r="H152" s="16">
        <v>320</v>
      </c>
      <c r="I152" s="16">
        <v>219</v>
      </c>
      <c r="J152" s="16">
        <v>8</v>
      </c>
      <c r="K152" s="16">
        <v>101</v>
      </c>
      <c r="L152" s="16">
        <v>10</v>
      </c>
      <c r="M152" s="16">
        <v>746</v>
      </c>
      <c r="N152" s="22" t="s">
        <v>268</v>
      </c>
      <c r="O152" s="16">
        <v>66</v>
      </c>
      <c r="P152" s="16">
        <v>8</v>
      </c>
      <c r="Q152" s="16">
        <v>635</v>
      </c>
    </row>
    <row r="153" spans="1:17">
      <c r="A153" s="21" t="s">
        <v>232</v>
      </c>
      <c r="B153" s="21" t="s">
        <v>237</v>
      </c>
      <c r="C153" s="21" t="s">
        <v>264</v>
      </c>
      <c r="D153" s="21" t="s">
        <v>216</v>
      </c>
      <c r="E153" s="21" t="s">
        <v>687</v>
      </c>
      <c r="F153" s="21" t="s">
        <v>428</v>
      </c>
      <c r="G153" s="16">
        <v>494</v>
      </c>
      <c r="H153" s="16">
        <v>116</v>
      </c>
      <c r="I153" s="16">
        <v>77</v>
      </c>
      <c r="J153" s="16">
        <v>4</v>
      </c>
      <c r="K153" s="16">
        <v>39</v>
      </c>
      <c r="L153" s="16">
        <v>2</v>
      </c>
      <c r="M153" s="16">
        <v>376</v>
      </c>
      <c r="N153" s="22" t="s">
        <v>268</v>
      </c>
      <c r="O153" s="16">
        <v>21</v>
      </c>
      <c r="P153" s="16">
        <v>4</v>
      </c>
      <c r="Q153" s="16">
        <v>376</v>
      </c>
    </row>
    <row r="154" spans="1:17">
      <c r="A154" s="21" t="s">
        <v>232</v>
      </c>
      <c r="B154" s="21" t="s">
        <v>237</v>
      </c>
      <c r="C154" s="21" t="s">
        <v>264</v>
      </c>
      <c r="D154" s="21" t="s">
        <v>216</v>
      </c>
      <c r="E154" s="21" t="s">
        <v>687</v>
      </c>
      <c r="F154" s="21" t="s">
        <v>429</v>
      </c>
      <c r="G154" s="16">
        <v>212</v>
      </c>
      <c r="H154" s="16">
        <v>35</v>
      </c>
      <c r="I154" s="16">
        <v>20</v>
      </c>
      <c r="J154" s="22" t="s">
        <v>268</v>
      </c>
      <c r="K154" s="16">
        <v>15</v>
      </c>
      <c r="L154" s="22" t="s">
        <v>268</v>
      </c>
      <c r="M154" s="16">
        <v>177</v>
      </c>
      <c r="N154" s="22" t="s">
        <v>268</v>
      </c>
      <c r="O154" s="16">
        <v>7</v>
      </c>
      <c r="P154" s="22" t="s">
        <v>268</v>
      </c>
      <c r="Q154" s="16">
        <v>177</v>
      </c>
    </row>
    <row r="155" spans="1:17">
      <c r="A155" s="21" t="s">
        <v>232</v>
      </c>
      <c r="B155" s="21" t="s">
        <v>237</v>
      </c>
      <c r="C155" s="21" t="s">
        <v>264</v>
      </c>
      <c r="D155" s="21" t="s">
        <v>216</v>
      </c>
      <c r="E155" s="21" t="s">
        <v>688</v>
      </c>
      <c r="F155" s="21" t="s">
        <v>214</v>
      </c>
      <c r="G155" s="16">
        <v>4952</v>
      </c>
      <c r="H155" s="16">
        <v>1477</v>
      </c>
      <c r="I155" s="16">
        <v>1264</v>
      </c>
      <c r="J155" s="16">
        <v>22</v>
      </c>
      <c r="K155" s="16">
        <v>213</v>
      </c>
      <c r="L155" s="16">
        <v>37</v>
      </c>
      <c r="M155" s="16">
        <v>3435</v>
      </c>
      <c r="N155" s="16">
        <v>3</v>
      </c>
      <c r="O155" s="16">
        <v>174</v>
      </c>
      <c r="P155" s="16">
        <v>4</v>
      </c>
      <c r="Q155" s="16">
        <v>241</v>
      </c>
    </row>
    <row r="156" spans="1:17">
      <c r="A156" s="21" t="s">
        <v>232</v>
      </c>
      <c r="B156" s="21" t="s">
        <v>237</v>
      </c>
      <c r="C156" s="21" t="s">
        <v>264</v>
      </c>
      <c r="D156" s="21" t="s">
        <v>216</v>
      </c>
      <c r="E156" s="21" t="s">
        <v>688</v>
      </c>
      <c r="F156" s="21" t="s">
        <v>424</v>
      </c>
      <c r="G156" s="22" t="s">
        <v>268</v>
      </c>
      <c r="H156" s="22" t="s">
        <v>268</v>
      </c>
      <c r="I156" s="22" t="s">
        <v>268</v>
      </c>
      <c r="J156" s="22" t="s">
        <v>268</v>
      </c>
      <c r="K156" s="22" t="s">
        <v>268</v>
      </c>
      <c r="L156" s="22" t="s">
        <v>268</v>
      </c>
      <c r="M156" s="22" t="s">
        <v>268</v>
      </c>
      <c r="N156" s="22" t="s">
        <v>268</v>
      </c>
      <c r="O156" s="22" t="s">
        <v>268</v>
      </c>
      <c r="P156" s="22" t="s">
        <v>268</v>
      </c>
      <c r="Q156" s="22" t="s">
        <v>268</v>
      </c>
    </row>
    <row r="157" spans="1:17">
      <c r="A157" s="21" t="s">
        <v>232</v>
      </c>
      <c r="B157" s="21" t="s">
        <v>237</v>
      </c>
      <c r="C157" s="21" t="s">
        <v>264</v>
      </c>
      <c r="D157" s="21" t="s">
        <v>216</v>
      </c>
      <c r="E157" s="21" t="s">
        <v>688</v>
      </c>
      <c r="F157" s="21" t="s">
        <v>425</v>
      </c>
      <c r="G157" s="16">
        <v>4451</v>
      </c>
      <c r="H157" s="16">
        <v>1310</v>
      </c>
      <c r="I157" s="16">
        <v>1158</v>
      </c>
      <c r="J157" s="16">
        <v>18</v>
      </c>
      <c r="K157" s="16">
        <v>152</v>
      </c>
      <c r="L157" s="16">
        <v>35</v>
      </c>
      <c r="M157" s="16">
        <v>3106</v>
      </c>
      <c r="N157" s="22" t="s">
        <v>268</v>
      </c>
      <c r="O157" s="16">
        <v>137</v>
      </c>
      <c r="P157" s="22" t="s">
        <v>268</v>
      </c>
      <c r="Q157" s="22" t="s">
        <v>268</v>
      </c>
    </row>
    <row r="158" spans="1:17">
      <c r="A158" s="21" t="s">
        <v>232</v>
      </c>
      <c r="B158" s="21" t="s">
        <v>237</v>
      </c>
      <c r="C158" s="21" t="s">
        <v>264</v>
      </c>
      <c r="D158" s="21" t="s">
        <v>216</v>
      </c>
      <c r="E158" s="21" t="s">
        <v>688</v>
      </c>
      <c r="F158" s="21" t="s">
        <v>426</v>
      </c>
      <c r="G158" s="16">
        <v>410</v>
      </c>
      <c r="H158" s="16">
        <v>167</v>
      </c>
      <c r="I158" s="16">
        <v>106</v>
      </c>
      <c r="J158" s="16">
        <v>4</v>
      </c>
      <c r="K158" s="16">
        <v>61</v>
      </c>
      <c r="L158" s="16">
        <v>2</v>
      </c>
      <c r="M158" s="16">
        <v>241</v>
      </c>
      <c r="N158" s="22" t="s">
        <v>268</v>
      </c>
      <c r="O158" s="16">
        <v>37</v>
      </c>
      <c r="P158" s="16">
        <v>4</v>
      </c>
      <c r="Q158" s="16">
        <v>241</v>
      </c>
    </row>
    <row r="159" spans="1:17">
      <c r="A159" s="21" t="s">
        <v>232</v>
      </c>
      <c r="B159" s="21" t="s">
        <v>237</v>
      </c>
      <c r="C159" s="21" t="s">
        <v>264</v>
      </c>
      <c r="D159" s="21" t="s">
        <v>216</v>
      </c>
      <c r="E159" s="21" t="s">
        <v>688</v>
      </c>
      <c r="F159" s="21" t="s">
        <v>720</v>
      </c>
      <c r="G159" s="16">
        <v>91</v>
      </c>
      <c r="H159" s="22" t="s">
        <v>268</v>
      </c>
      <c r="I159" s="22" t="s">
        <v>268</v>
      </c>
      <c r="J159" s="22" t="s">
        <v>268</v>
      </c>
      <c r="K159" s="22" t="s">
        <v>268</v>
      </c>
      <c r="L159" s="22" t="s">
        <v>268</v>
      </c>
      <c r="M159" s="16">
        <v>88</v>
      </c>
      <c r="N159" s="16">
        <v>3</v>
      </c>
      <c r="O159" s="22" t="s">
        <v>268</v>
      </c>
      <c r="P159" s="22" t="s">
        <v>268</v>
      </c>
      <c r="Q159" s="22" t="s">
        <v>268</v>
      </c>
    </row>
    <row r="160" spans="1:17">
      <c r="A160" s="21" t="s">
        <v>232</v>
      </c>
      <c r="B160" s="21" t="s">
        <v>237</v>
      </c>
      <c r="C160" s="21" t="s">
        <v>264</v>
      </c>
      <c r="D160" s="21" t="s">
        <v>216</v>
      </c>
      <c r="E160" s="21" t="s">
        <v>688</v>
      </c>
      <c r="F160" s="21" t="s">
        <v>427</v>
      </c>
      <c r="G160" s="16">
        <v>517</v>
      </c>
      <c r="H160" s="16">
        <v>215</v>
      </c>
      <c r="I160" s="16">
        <v>137</v>
      </c>
      <c r="J160" s="16">
        <v>4</v>
      </c>
      <c r="K160" s="16">
        <v>78</v>
      </c>
      <c r="L160" s="16">
        <v>5</v>
      </c>
      <c r="M160" s="16">
        <v>297</v>
      </c>
      <c r="N160" s="22" t="s">
        <v>268</v>
      </c>
      <c r="O160" s="16">
        <v>52</v>
      </c>
      <c r="P160" s="16">
        <v>4</v>
      </c>
      <c r="Q160" s="16">
        <v>241</v>
      </c>
    </row>
    <row r="161" spans="1:17">
      <c r="A161" s="21" t="s">
        <v>232</v>
      </c>
      <c r="B161" s="21" t="s">
        <v>237</v>
      </c>
      <c r="C161" s="21" t="s">
        <v>264</v>
      </c>
      <c r="D161" s="21" t="s">
        <v>216</v>
      </c>
      <c r="E161" s="21" t="s">
        <v>688</v>
      </c>
      <c r="F161" s="21" t="s">
        <v>428</v>
      </c>
      <c r="G161" s="16">
        <v>234</v>
      </c>
      <c r="H161" s="16">
        <v>100</v>
      </c>
      <c r="I161" s="16">
        <v>64</v>
      </c>
      <c r="J161" s="16">
        <v>2</v>
      </c>
      <c r="K161" s="16">
        <v>36</v>
      </c>
      <c r="L161" s="16">
        <v>2</v>
      </c>
      <c r="M161" s="16">
        <v>132</v>
      </c>
      <c r="N161" s="22" t="s">
        <v>268</v>
      </c>
      <c r="O161" s="16">
        <v>14</v>
      </c>
      <c r="P161" s="16">
        <v>2</v>
      </c>
      <c r="Q161" s="16">
        <v>132</v>
      </c>
    </row>
    <row r="162" spans="1:17">
      <c r="A162" s="21" t="s">
        <v>232</v>
      </c>
      <c r="B162" s="21" t="s">
        <v>237</v>
      </c>
      <c r="C162" s="21" t="s">
        <v>264</v>
      </c>
      <c r="D162" s="21" t="s">
        <v>216</v>
      </c>
      <c r="E162" s="21" t="s">
        <v>688</v>
      </c>
      <c r="F162" s="21" t="s">
        <v>429</v>
      </c>
      <c r="G162" s="16">
        <v>95</v>
      </c>
      <c r="H162" s="16">
        <v>38</v>
      </c>
      <c r="I162" s="16">
        <v>25</v>
      </c>
      <c r="J162" s="22" t="s">
        <v>268</v>
      </c>
      <c r="K162" s="16">
        <v>13</v>
      </c>
      <c r="L162" s="22" t="s">
        <v>268</v>
      </c>
      <c r="M162" s="16">
        <v>57</v>
      </c>
      <c r="N162" s="22" t="s">
        <v>268</v>
      </c>
      <c r="O162" s="22" t="s">
        <v>268</v>
      </c>
      <c r="P162" s="22" t="s">
        <v>268</v>
      </c>
      <c r="Q162" s="16">
        <v>57</v>
      </c>
    </row>
    <row r="163" spans="1:17">
      <c r="A163" s="21" t="s">
        <v>232</v>
      </c>
      <c r="B163" s="21" t="s">
        <v>237</v>
      </c>
      <c r="C163" s="21" t="s">
        <v>264</v>
      </c>
      <c r="D163" s="21" t="s">
        <v>216</v>
      </c>
      <c r="E163" s="21" t="s">
        <v>689</v>
      </c>
      <c r="F163" s="21" t="s">
        <v>214</v>
      </c>
      <c r="G163" s="22" t="s">
        <v>268</v>
      </c>
      <c r="H163" s="22" t="s">
        <v>268</v>
      </c>
      <c r="I163" s="22" t="s">
        <v>268</v>
      </c>
      <c r="J163" s="22" t="s">
        <v>268</v>
      </c>
      <c r="K163" s="22" t="s">
        <v>268</v>
      </c>
      <c r="L163" s="22" t="s">
        <v>268</v>
      </c>
      <c r="M163" s="22" t="s">
        <v>268</v>
      </c>
      <c r="N163" s="22" t="s">
        <v>268</v>
      </c>
      <c r="O163" s="22" t="s">
        <v>268</v>
      </c>
      <c r="P163" s="22" t="s">
        <v>268</v>
      </c>
      <c r="Q163" s="22" t="s">
        <v>268</v>
      </c>
    </row>
    <row r="164" spans="1:17">
      <c r="A164" s="21" t="s">
        <v>232</v>
      </c>
      <c r="B164" s="21" t="s">
        <v>237</v>
      </c>
      <c r="C164" s="21" t="s">
        <v>264</v>
      </c>
      <c r="D164" s="21" t="s">
        <v>216</v>
      </c>
      <c r="E164" s="21" t="s">
        <v>689</v>
      </c>
      <c r="F164" s="21" t="s">
        <v>424</v>
      </c>
      <c r="G164" s="22" t="s">
        <v>268</v>
      </c>
      <c r="H164" s="22" t="s">
        <v>268</v>
      </c>
      <c r="I164" s="22" t="s">
        <v>268</v>
      </c>
      <c r="J164" s="22" t="s">
        <v>268</v>
      </c>
      <c r="K164" s="22" t="s">
        <v>268</v>
      </c>
      <c r="L164" s="22" t="s">
        <v>268</v>
      </c>
      <c r="M164" s="22" t="s">
        <v>268</v>
      </c>
      <c r="N164" s="22" t="s">
        <v>268</v>
      </c>
      <c r="O164" s="22" t="s">
        <v>268</v>
      </c>
      <c r="P164" s="22" t="s">
        <v>268</v>
      </c>
      <c r="Q164" s="22" t="s">
        <v>268</v>
      </c>
    </row>
    <row r="165" spans="1:17">
      <c r="A165" s="21" t="s">
        <v>232</v>
      </c>
      <c r="B165" s="21" t="s">
        <v>237</v>
      </c>
      <c r="C165" s="21" t="s">
        <v>264</v>
      </c>
      <c r="D165" s="21" t="s">
        <v>216</v>
      </c>
      <c r="E165" s="21" t="s">
        <v>689</v>
      </c>
      <c r="F165" s="21" t="s">
        <v>425</v>
      </c>
      <c r="G165" s="22" t="s">
        <v>268</v>
      </c>
      <c r="H165" s="22" t="s">
        <v>268</v>
      </c>
      <c r="I165" s="22" t="s">
        <v>268</v>
      </c>
      <c r="J165" s="22" t="s">
        <v>268</v>
      </c>
      <c r="K165" s="22" t="s">
        <v>268</v>
      </c>
      <c r="L165" s="22" t="s">
        <v>268</v>
      </c>
      <c r="M165" s="22" t="s">
        <v>268</v>
      </c>
      <c r="N165" s="22" t="s">
        <v>268</v>
      </c>
      <c r="O165" s="22" t="s">
        <v>268</v>
      </c>
      <c r="P165" s="22" t="s">
        <v>268</v>
      </c>
      <c r="Q165" s="22" t="s">
        <v>268</v>
      </c>
    </row>
    <row r="166" spans="1:17">
      <c r="A166" s="21" t="s">
        <v>232</v>
      </c>
      <c r="B166" s="21" t="s">
        <v>237</v>
      </c>
      <c r="C166" s="21" t="s">
        <v>264</v>
      </c>
      <c r="D166" s="21" t="s">
        <v>216</v>
      </c>
      <c r="E166" s="21" t="s">
        <v>689</v>
      </c>
      <c r="F166" s="21" t="s">
        <v>426</v>
      </c>
      <c r="G166" s="22" t="s">
        <v>268</v>
      </c>
      <c r="H166" s="22" t="s">
        <v>268</v>
      </c>
      <c r="I166" s="22" t="s">
        <v>268</v>
      </c>
      <c r="J166" s="22" t="s">
        <v>268</v>
      </c>
      <c r="K166" s="22" t="s">
        <v>268</v>
      </c>
      <c r="L166" s="22" t="s">
        <v>268</v>
      </c>
      <c r="M166" s="22" t="s">
        <v>268</v>
      </c>
      <c r="N166" s="22" t="s">
        <v>268</v>
      </c>
      <c r="O166" s="22" t="s">
        <v>268</v>
      </c>
      <c r="P166" s="22" t="s">
        <v>268</v>
      </c>
      <c r="Q166" s="22" t="s">
        <v>268</v>
      </c>
    </row>
    <row r="167" spans="1:17">
      <c r="A167" s="21" t="s">
        <v>232</v>
      </c>
      <c r="B167" s="21" t="s">
        <v>237</v>
      </c>
      <c r="C167" s="21" t="s">
        <v>264</v>
      </c>
      <c r="D167" s="21" t="s">
        <v>216</v>
      </c>
      <c r="E167" s="21" t="s">
        <v>689</v>
      </c>
      <c r="F167" s="21" t="s">
        <v>720</v>
      </c>
      <c r="G167" s="22" t="s">
        <v>268</v>
      </c>
      <c r="H167" s="22" t="s">
        <v>268</v>
      </c>
      <c r="I167" s="22" t="s">
        <v>268</v>
      </c>
      <c r="J167" s="22" t="s">
        <v>268</v>
      </c>
      <c r="K167" s="22" t="s">
        <v>268</v>
      </c>
      <c r="L167" s="22" t="s">
        <v>268</v>
      </c>
      <c r="M167" s="22" t="s">
        <v>268</v>
      </c>
      <c r="N167" s="22" t="s">
        <v>268</v>
      </c>
      <c r="O167" s="22" t="s">
        <v>268</v>
      </c>
      <c r="P167" s="22" t="s">
        <v>268</v>
      </c>
      <c r="Q167" s="22" t="s">
        <v>268</v>
      </c>
    </row>
    <row r="168" spans="1:17">
      <c r="A168" s="21" t="s">
        <v>232</v>
      </c>
      <c r="B168" s="21" t="s">
        <v>237</v>
      </c>
      <c r="C168" s="21" t="s">
        <v>264</v>
      </c>
      <c r="D168" s="21" t="s">
        <v>216</v>
      </c>
      <c r="E168" s="21" t="s">
        <v>689</v>
      </c>
      <c r="F168" s="21" t="s">
        <v>427</v>
      </c>
      <c r="G168" s="22" t="s">
        <v>268</v>
      </c>
      <c r="H168" s="22" t="s">
        <v>268</v>
      </c>
      <c r="I168" s="22" t="s">
        <v>268</v>
      </c>
      <c r="J168" s="22" t="s">
        <v>268</v>
      </c>
      <c r="K168" s="22" t="s">
        <v>268</v>
      </c>
      <c r="L168" s="22" t="s">
        <v>268</v>
      </c>
      <c r="M168" s="22" t="s">
        <v>268</v>
      </c>
      <c r="N168" s="22" t="s">
        <v>268</v>
      </c>
      <c r="O168" s="22" t="s">
        <v>268</v>
      </c>
      <c r="P168" s="22" t="s">
        <v>268</v>
      </c>
      <c r="Q168" s="22" t="s">
        <v>268</v>
      </c>
    </row>
    <row r="169" spans="1:17">
      <c r="A169" s="21" t="s">
        <v>232</v>
      </c>
      <c r="B169" s="21" t="s">
        <v>237</v>
      </c>
      <c r="C169" s="21" t="s">
        <v>264</v>
      </c>
      <c r="D169" s="21" t="s">
        <v>216</v>
      </c>
      <c r="E169" s="21" t="s">
        <v>689</v>
      </c>
      <c r="F169" s="21" t="s">
        <v>428</v>
      </c>
      <c r="G169" s="22" t="s">
        <v>268</v>
      </c>
      <c r="H169" s="22" t="s">
        <v>268</v>
      </c>
      <c r="I169" s="22" t="s">
        <v>268</v>
      </c>
      <c r="J169" s="22" t="s">
        <v>268</v>
      </c>
      <c r="K169" s="22" t="s">
        <v>268</v>
      </c>
      <c r="L169" s="22" t="s">
        <v>268</v>
      </c>
      <c r="M169" s="22" t="s">
        <v>268</v>
      </c>
      <c r="N169" s="22" t="s">
        <v>268</v>
      </c>
      <c r="O169" s="22" t="s">
        <v>268</v>
      </c>
      <c r="P169" s="22" t="s">
        <v>268</v>
      </c>
      <c r="Q169" s="22" t="s">
        <v>268</v>
      </c>
    </row>
    <row r="170" spans="1:17">
      <c r="A170" s="21" t="s">
        <v>232</v>
      </c>
      <c r="B170" s="21" t="s">
        <v>237</v>
      </c>
      <c r="C170" s="21" t="s">
        <v>264</v>
      </c>
      <c r="D170" s="21" t="s">
        <v>216</v>
      </c>
      <c r="E170" s="21" t="s">
        <v>689</v>
      </c>
      <c r="F170" s="21" t="s">
        <v>429</v>
      </c>
      <c r="G170" s="22" t="s">
        <v>268</v>
      </c>
      <c r="H170" s="22" t="s">
        <v>268</v>
      </c>
      <c r="I170" s="22" t="s">
        <v>268</v>
      </c>
      <c r="J170" s="22" t="s">
        <v>268</v>
      </c>
      <c r="K170" s="22" t="s">
        <v>268</v>
      </c>
      <c r="L170" s="22" t="s">
        <v>268</v>
      </c>
      <c r="M170" s="22" t="s">
        <v>268</v>
      </c>
      <c r="N170" s="22" t="s">
        <v>268</v>
      </c>
      <c r="O170" s="22" t="s">
        <v>268</v>
      </c>
      <c r="P170" s="22" t="s">
        <v>268</v>
      </c>
      <c r="Q170" s="22" t="s">
        <v>268</v>
      </c>
    </row>
    <row r="171" spans="1:17">
      <c r="A171" s="21" t="s">
        <v>240</v>
      </c>
      <c r="B171" s="21" t="s">
        <v>237</v>
      </c>
      <c r="C171" s="21" t="s">
        <v>265</v>
      </c>
      <c r="D171" s="21" t="s">
        <v>216</v>
      </c>
      <c r="E171" s="21" t="s">
        <v>214</v>
      </c>
      <c r="F171" s="21" t="s">
        <v>214</v>
      </c>
      <c r="G171" s="16">
        <v>25377</v>
      </c>
      <c r="H171" s="16">
        <v>16043</v>
      </c>
      <c r="I171" s="16">
        <v>10309</v>
      </c>
      <c r="J171" s="16">
        <v>242</v>
      </c>
      <c r="K171" s="16">
        <v>5734</v>
      </c>
      <c r="L171" s="16">
        <v>298</v>
      </c>
      <c r="M171" s="16">
        <v>8997</v>
      </c>
      <c r="N171" s="16">
        <v>39</v>
      </c>
      <c r="O171" s="16">
        <v>4300</v>
      </c>
      <c r="P171" s="16">
        <v>104</v>
      </c>
      <c r="Q171" s="16">
        <v>4604</v>
      </c>
    </row>
    <row r="172" spans="1:17">
      <c r="A172" s="21" t="s">
        <v>240</v>
      </c>
      <c r="B172" s="21" t="s">
        <v>237</v>
      </c>
      <c r="C172" s="21" t="s">
        <v>265</v>
      </c>
      <c r="D172" s="21" t="s">
        <v>216</v>
      </c>
      <c r="E172" s="21" t="s">
        <v>214</v>
      </c>
      <c r="F172" s="21" t="s">
        <v>424</v>
      </c>
      <c r="G172" s="22" t="s">
        <v>268</v>
      </c>
      <c r="H172" s="22" t="s">
        <v>268</v>
      </c>
      <c r="I172" s="22" t="s">
        <v>268</v>
      </c>
      <c r="J172" s="22" t="s">
        <v>268</v>
      </c>
      <c r="K172" s="22" t="s">
        <v>268</v>
      </c>
      <c r="L172" s="22" t="s">
        <v>268</v>
      </c>
      <c r="M172" s="22" t="s">
        <v>268</v>
      </c>
      <c r="N172" s="22" t="s">
        <v>268</v>
      </c>
      <c r="O172" s="22" t="s">
        <v>268</v>
      </c>
      <c r="P172" s="22" t="s">
        <v>268</v>
      </c>
      <c r="Q172" s="22" t="s">
        <v>268</v>
      </c>
    </row>
    <row r="173" spans="1:17">
      <c r="A173" s="21" t="s">
        <v>240</v>
      </c>
      <c r="B173" s="21" t="s">
        <v>237</v>
      </c>
      <c r="C173" s="21" t="s">
        <v>265</v>
      </c>
      <c r="D173" s="21" t="s">
        <v>216</v>
      </c>
      <c r="E173" s="21" t="s">
        <v>214</v>
      </c>
      <c r="F173" s="21" t="s">
        <v>425</v>
      </c>
      <c r="G173" s="16">
        <v>11809</v>
      </c>
      <c r="H173" s="16">
        <v>7707</v>
      </c>
      <c r="I173" s="16">
        <v>6101</v>
      </c>
      <c r="J173" s="16">
        <v>150</v>
      </c>
      <c r="K173" s="16">
        <v>1606</v>
      </c>
      <c r="L173" s="16">
        <v>205</v>
      </c>
      <c r="M173" s="16">
        <v>3897</v>
      </c>
      <c r="N173" s="22" t="s">
        <v>268</v>
      </c>
      <c r="O173" s="16">
        <v>1277</v>
      </c>
      <c r="P173" s="16">
        <v>18</v>
      </c>
      <c r="Q173" s="22" t="s">
        <v>268</v>
      </c>
    </row>
    <row r="174" spans="1:17">
      <c r="A174" s="21" t="s">
        <v>240</v>
      </c>
      <c r="B174" s="21" t="s">
        <v>237</v>
      </c>
      <c r="C174" s="21" t="s">
        <v>265</v>
      </c>
      <c r="D174" s="21" t="s">
        <v>216</v>
      </c>
      <c r="E174" s="21" t="s">
        <v>214</v>
      </c>
      <c r="F174" s="21" t="s">
        <v>426</v>
      </c>
      <c r="G174" s="16">
        <v>13033</v>
      </c>
      <c r="H174" s="16">
        <v>8336</v>
      </c>
      <c r="I174" s="16">
        <v>4208</v>
      </c>
      <c r="J174" s="16">
        <v>92</v>
      </c>
      <c r="K174" s="16">
        <v>4128</v>
      </c>
      <c r="L174" s="16">
        <v>93</v>
      </c>
      <c r="M174" s="16">
        <v>4604</v>
      </c>
      <c r="N174" s="22" t="s">
        <v>268</v>
      </c>
      <c r="O174" s="16">
        <v>3023</v>
      </c>
      <c r="P174" s="16">
        <v>86</v>
      </c>
      <c r="Q174" s="16">
        <v>4604</v>
      </c>
    </row>
    <row r="175" spans="1:17">
      <c r="A175" s="21" t="s">
        <v>240</v>
      </c>
      <c r="B175" s="21" t="s">
        <v>237</v>
      </c>
      <c r="C175" s="21" t="s">
        <v>265</v>
      </c>
      <c r="D175" s="21" t="s">
        <v>216</v>
      </c>
      <c r="E175" s="21" t="s">
        <v>214</v>
      </c>
      <c r="F175" s="21" t="s">
        <v>720</v>
      </c>
      <c r="G175" s="16">
        <v>535</v>
      </c>
      <c r="H175" s="22" t="s">
        <v>268</v>
      </c>
      <c r="I175" s="22" t="s">
        <v>268</v>
      </c>
      <c r="J175" s="22" t="s">
        <v>268</v>
      </c>
      <c r="K175" s="22" t="s">
        <v>268</v>
      </c>
      <c r="L175" s="22" t="s">
        <v>268</v>
      </c>
      <c r="M175" s="16">
        <v>496</v>
      </c>
      <c r="N175" s="16">
        <v>39</v>
      </c>
      <c r="O175" s="22" t="s">
        <v>268</v>
      </c>
      <c r="P175" s="22" t="s">
        <v>268</v>
      </c>
      <c r="Q175" s="22" t="s">
        <v>268</v>
      </c>
    </row>
    <row r="176" spans="1:17">
      <c r="A176" s="21" t="s">
        <v>240</v>
      </c>
      <c r="B176" s="21" t="s">
        <v>237</v>
      </c>
      <c r="C176" s="21" t="s">
        <v>265</v>
      </c>
      <c r="D176" s="21" t="s">
        <v>216</v>
      </c>
      <c r="E176" s="21" t="s">
        <v>214</v>
      </c>
      <c r="F176" s="21" t="s">
        <v>427</v>
      </c>
      <c r="G176" s="16">
        <v>14597</v>
      </c>
      <c r="H176" s="16">
        <v>9322</v>
      </c>
      <c r="I176" s="16">
        <v>4797</v>
      </c>
      <c r="J176" s="16">
        <v>110</v>
      </c>
      <c r="K176" s="16">
        <v>4525</v>
      </c>
      <c r="L176" s="16">
        <v>116</v>
      </c>
      <c r="M176" s="16">
        <v>5159</v>
      </c>
      <c r="N176" s="22" t="s">
        <v>268</v>
      </c>
      <c r="O176" s="16">
        <v>3346</v>
      </c>
      <c r="P176" s="16">
        <v>104</v>
      </c>
      <c r="Q176" s="16">
        <v>4604</v>
      </c>
    </row>
    <row r="177" spans="1:17">
      <c r="A177" s="21" t="s">
        <v>240</v>
      </c>
      <c r="B177" s="21" t="s">
        <v>237</v>
      </c>
      <c r="C177" s="21" t="s">
        <v>265</v>
      </c>
      <c r="D177" s="21" t="s">
        <v>216</v>
      </c>
      <c r="E177" s="21" t="s">
        <v>214</v>
      </c>
      <c r="F177" s="21" t="s">
        <v>428</v>
      </c>
      <c r="G177" s="16">
        <v>8587</v>
      </c>
      <c r="H177" s="16">
        <v>5580</v>
      </c>
      <c r="I177" s="16">
        <v>2747</v>
      </c>
      <c r="J177" s="16">
        <v>30</v>
      </c>
      <c r="K177" s="16">
        <v>2833</v>
      </c>
      <c r="L177" s="16">
        <v>54</v>
      </c>
      <c r="M177" s="16">
        <v>2953</v>
      </c>
      <c r="N177" s="22" t="s">
        <v>268</v>
      </c>
      <c r="O177" s="16">
        <v>1985</v>
      </c>
      <c r="P177" s="16">
        <v>30</v>
      </c>
      <c r="Q177" s="16">
        <v>2953</v>
      </c>
    </row>
    <row r="178" spans="1:17">
      <c r="A178" s="21" t="s">
        <v>240</v>
      </c>
      <c r="B178" s="21" t="s">
        <v>237</v>
      </c>
      <c r="C178" s="21" t="s">
        <v>265</v>
      </c>
      <c r="D178" s="21" t="s">
        <v>216</v>
      </c>
      <c r="E178" s="21" t="s">
        <v>214</v>
      </c>
      <c r="F178" s="21" t="s">
        <v>429</v>
      </c>
      <c r="G178" s="16">
        <v>3537</v>
      </c>
      <c r="H178" s="16">
        <v>2478</v>
      </c>
      <c r="I178" s="16">
        <v>1037</v>
      </c>
      <c r="J178" s="16">
        <v>4</v>
      </c>
      <c r="K178" s="16">
        <v>1441</v>
      </c>
      <c r="L178" s="16">
        <v>11</v>
      </c>
      <c r="M178" s="16">
        <v>1048</v>
      </c>
      <c r="N178" s="22" t="s">
        <v>268</v>
      </c>
      <c r="O178" s="16">
        <v>976</v>
      </c>
      <c r="P178" s="16">
        <v>4</v>
      </c>
      <c r="Q178" s="16">
        <v>1048</v>
      </c>
    </row>
    <row r="179" spans="1:17">
      <c r="A179" s="21" t="s">
        <v>240</v>
      </c>
      <c r="B179" s="21" t="s">
        <v>237</v>
      </c>
      <c r="C179" s="21" t="s">
        <v>265</v>
      </c>
      <c r="D179" s="21" t="s">
        <v>216</v>
      </c>
      <c r="E179" s="21" t="s">
        <v>681</v>
      </c>
      <c r="F179" s="21" t="s">
        <v>214</v>
      </c>
      <c r="G179" s="16">
        <v>24528</v>
      </c>
      <c r="H179" s="16">
        <v>15911</v>
      </c>
      <c r="I179" s="16">
        <v>10190</v>
      </c>
      <c r="J179" s="16">
        <v>242</v>
      </c>
      <c r="K179" s="16">
        <v>5721</v>
      </c>
      <c r="L179" s="16">
        <v>292</v>
      </c>
      <c r="M179" s="16">
        <v>8286</v>
      </c>
      <c r="N179" s="16">
        <v>39</v>
      </c>
      <c r="O179" s="16">
        <v>4292</v>
      </c>
      <c r="P179" s="16">
        <v>104</v>
      </c>
      <c r="Q179" s="16">
        <v>4579</v>
      </c>
    </row>
    <row r="180" spans="1:17">
      <c r="A180" s="21" t="s">
        <v>240</v>
      </c>
      <c r="B180" s="21" t="s">
        <v>237</v>
      </c>
      <c r="C180" s="21" t="s">
        <v>265</v>
      </c>
      <c r="D180" s="21" t="s">
        <v>216</v>
      </c>
      <c r="E180" s="21" t="s">
        <v>681</v>
      </c>
      <c r="F180" s="21" t="s">
        <v>424</v>
      </c>
      <c r="G180" s="22" t="s">
        <v>268</v>
      </c>
      <c r="H180" s="22" t="s">
        <v>268</v>
      </c>
      <c r="I180" s="22" t="s">
        <v>268</v>
      </c>
      <c r="J180" s="22" t="s">
        <v>268</v>
      </c>
      <c r="K180" s="22" t="s">
        <v>268</v>
      </c>
      <c r="L180" s="22" t="s">
        <v>268</v>
      </c>
      <c r="M180" s="22" t="s">
        <v>268</v>
      </c>
      <c r="N180" s="22" t="s">
        <v>268</v>
      </c>
      <c r="O180" s="22" t="s">
        <v>268</v>
      </c>
      <c r="P180" s="22" t="s">
        <v>268</v>
      </c>
      <c r="Q180" s="22" t="s">
        <v>268</v>
      </c>
    </row>
    <row r="181" spans="1:17">
      <c r="A181" s="21" t="s">
        <v>240</v>
      </c>
      <c r="B181" s="21" t="s">
        <v>237</v>
      </c>
      <c r="C181" s="21" t="s">
        <v>265</v>
      </c>
      <c r="D181" s="21" t="s">
        <v>216</v>
      </c>
      <c r="E181" s="21" t="s">
        <v>681</v>
      </c>
      <c r="F181" s="21" t="s">
        <v>425</v>
      </c>
      <c r="G181" s="16">
        <v>11012</v>
      </c>
      <c r="H181" s="16">
        <v>7598</v>
      </c>
      <c r="I181" s="16">
        <v>5996</v>
      </c>
      <c r="J181" s="16">
        <v>150</v>
      </c>
      <c r="K181" s="16">
        <v>1602</v>
      </c>
      <c r="L181" s="16">
        <v>199</v>
      </c>
      <c r="M181" s="16">
        <v>3215</v>
      </c>
      <c r="N181" s="22" t="s">
        <v>268</v>
      </c>
      <c r="O181" s="16">
        <v>1273</v>
      </c>
      <c r="P181" s="16">
        <v>18</v>
      </c>
      <c r="Q181" s="22" t="s">
        <v>268</v>
      </c>
    </row>
    <row r="182" spans="1:17">
      <c r="A182" s="21" t="s">
        <v>240</v>
      </c>
      <c r="B182" s="21" t="s">
        <v>237</v>
      </c>
      <c r="C182" s="21" t="s">
        <v>265</v>
      </c>
      <c r="D182" s="21" t="s">
        <v>216</v>
      </c>
      <c r="E182" s="21" t="s">
        <v>681</v>
      </c>
      <c r="F182" s="21" t="s">
        <v>426</v>
      </c>
      <c r="G182" s="16">
        <v>12985</v>
      </c>
      <c r="H182" s="16">
        <v>8313</v>
      </c>
      <c r="I182" s="16">
        <v>4194</v>
      </c>
      <c r="J182" s="16">
        <v>92</v>
      </c>
      <c r="K182" s="16">
        <v>4119</v>
      </c>
      <c r="L182" s="16">
        <v>93</v>
      </c>
      <c r="M182" s="16">
        <v>4579</v>
      </c>
      <c r="N182" s="22" t="s">
        <v>268</v>
      </c>
      <c r="O182" s="16">
        <v>3019</v>
      </c>
      <c r="P182" s="16">
        <v>86</v>
      </c>
      <c r="Q182" s="16">
        <v>4579</v>
      </c>
    </row>
    <row r="183" spans="1:17">
      <c r="A183" s="21" t="s">
        <v>240</v>
      </c>
      <c r="B183" s="21" t="s">
        <v>237</v>
      </c>
      <c r="C183" s="21" t="s">
        <v>265</v>
      </c>
      <c r="D183" s="21" t="s">
        <v>216</v>
      </c>
      <c r="E183" s="21" t="s">
        <v>681</v>
      </c>
      <c r="F183" s="21" t="s">
        <v>720</v>
      </c>
      <c r="G183" s="16">
        <v>531</v>
      </c>
      <c r="H183" s="22" t="s">
        <v>268</v>
      </c>
      <c r="I183" s="22" t="s">
        <v>268</v>
      </c>
      <c r="J183" s="22" t="s">
        <v>268</v>
      </c>
      <c r="K183" s="22" t="s">
        <v>268</v>
      </c>
      <c r="L183" s="22" t="s">
        <v>268</v>
      </c>
      <c r="M183" s="16">
        <v>492</v>
      </c>
      <c r="N183" s="16">
        <v>39</v>
      </c>
      <c r="O183" s="22" t="s">
        <v>268</v>
      </c>
      <c r="P183" s="22" t="s">
        <v>268</v>
      </c>
      <c r="Q183" s="22" t="s">
        <v>268</v>
      </c>
    </row>
    <row r="184" spans="1:17">
      <c r="A184" s="21" t="s">
        <v>240</v>
      </c>
      <c r="B184" s="21" t="s">
        <v>237</v>
      </c>
      <c r="C184" s="21" t="s">
        <v>265</v>
      </c>
      <c r="D184" s="21" t="s">
        <v>216</v>
      </c>
      <c r="E184" s="21" t="s">
        <v>681</v>
      </c>
      <c r="F184" s="21" t="s">
        <v>427</v>
      </c>
      <c r="G184" s="16">
        <v>14545</v>
      </c>
      <c r="H184" s="16">
        <v>9295</v>
      </c>
      <c r="I184" s="16">
        <v>4783</v>
      </c>
      <c r="J184" s="16">
        <v>110</v>
      </c>
      <c r="K184" s="16">
        <v>4512</v>
      </c>
      <c r="L184" s="16">
        <v>116</v>
      </c>
      <c r="M184" s="16">
        <v>5134</v>
      </c>
      <c r="N184" s="22" t="s">
        <v>268</v>
      </c>
      <c r="O184" s="16">
        <v>3338</v>
      </c>
      <c r="P184" s="16">
        <v>104</v>
      </c>
      <c r="Q184" s="16">
        <v>4579</v>
      </c>
    </row>
    <row r="185" spans="1:17">
      <c r="A185" s="21" t="s">
        <v>240</v>
      </c>
      <c r="B185" s="21" t="s">
        <v>237</v>
      </c>
      <c r="C185" s="21" t="s">
        <v>265</v>
      </c>
      <c r="D185" s="21" t="s">
        <v>216</v>
      </c>
      <c r="E185" s="21" t="s">
        <v>681</v>
      </c>
      <c r="F185" s="21" t="s">
        <v>428</v>
      </c>
      <c r="G185" s="16">
        <v>8557</v>
      </c>
      <c r="H185" s="16">
        <v>5566</v>
      </c>
      <c r="I185" s="16">
        <v>2738</v>
      </c>
      <c r="J185" s="16">
        <v>30</v>
      </c>
      <c r="K185" s="16">
        <v>2828</v>
      </c>
      <c r="L185" s="16">
        <v>54</v>
      </c>
      <c r="M185" s="16">
        <v>2937</v>
      </c>
      <c r="N185" s="22" t="s">
        <v>268</v>
      </c>
      <c r="O185" s="16">
        <v>1985</v>
      </c>
      <c r="P185" s="16">
        <v>30</v>
      </c>
      <c r="Q185" s="16">
        <v>2937</v>
      </c>
    </row>
    <row r="186" spans="1:17">
      <c r="A186" s="21" t="s">
        <v>240</v>
      </c>
      <c r="B186" s="21" t="s">
        <v>237</v>
      </c>
      <c r="C186" s="21" t="s">
        <v>265</v>
      </c>
      <c r="D186" s="21" t="s">
        <v>216</v>
      </c>
      <c r="E186" s="21" t="s">
        <v>681</v>
      </c>
      <c r="F186" s="21" t="s">
        <v>429</v>
      </c>
      <c r="G186" s="16">
        <v>3518</v>
      </c>
      <c r="H186" s="16">
        <v>2466</v>
      </c>
      <c r="I186" s="16">
        <v>1030</v>
      </c>
      <c r="J186" s="16">
        <v>4</v>
      </c>
      <c r="K186" s="16">
        <v>1436</v>
      </c>
      <c r="L186" s="16">
        <v>11</v>
      </c>
      <c r="M186" s="16">
        <v>1041</v>
      </c>
      <c r="N186" s="22" t="s">
        <v>268</v>
      </c>
      <c r="O186" s="16">
        <v>976</v>
      </c>
      <c r="P186" s="16">
        <v>4</v>
      </c>
      <c r="Q186" s="16">
        <v>1041</v>
      </c>
    </row>
    <row r="187" spans="1:17">
      <c r="A187" s="21" t="s">
        <v>240</v>
      </c>
      <c r="B187" s="21" t="s">
        <v>237</v>
      </c>
      <c r="C187" s="21" t="s">
        <v>265</v>
      </c>
      <c r="D187" s="21" t="s">
        <v>216</v>
      </c>
      <c r="E187" s="21" t="s">
        <v>682</v>
      </c>
      <c r="F187" s="21" t="s">
        <v>214</v>
      </c>
      <c r="G187" s="16">
        <v>24061</v>
      </c>
      <c r="H187" s="16">
        <v>15782</v>
      </c>
      <c r="I187" s="16">
        <v>10077</v>
      </c>
      <c r="J187" s="16">
        <v>242</v>
      </c>
      <c r="K187" s="16">
        <v>5705</v>
      </c>
      <c r="L187" s="16">
        <v>292</v>
      </c>
      <c r="M187" s="16">
        <v>7948</v>
      </c>
      <c r="N187" s="16">
        <v>39</v>
      </c>
      <c r="O187" s="16">
        <v>4280</v>
      </c>
      <c r="P187" s="16">
        <v>104</v>
      </c>
      <c r="Q187" s="16">
        <v>4537</v>
      </c>
    </row>
    <row r="188" spans="1:17">
      <c r="A188" s="21" t="s">
        <v>240</v>
      </c>
      <c r="B188" s="21" t="s">
        <v>237</v>
      </c>
      <c r="C188" s="21" t="s">
        <v>265</v>
      </c>
      <c r="D188" s="21" t="s">
        <v>216</v>
      </c>
      <c r="E188" s="21" t="s">
        <v>682</v>
      </c>
      <c r="F188" s="21" t="s">
        <v>424</v>
      </c>
      <c r="G188" s="22" t="s">
        <v>268</v>
      </c>
      <c r="H188" s="22" t="s">
        <v>268</v>
      </c>
      <c r="I188" s="22" t="s">
        <v>268</v>
      </c>
      <c r="J188" s="22" t="s">
        <v>268</v>
      </c>
      <c r="K188" s="22" t="s">
        <v>268</v>
      </c>
      <c r="L188" s="22" t="s">
        <v>268</v>
      </c>
      <c r="M188" s="22" t="s">
        <v>268</v>
      </c>
      <c r="N188" s="22" t="s">
        <v>268</v>
      </c>
      <c r="O188" s="22" t="s">
        <v>268</v>
      </c>
      <c r="P188" s="22" t="s">
        <v>268</v>
      </c>
      <c r="Q188" s="22" t="s">
        <v>268</v>
      </c>
    </row>
    <row r="189" spans="1:17">
      <c r="A189" s="21" t="s">
        <v>240</v>
      </c>
      <c r="B189" s="21" t="s">
        <v>237</v>
      </c>
      <c r="C189" s="21" t="s">
        <v>265</v>
      </c>
      <c r="D189" s="21" t="s">
        <v>216</v>
      </c>
      <c r="E189" s="21" t="s">
        <v>682</v>
      </c>
      <c r="F189" s="21" t="s">
        <v>425</v>
      </c>
      <c r="G189" s="16">
        <v>10618</v>
      </c>
      <c r="H189" s="16">
        <v>7496</v>
      </c>
      <c r="I189" s="16">
        <v>5901</v>
      </c>
      <c r="J189" s="16">
        <v>150</v>
      </c>
      <c r="K189" s="16">
        <v>1595</v>
      </c>
      <c r="L189" s="16">
        <v>199</v>
      </c>
      <c r="M189" s="16">
        <v>2923</v>
      </c>
      <c r="N189" s="22" t="s">
        <v>268</v>
      </c>
      <c r="O189" s="16">
        <v>1268</v>
      </c>
      <c r="P189" s="16">
        <v>18</v>
      </c>
      <c r="Q189" s="22" t="s">
        <v>268</v>
      </c>
    </row>
    <row r="190" spans="1:17">
      <c r="A190" s="21" t="s">
        <v>240</v>
      </c>
      <c r="B190" s="21" t="s">
        <v>237</v>
      </c>
      <c r="C190" s="21" t="s">
        <v>265</v>
      </c>
      <c r="D190" s="21" t="s">
        <v>216</v>
      </c>
      <c r="E190" s="21" t="s">
        <v>682</v>
      </c>
      <c r="F190" s="21" t="s">
        <v>426</v>
      </c>
      <c r="G190" s="16">
        <v>12916</v>
      </c>
      <c r="H190" s="16">
        <v>8286</v>
      </c>
      <c r="I190" s="16">
        <v>4176</v>
      </c>
      <c r="J190" s="16">
        <v>92</v>
      </c>
      <c r="K190" s="16">
        <v>4110</v>
      </c>
      <c r="L190" s="16">
        <v>93</v>
      </c>
      <c r="M190" s="16">
        <v>4537</v>
      </c>
      <c r="N190" s="22" t="s">
        <v>268</v>
      </c>
      <c r="O190" s="16">
        <v>3012</v>
      </c>
      <c r="P190" s="16">
        <v>86</v>
      </c>
      <c r="Q190" s="16">
        <v>4537</v>
      </c>
    </row>
    <row r="191" spans="1:17">
      <c r="A191" s="21" t="s">
        <v>240</v>
      </c>
      <c r="B191" s="21" t="s">
        <v>237</v>
      </c>
      <c r="C191" s="21" t="s">
        <v>265</v>
      </c>
      <c r="D191" s="21" t="s">
        <v>216</v>
      </c>
      <c r="E191" s="21" t="s">
        <v>682</v>
      </c>
      <c r="F191" s="21" t="s">
        <v>720</v>
      </c>
      <c r="G191" s="16">
        <v>527</v>
      </c>
      <c r="H191" s="22" t="s">
        <v>268</v>
      </c>
      <c r="I191" s="22" t="s">
        <v>268</v>
      </c>
      <c r="J191" s="22" t="s">
        <v>268</v>
      </c>
      <c r="K191" s="22" t="s">
        <v>268</v>
      </c>
      <c r="L191" s="22" t="s">
        <v>268</v>
      </c>
      <c r="M191" s="16">
        <v>488</v>
      </c>
      <c r="N191" s="16">
        <v>39</v>
      </c>
      <c r="O191" s="22" t="s">
        <v>268</v>
      </c>
      <c r="P191" s="22" t="s">
        <v>268</v>
      </c>
      <c r="Q191" s="22" t="s">
        <v>268</v>
      </c>
    </row>
    <row r="192" spans="1:17">
      <c r="A192" s="21" t="s">
        <v>240</v>
      </c>
      <c r="B192" s="21" t="s">
        <v>237</v>
      </c>
      <c r="C192" s="21" t="s">
        <v>265</v>
      </c>
      <c r="D192" s="21" t="s">
        <v>216</v>
      </c>
      <c r="E192" s="21" t="s">
        <v>682</v>
      </c>
      <c r="F192" s="21" t="s">
        <v>427</v>
      </c>
      <c r="G192" s="16">
        <v>14465</v>
      </c>
      <c r="H192" s="16">
        <v>9261</v>
      </c>
      <c r="I192" s="16">
        <v>4763</v>
      </c>
      <c r="J192" s="16">
        <v>110</v>
      </c>
      <c r="K192" s="16">
        <v>4498</v>
      </c>
      <c r="L192" s="16">
        <v>116</v>
      </c>
      <c r="M192" s="16">
        <v>5088</v>
      </c>
      <c r="N192" s="22" t="s">
        <v>268</v>
      </c>
      <c r="O192" s="16">
        <v>3326</v>
      </c>
      <c r="P192" s="16">
        <v>104</v>
      </c>
      <c r="Q192" s="16">
        <v>4537</v>
      </c>
    </row>
    <row r="193" spans="1:17">
      <c r="A193" s="21" t="s">
        <v>240</v>
      </c>
      <c r="B193" s="21" t="s">
        <v>237</v>
      </c>
      <c r="C193" s="21" t="s">
        <v>265</v>
      </c>
      <c r="D193" s="21" t="s">
        <v>216</v>
      </c>
      <c r="E193" s="21" t="s">
        <v>682</v>
      </c>
      <c r="F193" s="21" t="s">
        <v>428</v>
      </c>
      <c r="G193" s="16">
        <v>8525</v>
      </c>
      <c r="H193" s="16">
        <v>5552</v>
      </c>
      <c r="I193" s="16">
        <v>2731</v>
      </c>
      <c r="J193" s="16">
        <v>30</v>
      </c>
      <c r="K193" s="16">
        <v>2821</v>
      </c>
      <c r="L193" s="16">
        <v>54</v>
      </c>
      <c r="M193" s="16">
        <v>2919</v>
      </c>
      <c r="N193" s="22" t="s">
        <v>268</v>
      </c>
      <c r="O193" s="16">
        <v>1978</v>
      </c>
      <c r="P193" s="16">
        <v>30</v>
      </c>
      <c r="Q193" s="16">
        <v>2919</v>
      </c>
    </row>
    <row r="194" spans="1:17">
      <c r="A194" s="21" t="s">
        <v>240</v>
      </c>
      <c r="B194" s="21" t="s">
        <v>237</v>
      </c>
      <c r="C194" s="21" t="s">
        <v>265</v>
      </c>
      <c r="D194" s="21" t="s">
        <v>216</v>
      </c>
      <c r="E194" s="21" t="s">
        <v>682</v>
      </c>
      <c r="F194" s="21" t="s">
        <v>429</v>
      </c>
      <c r="G194" s="16">
        <v>3506</v>
      </c>
      <c r="H194" s="16">
        <v>2459</v>
      </c>
      <c r="I194" s="16">
        <v>1030</v>
      </c>
      <c r="J194" s="16">
        <v>4</v>
      </c>
      <c r="K194" s="16">
        <v>1429</v>
      </c>
      <c r="L194" s="16">
        <v>11</v>
      </c>
      <c r="M194" s="16">
        <v>1036</v>
      </c>
      <c r="N194" s="22" t="s">
        <v>268</v>
      </c>
      <c r="O194" s="16">
        <v>969</v>
      </c>
      <c r="P194" s="16">
        <v>4</v>
      </c>
      <c r="Q194" s="16">
        <v>1036</v>
      </c>
    </row>
    <row r="195" spans="1:17">
      <c r="A195" s="21" t="s">
        <v>240</v>
      </c>
      <c r="B195" s="21" t="s">
        <v>237</v>
      </c>
      <c r="C195" s="21" t="s">
        <v>265</v>
      </c>
      <c r="D195" s="21" t="s">
        <v>216</v>
      </c>
      <c r="E195" s="21" t="s">
        <v>683</v>
      </c>
      <c r="F195" s="21" t="s">
        <v>214</v>
      </c>
      <c r="G195" s="16">
        <v>15146</v>
      </c>
      <c r="H195" s="16">
        <v>10711</v>
      </c>
      <c r="I195" s="16">
        <v>5712</v>
      </c>
      <c r="J195" s="16">
        <v>120</v>
      </c>
      <c r="K195" s="16">
        <v>4999</v>
      </c>
      <c r="L195" s="16">
        <v>126</v>
      </c>
      <c r="M195" s="16">
        <v>4299</v>
      </c>
      <c r="N195" s="16">
        <v>10</v>
      </c>
      <c r="O195" s="16">
        <v>3799</v>
      </c>
      <c r="P195" s="16">
        <v>70</v>
      </c>
      <c r="Q195" s="16">
        <v>3432</v>
      </c>
    </row>
    <row r="196" spans="1:17">
      <c r="A196" s="21" t="s">
        <v>240</v>
      </c>
      <c r="B196" s="21" t="s">
        <v>237</v>
      </c>
      <c r="C196" s="21" t="s">
        <v>265</v>
      </c>
      <c r="D196" s="21" t="s">
        <v>216</v>
      </c>
      <c r="E196" s="21" t="s">
        <v>683</v>
      </c>
      <c r="F196" s="21" t="s">
        <v>424</v>
      </c>
      <c r="G196" s="22" t="s">
        <v>268</v>
      </c>
      <c r="H196" s="22" t="s">
        <v>268</v>
      </c>
      <c r="I196" s="22" t="s">
        <v>268</v>
      </c>
      <c r="J196" s="22" t="s">
        <v>268</v>
      </c>
      <c r="K196" s="22" t="s">
        <v>268</v>
      </c>
      <c r="L196" s="22" t="s">
        <v>268</v>
      </c>
      <c r="M196" s="22" t="s">
        <v>268</v>
      </c>
      <c r="N196" s="22" t="s">
        <v>268</v>
      </c>
      <c r="O196" s="22" t="s">
        <v>268</v>
      </c>
      <c r="P196" s="22" t="s">
        <v>268</v>
      </c>
      <c r="Q196" s="22" t="s">
        <v>268</v>
      </c>
    </row>
    <row r="197" spans="1:17">
      <c r="A197" s="21" t="s">
        <v>240</v>
      </c>
      <c r="B197" s="21" t="s">
        <v>237</v>
      </c>
      <c r="C197" s="21" t="s">
        <v>265</v>
      </c>
      <c r="D197" s="21" t="s">
        <v>216</v>
      </c>
      <c r="E197" s="21" t="s">
        <v>683</v>
      </c>
      <c r="F197" s="21" t="s">
        <v>425</v>
      </c>
      <c r="G197" s="16">
        <v>4136</v>
      </c>
      <c r="H197" s="16">
        <v>3269</v>
      </c>
      <c r="I197" s="16">
        <v>2184</v>
      </c>
      <c r="J197" s="16">
        <v>58</v>
      </c>
      <c r="K197" s="16">
        <v>1085</v>
      </c>
      <c r="L197" s="16">
        <v>52</v>
      </c>
      <c r="M197" s="16">
        <v>815</v>
      </c>
      <c r="N197" s="22" t="s">
        <v>268</v>
      </c>
      <c r="O197" s="16">
        <v>892</v>
      </c>
      <c r="P197" s="16">
        <v>10</v>
      </c>
      <c r="Q197" s="22" t="s">
        <v>268</v>
      </c>
    </row>
    <row r="198" spans="1:17">
      <c r="A198" s="21" t="s">
        <v>240</v>
      </c>
      <c r="B198" s="21" t="s">
        <v>237</v>
      </c>
      <c r="C198" s="21" t="s">
        <v>265</v>
      </c>
      <c r="D198" s="21" t="s">
        <v>216</v>
      </c>
      <c r="E198" s="21" t="s">
        <v>683</v>
      </c>
      <c r="F198" s="21" t="s">
        <v>426</v>
      </c>
      <c r="G198" s="16">
        <v>10948</v>
      </c>
      <c r="H198" s="16">
        <v>7442</v>
      </c>
      <c r="I198" s="16">
        <v>3528</v>
      </c>
      <c r="J198" s="16">
        <v>62</v>
      </c>
      <c r="K198" s="16">
        <v>3914</v>
      </c>
      <c r="L198" s="16">
        <v>74</v>
      </c>
      <c r="M198" s="16">
        <v>3432</v>
      </c>
      <c r="N198" s="22" t="s">
        <v>268</v>
      </c>
      <c r="O198" s="16">
        <v>2907</v>
      </c>
      <c r="P198" s="16">
        <v>60</v>
      </c>
      <c r="Q198" s="16">
        <v>3432</v>
      </c>
    </row>
    <row r="199" spans="1:17">
      <c r="A199" s="21" t="s">
        <v>240</v>
      </c>
      <c r="B199" s="21" t="s">
        <v>237</v>
      </c>
      <c r="C199" s="21" t="s">
        <v>265</v>
      </c>
      <c r="D199" s="21" t="s">
        <v>216</v>
      </c>
      <c r="E199" s="21" t="s">
        <v>683</v>
      </c>
      <c r="F199" s="21" t="s">
        <v>720</v>
      </c>
      <c r="G199" s="16">
        <v>62</v>
      </c>
      <c r="H199" s="22" t="s">
        <v>268</v>
      </c>
      <c r="I199" s="22" t="s">
        <v>268</v>
      </c>
      <c r="J199" s="22" t="s">
        <v>268</v>
      </c>
      <c r="K199" s="22" t="s">
        <v>268</v>
      </c>
      <c r="L199" s="22" t="s">
        <v>268</v>
      </c>
      <c r="M199" s="16">
        <v>52</v>
      </c>
      <c r="N199" s="16">
        <v>10</v>
      </c>
      <c r="O199" s="22" t="s">
        <v>268</v>
      </c>
      <c r="P199" s="22" t="s">
        <v>268</v>
      </c>
      <c r="Q199" s="22" t="s">
        <v>268</v>
      </c>
    </row>
    <row r="200" spans="1:17">
      <c r="A200" s="21" t="s">
        <v>240</v>
      </c>
      <c r="B200" s="21" t="s">
        <v>237</v>
      </c>
      <c r="C200" s="21" t="s">
        <v>265</v>
      </c>
      <c r="D200" s="21" t="s">
        <v>216</v>
      </c>
      <c r="E200" s="21" t="s">
        <v>683</v>
      </c>
      <c r="F200" s="21" t="s">
        <v>427</v>
      </c>
      <c r="G200" s="16">
        <v>12032</v>
      </c>
      <c r="H200" s="16">
        <v>8182</v>
      </c>
      <c r="I200" s="16">
        <v>3928</v>
      </c>
      <c r="J200" s="16">
        <v>72</v>
      </c>
      <c r="K200" s="16">
        <v>4254</v>
      </c>
      <c r="L200" s="16">
        <v>88</v>
      </c>
      <c r="M200" s="16">
        <v>3762</v>
      </c>
      <c r="N200" s="22" t="s">
        <v>268</v>
      </c>
      <c r="O200" s="16">
        <v>3192</v>
      </c>
      <c r="P200" s="16">
        <v>70</v>
      </c>
      <c r="Q200" s="16">
        <v>3432</v>
      </c>
    </row>
    <row r="201" spans="1:17">
      <c r="A201" s="21" t="s">
        <v>240</v>
      </c>
      <c r="B201" s="21" t="s">
        <v>237</v>
      </c>
      <c r="C201" s="21" t="s">
        <v>265</v>
      </c>
      <c r="D201" s="21" t="s">
        <v>216</v>
      </c>
      <c r="E201" s="21" t="s">
        <v>683</v>
      </c>
      <c r="F201" s="21" t="s">
        <v>428</v>
      </c>
      <c r="G201" s="16">
        <v>7640</v>
      </c>
      <c r="H201" s="16">
        <v>5173</v>
      </c>
      <c r="I201" s="16">
        <v>2446</v>
      </c>
      <c r="J201" s="16">
        <v>22</v>
      </c>
      <c r="K201" s="16">
        <v>2727</v>
      </c>
      <c r="L201" s="16">
        <v>48</v>
      </c>
      <c r="M201" s="16">
        <v>2419</v>
      </c>
      <c r="N201" s="22" t="s">
        <v>268</v>
      </c>
      <c r="O201" s="16">
        <v>1935</v>
      </c>
      <c r="P201" s="16">
        <v>22</v>
      </c>
      <c r="Q201" s="16">
        <v>2419</v>
      </c>
    </row>
    <row r="202" spans="1:17">
      <c r="A202" s="21" t="s">
        <v>240</v>
      </c>
      <c r="B202" s="21" t="s">
        <v>237</v>
      </c>
      <c r="C202" s="21" t="s">
        <v>265</v>
      </c>
      <c r="D202" s="21" t="s">
        <v>216</v>
      </c>
      <c r="E202" s="21" t="s">
        <v>683</v>
      </c>
      <c r="F202" s="21" t="s">
        <v>429</v>
      </c>
      <c r="G202" s="16">
        <v>3278</v>
      </c>
      <c r="H202" s="16">
        <v>2360</v>
      </c>
      <c r="I202" s="16">
        <v>956</v>
      </c>
      <c r="J202" s="16">
        <v>2</v>
      </c>
      <c r="K202" s="16">
        <v>1404</v>
      </c>
      <c r="L202" s="16">
        <v>11</v>
      </c>
      <c r="M202" s="16">
        <v>907</v>
      </c>
      <c r="N202" s="22" t="s">
        <v>268</v>
      </c>
      <c r="O202" s="16">
        <v>962</v>
      </c>
      <c r="P202" s="16">
        <v>2</v>
      </c>
      <c r="Q202" s="16">
        <v>907</v>
      </c>
    </row>
    <row r="203" spans="1:17">
      <c r="A203" s="21" t="s">
        <v>240</v>
      </c>
      <c r="B203" s="21" t="s">
        <v>237</v>
      </c>
      <c r="C203" s="21" t="s">
        <v>265</v>
      </c>
      <c r="D203" s="21" t="s">
        <v>216</v>
      </c>
      <c r="E203" s="21" t="s">
        <v>684</v>
      </c>
      <c r="F203" s="21" t="s">
        <v>214</v>
      </c>
      <c r="G203" s="16">
        <v>1052</v>
      </c>
      <c r="H203" s="16">
        <v>725</v>
      </c>
      <c r="I203" s="16">
        <v>619</v>
      </c>
      <c r="J203" s="16">
        <v>6</v>
      </c>
      <c r="K203" s="16">
        <v>106</v>
      </c>
      <c r="L203" s="16">
        <v>4</v>
      </c>
      <c r="M203" s="16">
        <v>323</v>
      </c>
      <c r="N203" s="22" t="s">
        <v>268</v>
      </c>
      <c r="O203" s="16">
        <v>53</v>
      </c>
      <c r="P203" s="16">
        <v>6</v>
      </c>
      <c r="Q203" s="16">
        <v>233</v>
      </c>
    </row>
    <row r="204" spans="1:17">
      <c r="A204" s="21" t="s">
        <v>240</v>
      </c>
      <c r="B204" s="21" t="s">
        <v>237</v>
      </c>
      <c r="C204" s="21" t="s">
        <v>265</v>
      </c>
      <c r="D204" s="21" t="s">
        <v>216</v>
      </c>
      <c r="E204" s="21" t="s">
        <v>684</v>
      </c>
      <c r="F204" s="21" t="s">
        <v>424</v>
      </c>
      <c r="G204" s="22" t="s">
        <v>268</v>
      </c>
      <c r="H204" s="22" t="s">
        <v>268</v>
      </c>
      <c r="I204" s="22" t="s">
        <v>268</v>
      </c>
      <c r="J204" s="22" t="s">
        <v>268</v>
      </c>
      <c r="K204" s="22" t="s">
        <v>268</v>
      </c>
      <c r="L204" s="22" t="s">
        <v>268</v>
      </c>
      <c r="M204" s="22" t="s">
        <v>268</v>
      </c>
      <c r="N204" s="22" t="s">
        <v>268</v>
      </c>
      <c r="O204" s="22" t="s">
        <v>268</v>
      </c>
      <c r="P204" s="22" t="s">
        <v>268</v>
      </c>
      <c r="Q204" s="22" t="s">
        <v>268</v>
      </c>
    </row>
    <row r="205" spans="1:17">
      <c r="A205" s="21" t="s">
        <v>240</v>
      </c>
      <c r="B205" s="21" t="s">
        <v>237</v>
      </c>
      <c r="C205" s="21" t="s">
        <v>265</v>
      </c>
      <c r="D205" s="21" t="s">
        <v>216</v>
      </c>
      <c r="E205" s="21" t="s">
        <v>684</v>
      </c>
      <c r="F205" s="21" t="s">
        <v>425</v>
      </c>
      <c r="G205" s="16">
        <v>618</v>
      </c>
      <c r="H205" s="16">
        <v>537</v>
      </c>
      <c r="I205" s="16">
        <v>479</v>
      </c>
      <c r="J205" s="16">
        <v>2</v>
      </c>
      <c r="K205" s="16">
        <v>58</v>
      </c>
      <c r="L205" s="22" t="s">
        <v>268</v>
      </c>
      <c r="M205" s="16">
        <v>81</v>
      </c>
      <c r="N205" s="22" t="s">
        <v>268</v>
      </c>
      <c r="O205" s="16">
        <v>37</v>
      </c>
      <c r="P205" s="16">
        <v>2</v>
      </c>
      <c r="Q205" s="22" t="s">
        <v>268</v>
      </c>
    </row>
    <row r="206" spans="1:17">
      <c r="A206" s="21" t="s">
        <v>240</v>
      </c>
      <c r="B206" s="21" t="s">
        <v>237</v>
      </c>
      <c r="C206" s="21" t="s">
        <v>265</v>
      </c>
      <c r="D206" s="21" t="s">
        <v>216</v>
      </c>
      <c r="E206" s="21" t="s">
        <v>684</v>
      </c>
      <c r="F206" s="21" t="s">
        <v>426</v>
      </c>
      <c r="G206" s="16">
        <v>425</v>
      </c>
      <c r="H206" s="16">
        <v>188</v>
      </c>
      <c r="I206" s="16">
        <v>140</v>
      </c>
      <c r="J206" s="16">
        <v>4</v>
      </c>
      <c r="K206" s="16">
        <v>48</v>
      </c>
      <c r="L206" s="16">
        <v>4</v>
      </c>
      <c r="M206" s="16">
        <v>233</v>
      </c>
      <c r="N206" s="22" t="s">
        <v>268</v>
      </c>
      <c r="O206" s="16">
        <v>16</v>
      </c>
      <c r="P206" s="16">
        <v>4</v>
      </c>
      <c r="Q206" s="16">
        <v>233</v>
      </c>
    </row>
    <row r="207" spans="1:17">
      <c r="A207" s="21" t="s">
        <v>240</v>
      </c>
      <c r="B207" s="21" t="s">
        <v>237</v>
      </c>
      <c r="C207" s="21" t="s">
        <v>265</v>
      </c>
      <c r="D207" s="21" t="s">
        <v>216</v>
      </c>
      <c r="E207" s="21" t="s">
        <v>684</v>
      </c>
      <c r="F207" s="21" t="s">
        <v>720</v>
      </c>
      <c r="G207" s="16">
        <v>9</v>
      </c>
      <c r="H207" s="22" t="s">
        <v>268</v>
      </c>
      <c r="I207" s="22" t="s">
        <v>268</v>
      </c>
      <c r="J207" s="22" t="s">
        <v>268</v>
      </c>
      <c r="K207" s="22" t="s">
        <v>268</v>
      </c>
      <c r="L207" s="22" t="s">
        <v>268</v>
      </c>
      <c r="M207" s="16">
        <v>9</v>
      </c>
      <c r="N207" s="22" t="s">
        <v>268</v>
      </c>
      <c r="O207" s="22" t="s">
        <v>268</v>
      </c>
      <c r="P207" s="22" t="s">
        <v>268</v>
      </c>
      <c r="Q207" s="22" t="s">
        <v>268</v>
      </c>
    </row>
    <row r="208" spans="1:17">
      <c r="A208" s="21" t="s">
        <v>240</v>
      </c>
      <c r="B208" s="21" t="s">
        <v>237</v>
      </c>
      <c r="C208" s="21" t="s">
        <v>265</v>
      </c>
      <c r="D208" s="21" t="s">
        <v>216</v>
      </c>
      <c r="E208" s="21" t="s">
        <v>684</v>
      </c>
      <c r="F208" s="21" t="s">
        <v>427</v>
      </c>
      <c r="G208" s="16">
        <v>500</v>
      </c>
      <c r="H208" s="16">
        <v>231</v>
      </c>
      <c r="I208" s="16">
        <v>171</v>
      </c>
      <c r="J208" s="16">
        <v>6</v>
      </c>
      <c r="K208" s="16">
        <v>60</v>
      </c>
      <c r="L208" s="16">
        <v>4</v>
      </c>
      <c r="M208" s="16">
        <v>265</v>
      </c>
      <c r="N208" s="22" t="s">
        <v>268</v>
      </c>
      <c r="O208" s="16">
        <v>21</v>
      </c>
      <c r="P208" s="16">
        <v>6</v>
      </c>
      <c r="Q208" s="16">
        <v>233</v>
      </c>
    </row>
    <row r="209" spans="1:17">
      <c r="A209" s="21" t="s">
        <v>240</v>
      </c>
      <c r="B209" s="21" t="s">
        <v>237</v>
      </c>
      <c r="C209" s="21" t="s">
        <v>265</v>
      </c>
      <c r="D209" s="21" t="s">
        <v>216</v>
      </c>
      <c r="E209" s="21" t="s">
        <v>684</v>
      </c>
      <c r="F209" s="21" t="s">
        <v>428</v>
      </c>
      <c r="G209" s="16">
        <v>195</v>
      </c>
      <c r="H209" s="16">
        <v>90</v>
      </c>
      <c r="I209" s="16">
        <v>62</v>
      </c>
      <c r="J209" s="22" t="s">
        <v>268</v>
      </c>
      <c r="K209" s="16">
        <v>28</v>
      </c>
      <c r="L209" s="16">
        <v>2</v>
      </c>
      <c r="M209" s="16">
        <v>103</v>
      </c>
      <c r="N209" s="22" t="s">
        <v>268</v>
      </c>
      <c r="O209" s="16">
        <v>9</v>
      </c>
      <c r="P209" s="22" t="s">
        <v>268</v>
      </c>
      <c r="Q209" s="16">
        <v>103</v>
      </c>
    </row>
    <row r="210" spans="1:17">
      <c r="A210" s="21" t="s">
        <v>240</v>
      </c>
      <c r="B210" s="21" t="s">
        <v>237</v>
      </c>
      <c r="C210" s="21" t="s">
        <v>265</v>
      </c>
      <c r="D210" s="21" t="s">
        <v>216</v>
      </c>
      <c r="E210" s="21" t="s">
        <v>684</v>
      </c>
      <c r="F210" s="21" t="s">
        <v>429</v>
      </c>
      <c r="G210" s="16">
        <v>50</v>
      </c>
      <c r="H210" s="16">
        <v>26</v>
      </c>
      <c r="I210" s="16">
        <v>17</v>
      </c>
      <c r="J210" s="22" t="s">
        <v>268</v>
      </c>
      <c r="K210" s="16">
        <v>9</v>
      </c>
      <c r="L210" s="22" t="s">
        <v>268</v>
      </c>
      <c r="M210" s="16">
        <v>24</v>
      </c>
      <c r="N210" s="22" t="s">
        <v>268</v>
      </c>
      <c r="O210" s="22" t="s">
        <v>268</v>
      </c>
      <c r="P210" s="22" t="s">
        <v>268</v>
      </c>
      <c r="Q210" s="16">
        <v>24</v>
      </c>
    </row>
    <row r="211" spans="1:17">
      <c r="A211" s="21" t="s">
        <v>240</v>
      </c>
      <c r="B211" s="21" t="s">
        <v>237</v>
      </c>
      <c r="C211" s="21" t="s">
        <v>265</v>
      </c>
      <c r="D211" s="21" t="s">
        <v>216</v>
      </c>
      <c r="E211" s="21" t="s">
        <v>685</v>
      </c>
      <c r="F211" s="21" t="s">
        <v>214</v>
      </c>
      <c r="G211" s="16">
        <v>7516</v>
      </c>
      <c r="H211" s="16">
        <v>4265</v>
      </c>
      <c r="I211" s="16">
        <v>3690</v>
      </c>
      <c r="J211" s="16">
        <v>114</v>
      </c>
      <c r="K211" s="16">
        <v>575</v>
      </c>
      <c r="L211" s="16">
        <v>158</v>
      </c>
      <c r="M211" s="16">
        <v>3064</v>
      </c>
      <c r="N211" s="16">
        <v>29</v>
      </c>
      <c r="O211" s="16">
        <v>403</v>
      </c>
      <c r="P211" s="16">
        <v>28</v>
      </c>
      <c r="Q211" s="16">
        <v>867</v>
      </c>
    </row>
    <row r="212" spans="1:17">
      <c r="A212" s="21" t="s">
        <v>240</v>
      </c>
      <c r="B212" s="21" t="s">
        <v>237</v>
      </c>
      <c r="C212" s="21" t="s">
        <v>265</v>
      </c>
      <c r="D212" s="21" t="s">
        <v>216</v>
      </c>
      <c r="E212" s="21" t="s">
        <v>685</v>
      </c>
      <c r="F212" s="21" t="s">
        <v>424</v>
      </c>
      <c r="G212" s="22" t="s">
        <v>268</v>
      </c>
      <c r="H212" s="22" t="s">
        <v>268</v>
      </c>
      <c r="I212" s="22" t="s">
        <v>268</v>
      </c>
      <c r="J212" s="22" t="s">
        <v>268</v>
      </c>
      <c r="K212" s="22" t="s">
        <v>268</v>
      </c>
      <c r="L212" s="22" t="s">
        <v>268</v>
      </c>
      <c r="M212" s="22" t="s">
        <v>268</v>
      </c>
      <c r="N212" s="22" t="s">
        <v>268</v>
      </c>
      <c r="O212" s="22" t="s">
        <v>268</v>
      </c>
      <c r="P212" s="22" t="s">
        <v>268</v>
      </c>
      <c r="Q212" s="22" t="s">
        <v>268</v>
      </c>
    </row>
    <row r="213" spans="1:17">
      <c r="A213" s="21" t="s">
        <v>240</v>
      </c>
      <c r="B213" s="21" t="s">
        <v>237</v>
      </c>
      <c r="C213" s="21" t="s">
        <v>265</v>
      </c>
      <c r="D213" s="21" t="s">
        <v>216</v>
      </c>
      <c r="E213" s="21" t="s">
        <v>685</v>
      </c>
      <c r="F213" s="21" t="s">
        <v>425</v>
      </c>
      <c r="G213" s="16">
        <v>5556</v>
      </c>
      <c r="H213" s="16">
        <v>3623</v>
      </c>
      <c r="I213" s="16">
        <v>3187</v>
      </c>
      <c r="J213" s="16">
        <v>88</v>
      </c>
      <c r="K213" s="16">
        <v>436</v>
      </c>
      <c r="L213" s="16">
        <v>143</v>
      </c>
      <c r="M213" s="16">
        <v>1790</v>
      </c>
      <c r="N213" s="22" t="s">
        <v>268</v>
      </c>
      <c r="O213" s="16">
        <v>323</v>
      </c>
      <c r="P213" s="16">
        <v>6</v>
      </c>
      <c r="Q213" s="22" t="s">
        <v>268</v>
      </c>
    </row>
    <row r="214" spans="1:17">
      <c r="A214" s="21" t="s">
        <v>240</v>
      </c>
      <c r="B214" s="21" t="s">
        <v>237</v>
      </c>
      <c r="C214" s="21" t="s">
        <v>265</v>
      </c>
      <c r="D214" s="21" t="s">
        <v>216</v>
      </c>
      <c r="E214" s="21" t="s">
        <v>685</v>
      </c>
      <c r="F214" s="21" t="s">
        <v>426</v>
      </c>
      <c r="G214" s="16">
        <v>1524</v>
      </c>
      <c r="H214" s="16">
        <v>642</v>
      </c>
      <c r="I214" s="16">
        <v>503</v>
      </c>
      <c r="J214" s="16">
        <v>26</v>
      </c>
      <c r="K214" s="16">
        <v>139</v>
      </c>
      <c r="L214" s="16">
        <v>15</v>
      </c>
      <c r="M214" s="16">
        <v>867</v>
      </c>
      <c r="N214" s="22" t="s">
        <v>268</v>
      </c>
      <c r="O214" s="16">
        <v>80</v>
      </c>
      <c r="P214" s="16">
        <v>22</v>
      </c>
      <c r="Q214" s="16">
        <v>867</v>
      </c>
    </row>
    <row r="215" spans="1:17">
      <c r="A215" s="21" t="s">
        <v>240</v>
      </c>
      <c r="B215" s="21" t="s">
        <v>237</v>
      </c>
      <c r="C215" s="21" t="s">
        <v>265</v>
      </c>
      <c r="D215" s="21" t="s">
        <v>216</v>
      </c>
      <c r="E215" s="21" t="s">
        <v>685</v>
      </c>
      <c r="F215" s="21" t="s">
        <v>720</v>
      </c>
      <c r="G215" s="16">
        <v>436</v>
      </c>
      <c r="H215" s="22" t="s">
        <v>268</v>
      </c>
      <c r="I215" s="22" t="s">
        <v>268</v>
      </c>
      <c r="J215" s="22" t="s">
        <v>268</v>
      </c>
      <c r="K215" s="22" t="s">
        <v>268</v>
      </c>
      <c r="L215" s="22" t="s">
        <v>268</v>
      </c>
      <c r="M215" s="16">
        <v>407</v>
      </c>
      <c r="N215" s="16">
        <v>29</v>
      </c>
      <c r="O215" s="22" t="s">
        <v>268</v>
      </c>
      <c r="P215" s="22" t="s">
        <v>268</v>
      </c>
      <c r="Q215" s="22" t="s">
        <v>268</v>
      </c>
    </row>
    <row r="216" spans="1:17">
      <c r="A216" s="21" t="s">
        <v>240</v>
      </c>
      <c r="B216" s="21" t="s">
        <v>237</v>
      </c>
      <c r="C216" s="21" t="s">
        <v>265</v>
      </c>
      <c r="D216" s="21" t="s">
        <v>216</v>
      </c>
      <c r="E216" s="21" t="s">
        <v>685</v>
      </c>
      <c r="F216" s="21" t="s">
        <v>427</v>
      </c>
      <c r="G216" s="16">
        <v>1910</v>
      </c>
      <c r="H216" s="16">
        <v>834</v>
      </c>
      <c r="I216" s="16">
        <v>659</v>
      </c>
      <c r="J216" s="16">
        <v>32</v>
      </c>
      <c r="K216" s="16">
        <v>175</v>
      </c>
      <c r="L216" s="16">
        <v>24</v>
      </c>
      <c r="M216" s="16">
        <v>1052</v>
      </c>
      <c r="N216" s="22" t="s">
        <v>268</v>
      </c>
      <c r="O216" s="16">
        <v>104</v>
      </c>
      <c r="P216" s="16">
        <v>28</v>
      </c>
      <c r="Q216" s="16">
        <v>867</v>
      </c>
    </row>
    <row r="217" spans="1:17">
      <c r="A217" s="21" t="s">
        <v>240</v>
      </c>
      <c r="B217" s="21" t="s">
        <v>237</v>
      </c>
      <c r="C217" s="21" t="s">
        <v>265</v>
      </c>
      <c r="D217" s="21" t="s">
        <v>216</v>
      </c>
      <c r="E217" s="21" t="s">
        <v>685</v>
      </c>
      <c r="F217" s="21" t="s">
        <v>428</v>
      </c>
      <c r="G217" s="16">
        <v>676</v>
      </c>
      <c r="H217" s="16">
        <v>277</v>
      </c>
      <c r="I217" s="16">
        <v>220</v>
      </c>
      <c r="J217" s="16">
        <v>8</v>
      </c>
      <c r="K217" s="16">
        <v>57</v>
      </c>
      <c r="L217" s="16">
        <v>4</v>
      </c>
      <c r="M217" s="16">
        <v>395</v>
      </c>
      <c r="N217" s="22" t="s">
        <v>268</v>
      </c>
      <c r="O217" s="16">
        <v>25</v>
      </c>
      <c r="P217" s="16">
        <v>8</v>
      </c>
      <c r="Q217" s="16">
        <v>395</v>
      </c>
    </row>
    <row r="218" spans="1:17">
      <c r="A218" s="21" t="s">
        <v>240</v>
      </c>
      <c r="B218" s="21" t="s">
        <v>237</v>
      </c>
      <c r="C218" s="21" t="s">
        <v>265</v>
      </c>
      <c r="D218" s="21" t="s">
        <v>216</v>
      </c>
      <c r="E218" s="21" t="s">
        <v>685</v>
      </c>
      <c r="F218" s="21" t="s">
        <v>429</v>
      </c>
      <c r="G218" s="16">
        <v>175</v>
      </c>
      <c r="H218" s="16">
        <v>70</v>
      </c>
      <c r="I218" s="16">
        <v>54</v>
      </c>
      <c r="J218" s="16">
        <v>2</v>
      </c>
      <c r="K218" s="16">
        <v>16</v>
      </c>
      <c r="L218" s="22" t="s">
        <v>268</v>
      </c>
      <c r="M218" s="16">
        <v>105</v>
      </c>
      <c r="N218" s="22" t="s">
        <v>268</v>
      </c>
      <c r="O218" s="16">
        <v>7</v>
      </c>
      <c r="P218" s="16">
        <v>2</v>
      </c>
      <c r="Q218" s="16">
        <v>105</v>
      </c>
    </row>
    <row r="219" spans="1:17">
      <c r="A219" s="21" t="s">
        <v>240</v>
      </c>
      <c r="B219" s="21" t="s">
        <v>237</v>
      </c>
      <c r="C219" s="21" t="s">
        <v>265</v>
      </c>
      <c r="D219" s="21" t="s">
        <v>216</v>
      </c>
      <c r="E219" s="21" t="s">
        <v>686</v>
      </c>
      <c r="F219" s="21" t="s">
        <v>214</v>
      </c>
      <c r="G219" s="16">
        <v>347</v>
      </c>
      <c r="H219" s="16">
        <v>81</v>
      </c>
      <c r="I219" s="16">
        <v>56</v>
      </c>
      <c r="J219" s="16">
        <v>2</v>
      </c>
      <c r="K219" s="16">
        <v>25</v>
      </c>
      <c r="L219" s="16">
        <v>4</v>
      </c>
      <c r="M219" s="16">
        <v>262</v>
      </c>
      <c r="N219" s="22" t="s">
        <v>268</v>
      </c>
      <c r="O219" s="16">
        <v>25</v>
      </c>
      <c r="P219" s="22" t="s">
        <v>268</v>
      </c>
      <c r="Q219" s="16">
        <v>5</v>
      </c>
    </row>
    <row r="220" spans="1:17">
      <c r="A220" s="21" t="s">
        <v>240</v>
      </c>
      <c r="B220" s="21" t="s">
        <v>237</v>
      </c>
      <c r="C220" s="21" t="s">
        <v>265</v>
      </c>
      <c r="D220" s="21" t="s">
        <v>216</v>
      </c>
      <c r="E220" s="21" t="s">
        <v>686</v>
      </c>
      <c r="F220" s="21" t="s">
        <v>424</v>
      </c>
      <c r="G220" s="22" t="s">
        <v>268</v>
      </c>
      <c r="H220" s="22" t="s">
        <v>268</v>
      </c>
      <c r="I220" s="22" t="s">
        <v>268</v>
      </c>
      <c r="J220" s="22" t="s">
        <v>268</v>
      </c>
      <c r="K220" s="22" t="s">
        <v>268</v>
      </c>
      <c r="L220" s="22" t="s">
        <v>268</v>
      </c>
      <c r="M220" s="22" t="s">
        <v>268</v>
      </c>
      <c r="N220" s="22" t="s">
        <v>268</v>
      </c>
      <c r="O220" s="22" t="s">
        <v>268</v>
      </c>
      <c r="P220" s="22" t="s">
        <v>268</v>
      </c>
      <c r="Q220" s="22" t="s">
        <v>268</v>
      </c>
    </row>
    <row r="221" spans="1:17">
      <c r="A221" s="21" t="s">
        <v>240</v>
      </c>
      <c r="B221" s="21" t="s">
        <v>237</v>
      </c>
      <c r="C221" s="21" t="s">
        <v>265</v>
      </c>
      <c r="D221" s="21" t="s">
        <v>216</v>
      </c>
      <c r="E221" s="21" t="s">
        <v>686</v>
      </c>
      <c r="F221" s="21" t="s">
        <v>425</v>
      </c>
      <c r="G221" s="16">
        <v>308</v>
      </c>
      <c r="H221" s="16">
        <v>67</v>
      </c>
      <c r="I221" s="16">
        <v>51</v>
      </c>
      <c r="J221" s="16">
        <v>2</v>
      </c>
      <c r="K221" s="16">
        <v>16</v>
      </c>
      <c r="L221" s="16">
        <v>4</v>
      </c>
      <c r="M221" s="16">
        <v>237</v>
      </c>
      <c r="N221" s="22" t="s">
        <v>268</v>
      </c>
      <c r="O221" s="16">
        <v>16</v>
      </c>
      <c r="P221" s="22" t="s">
        <v>268</v>
      </c>
      <c r="Q221" s="22" t="s">
        <v>268</v>
      </c>
    </row>
    <row r="222" spans="1:17">
      <c r="A222" s="21" t="s">
        <v>240</v>
      </c>
      <c r="B222" s="21" t="s">
        <v>237</v>
      </c>
      <c r="C222" s="21" t="s">
        <v>265</v>
      </c>
      <c r="D222" s="21" t="s">
        <v>216</v>
      </c>
      <c r="E222" s="21" t="s">
        <v>686</v>
      </c>
      <c r="F222" s="21" t="s">
        <v>426</v>
      </c>
      <c r="G222" s="16">
        <v>19</v>
      </c>
      <c r="H222" s="16">
        <v>14</v>
      </c>
      <c r="I222" s="16">
        <v>5</v>
      </c>
      <c r="J222" s="22" t="s">
        <v>268</v>
      </c>
      <c r="K222" s="16">
        <v>9</v>
      </c>
      <c r="L222" s="22" t="s">
        <v>268</v>
      </c>
      <c r="M222" s="16">
        <v>5</v>
      </c>
      <c r="N222" s="22" t="s">
        <v>268</v>
      </c>
      <c r="O222" s="16">
        <v>9</v>
      </c>
      <c r="P222" s="22" t="s">
        <v>268</v>
      </c>
      <c r="Q222" s="16">
        <v>5</v>
      </c>
    </row>
    <row r="223" spans="1:17">
      <c r="A223" s="21" t="s">
        <v>240</v>
      </c>
      <c r="B223" s="21" t="s">
        <v>237</v>
      </c>
      <c r="C223" s="21" t="s">
        <v>265</v>
      </c>
      <c r="D223" s="21" t="s">
        <v>216</v>
      </c>
      <c r="E223" s="21" t="s">
        <v>686</v>
      </c>
      <c r="F223" s="21" t="s">
        <v>720</v>
      </c>
      <c r="G223" s="16">
        <v>20</v>
      </c>
      <c r="H223" s="22" t="s">
        <v>268</v>
      </c>
      <c r="I223" s="22" t="s">
        <v>268</v>
      </c>
      <c r="J223" s="22" t="s">
        <v>268</v>
      </c>
      <c r="K223" s="22" t="s">
        <v>268</v>
      </c>
      <c r="L223" s="22" t="s">
        <v>268</v>
      </c>
      <c r="M223" s="16">
        <v>20</v>
      </c>
      <c r="N223" s="22" t="s">
        <v>268</v>
      </c>
      <c r="O223" s="22" t="s">
        <v>268</v>
      </c>
      <c r="P223" s="22" t="s">
        <v>268</v>
      </c>
      <c r="Q223" s="22" t="s">
        <v>268</v>
      </c>
    </row>
    <row r="224" spans="1:17">
      <c r="A224" s="21" t="s">
        <v>240</v>
      </c>
      <c r="B224" s="21" t="s">
        <v>237</v>
      </c>
      <c r="C224" s="21" t="s">
        <v>265</v>
      </c>
      <c r="D224" s="21" t="s">
        <v>216</v>
      </c>
      <c r="E224" s="21" t="s">
        <v>686</v>
      </c>
      <c r="F224" s="21" t="s">
        <v>427</v>
      </c>
      <c r="G224" s="16">
        <v>23</v>
      </c>
      <c r="H224" s="16">
        <v>14</v>
      </c>
      <c r="I224" s="16">
        <v>5</v>
      </c>
      <c r="J224" s="22" t="s">
        <v>268</v>
      </c>
      <c r="K224" s="16">
        <v>9</v>
      </c>
      <c r="L224" s="22" t="s">
        <v>268</v>
      </c>
      <c r="M224" s="16">
        <v>9</v>
      </c>
      <c r="N224" s="22" t="s">
        <v>268</v>
      </c>
      <c r="O224" s="16">
        <v>9</v>
      </c>
      <c r="P224" s="22" t="s">
        <v>268</v>
      </c>
      <c r="Q224" s="16">
        <v>5</v>
      </c>
    </row>
    <row r="225" spans="1:17">
      <c r="A225" s="21" t="s">
        <v>240</v>
      </c>
      <c r="B225" s="21" t="s">
        <v>237</v>
      </c>
      <c r="C225" s="21" t="s">
        <v>265</v>
      </c>
      <c r="D225" s="21" t="s">
        <v>216</v>
      </c>
      <c r="E225" s="21" t="s">
        <v>686</v>
      </c>
      <c r="F225" s="21" t="s">
        <v>428</v>
      </c>
      <c r="G225" s="16">
        <v>14</v>
      </c>
      <c r="H225" s="16">
        <v>12</v>
      </c>
      <c r="I225" s="16">
        <v>3</v>
      </c>
      <c r="J225" s="22" t="s">
        <v>268</v>
      </c>
      <c r="K225" s="16">
        <v>9</v>
      </c>
      <c r="L225" s="22" t="s">
        <v>268</v>
      </c>
      <c r="M225" s="16">
        <v>2</v>
      </c>
      <c r="N225" s="22" t="s">
        <v>268</v>
      </c>
      <c r="O225" s="16">
        <v>9</v>
      </c>
      <c r="P225" s="22" t="s">
        <v>268</v>
      </c>
      <c r="Q225" s="16">
        <v>2</v>
      </c>
    </row>
    <row r="226" spans="1:17">
      <c r="A226" s="21" t="s">
        <v>240</v>
      </c>
      <c r="B226" s="21" t="s">
        <v>237</v>
      </c>
      <c r="C226" s="21" t="s">
        <v>265</v>
      </c>
      <c r="D226" s="21" t="s">
        <v>216</v>
      </c>
      <c r="E226" s="21" t="s">
        <v>686</v>
      </c>
      <c r="F226" s="21" t="s">
        <v>429</v>
      </c>
      <c r="G226" s="16">
        <v>3</v>
      </c>
      <c r="H226" s="16">
        <v>3</v>
      </c>
      <c r="I226" s="16">
        <v>3</v>
      </c>
      <c r="J226" s="22" t="s">
        <v>268</v>
      </c>
      <c r="K226" s="22" t="s">
        <v>268</v>
      </c>
      <c r="L226" s="22" t="s">
        <v>268</v>
      </c>
      <c r="M226" s="22" t="s">
        <v>268</v>
      </c>
      <c r="N226" s="22" t="s">
        <v>268</v>
      </c>
      <c r="O226" s="22" t="s">
        <v>268</v>
      </c>
      <c r="P226" s="22" t="s">
        <v>268</v>
      </c>
      <c r="Q226" s="22" t="s">
        <v>268</v>
      </c>
    </row>
    <row r="227" spans="1:17">
      <c r="A227" s="21" t="s">
        <v>240</v>
      </c>
      <c r="B227" s="21" t="s">
        <v>237</v>
      </c>
      <c r="C227" s="21" t="s">
        <v>265</v>
      </c>
      <c r="D227" s="21" t="s">
        <v>216</v>
      </c>
      <c r="E227" s="21" t="s">
        <v>687</v>
      </c>
      <c r="F227" s="21" t="s">
        <v>214</v>
      </c>
      <c r="G227" s="16">
        <v>467</v>
      </c>
      <c r="H227" s="16">
        <v>129</v>
      </c>
      <c r="I227" s="16">
        <v>113</v>
      </c>
      <c r="J227" s="22" t="s">
        <v>268</v>
      </c>
      <c r="K227" s="16">
        <v>16</v>
      </c>
      <c r="L227" s="22" t="s">
        <v>268</v>
      </c>
      <c r="M227" s="16">
        <v>338</v>
      </c>
      <c r="N227" s="22" t="s">
        <v>268</v>
      </c>
      <c r="O227" s="16">
        <v>12</v>
      </c>
      <c r="P227" s="22" t="s">
        <v>268</v>
      </c>
      <c r="Q227" s="16">
        <v>42</v>
      </c>
    </row>
    <row r="228" spans="1:17">
      <c r="A228" s="21" t="s">
        <v>240</v>
      </c>
      <c r="B228" s="21" t="s">
        <v>237</v>
      </c>
      <c r="C228" s="21" t="s">
        <v>265</v>
      </c>
      <c r="D228" s="21" t="s">
        <v>216</v>
      </c>
      <c r="E228" s="21" t="s">
        <v>687</v>
      </c>
      <c r="F228" s="21" t="s">
        <v>424</v>
      </c>
      <c r="G228" s="22" t="s">
        <v>268</v>
      </c>
      <c r="H228" s="22" t="s">
        <v>268</v>
      </c>
      <c r="I228" s="22" t="s">
        <v>268</v>
      </c>
      <c r="J228" s="22" t="s">
        <v>268</v>
      </c>
      <c r="K228" s="22" t="s">
        <v>268</v>
      </c>
      <c r="L228" s="22" t="s">
        <v>268</v>
      </c>
      <c r="M228" s="22" t="s">
        <v>268</v>
      </c>
      <c r="N228" s="22" t="s">
        <v>268</v>
      </c>
      <c r="O228" s="22" t="s">
        <v>268</v>
      </c>
      <c r="P228" s="22" t="s">
        <v>268</v>
      </c>
      <c r="Q228" s="22" t="s">
        <v>268</v>
      </c>
    </row>
    <row r="229" spans="1:17">
      <c r="A229" s="21" t="s">
        <v>240</v>
      </c>
      <c r="B229" s="21" t="s">
        <v>237</v>
      </c>
      <c r="C229" s="21" t="s">
        <v>265</v>
      </c>
      <c r="D229" s="21" t="s">
        <v>216</v>
      </c>
      <c r="E229" s="21" t="s">
        <v>687</v>
      </c>
      <c r="F229" s="21" t="s">
        <v>425</v>
      </c>
      <c r="G229" s="16">
        <v>394</v>
      </c>
      <c r="H229" s="16">
        <v>102</v>
      </c>
      <c r="I229" s="16">
        <v>95</v>
      </c>
      <c r="J229" s="22" t="s">
        <v>268</v>
      </c>
      <c r="K229" s="16">
        <v>7</v>
      </c>
      <c r="L229" s="22" t="s">
        <v>268</v>
      </c>
      <c r="M229" s="16">
        <v>292</v>
      </c>
      <c r="N229" s="22" t="s">
        <v>268</v>
      </c>
      <c r="O229" s="16">
        <v>5</v>
      </c>
      <c r="P229" s="22" t="s">
        <v>268</v>
      </c>
      <c r="Q229" s="22" t="s">
        <v>268</v>
      </c>
    </row>
    <row r="230" spans="1:17">
      <c r="A230" s="21" t="s">
        <v>240</v>
      </c>
      <c r="B230" s="21" t="s">
        <v>237</v>
      </c>
      <c r="C230" s="21" t="s">
        <v>265</v>
      </c>
      <c r="D230" s="21" t="s">
        <v>216</v>
      </c>
      <c r="E230" s="21" t="s">
        <v>687</v>
      </c>
      <c r="F230" s="21" t="s">
        <v>426</v>
      </c>
      <c r="G230" s="16">
        <v>69</v>
      </c>
      <c r="H230" s="16">
        <v>27</v>
      </c>
      <c r="I230" s="16">
        <v>18</v>
      </c>
      <c r="J230" s="22" t="s">
        <v>268</v>
      </c>
      <c r="K230" s="16">
        <v>9</v>
      </c>
      <c r="L230" s="22" t="s">
        <v>268</v>
      </c>
      <c r="M230" s="16">
        <v>42</v>
      </c>
      <c r="N230" s="22" t="s">
        <v>268</v>
      </c>
      <c r="O230" s="16">
        <v>7</v>
      </c>
      <c r="P230" s="22" t="s">
        <v>268</v>
      </c>
      <c r="Q230" s="16">
        <v>42</v>
      </c>
    </row>
    <row r="231" spans="1:17">
      <c r="A231" s="21" t="s">
        <v>240</v>
      </c>
      <c r="B231" s="21" t="s">
        <v>237</v>
      </c>
      <c r="C231" s="21" t="s">
        <v>265</v>
      </c>
      <c r="D231" s="21" t="s">
        <v>216</v>
      </c>
      <c r="E231" s="21" t="s">
        <v>687</v>
      </c>
      <c r="F231" s="21" t="s">
        <v>720</v>
      </c>
      <c r="G231" s="16">
        <v>4</v>
      </c>
      <c r="H231" s="22" t="s">
        <v>268</v>
      </c>
      <c r="I231" s="22" t="s">
        <v>268</v>
      </c>
      <c r="J231" s="22" t="s">
        <v>268</v>
      </c>
      <c r="K231" s="22" t="s">
        <v>268</v>
      </c>
      <c r="L231" s="22" t="s">
        <v>268</v>
      </c>
      <c r="M231" s="16">
        <v>4</v>
      </c>
      <c r="N231" s="22" t="s">
        <v>268</v>
      </c>
      <c r="O231" s="22" t="s">
        <v>268</v>
      </c>
      <c r="P231" s="22" t="s">
        <v>268</v>
      </c>
      <c r="Q231" s="22" t="s">
        <v>268</v>
      </c>
    </row>
    <row r="232" spans="1:17">
      <c r="A232" s="21" t="s">
        <v>240</v>
      </c>
      <c r="B232" s="21" t="s">
        <v>237</v>
      </c>
      <c r="C232" s="21" t="s">
        <v>265</v>
      </c>
      <c r="D232" s="21" t="s">
        <v>216</v>
      </c>
      <c r="E232" s="21" t="s">
        <v>687</v>
      </c>
      <c r="F232" s="21" t="s">
        <v>427</v>
      </c>
      <c r="G232" s="16">
        <v>80</v>
      </c>
      <c r="H232" s="16">
        <v>34</v>
      </c>
      <c r="I232" s="16">
        <v>20</v>
      </c>
      <c r="J232" s="22" t="s">
        <v>268</v>
      </c>
      <c r="K232" s="16">
        <v>14</v>
      </c>
      <c r="L232" s="22" t="s">
        <v>268</v>
      </c>
      <c r="M232" s="16">
        <v>46</v>
      </c>
      <c r="N232" s="22" t="s">
        <v>268</v>
      </c>
      <c r="O232" s="16">
        <v>12</v>
      </c>
      <c r="P232" s="22" t="s">
        <v>268</v>
      </c>
      <c r="Q232" s="16">
        <v>42</v>
      </c>
    </row>
    <row r="233" spans="1:17">
      <c r="A233" s="21" t="s">
        <v>240</v>
      </c>
      <c r="B233" s="21" t="s">
        <v>237</v>
      </c>
      <c r="C233" s="21" t="s">
        <v>265</v>
      </c>
      <c r="D233" s="21" t="s">
        <v>216</v>
      </c>
      <c r="E233" s="21" t="s">
        <v>687</v>
      </c>
      <c r="F233" s="21" t="s">
        <v>428</v>
      </c>
      <c r="G233" s="16">
        <v>32</v>
      </c>
      <c r="H233" s="16">
        <v>14</v>
      </c>
      <c r="I233" s="16">
        <v>7</v>
      </c>
      <c r="J233" s="22" t="s">
        <v>268</v>
      </c>
      <c r="K233" s="16">
        <v>7</v>
      </c>
      <c r="L233" s="22" t="s">
        <v>268</v>
      </c>
      <c r="M233" s="16">
        <v>18</v>
      </c>
      <c r="N233" s="22" t="s">
        <v>268</v>
      </c>
      <c r="O233" s="16">
        <v>7</v>
      </c>
      <c r="P233" s="22" t="s">
        <v>268</v>
      </c>
      <c r="Q233" s="16">
        <v>18</v>
      </c>
    </row>
    <row r="234" spans="1:17">
      <c r="A234" s="21" t="s">
        <v>240</v>
      </c>
      <c r="B234" s="21" t="s">
        <v>237</v>
      </c>
      <c r="C234" s="21" t="s">
        <v>265</v>
      </c>
      <c r="D234" s="21" t="s">
        <v>216</v>
      </c>
      <c r="E234" s="21" t="s">
        <v>687</v>
      </c>
      <c r="F234" s="21" t="s">
        <v>429</v>
      </c>
      <c r="G234" s="16">
        <v>12</v>
      </c>
      <c r="H234" s="16">
        <v>7</v>
      </c>
      <c r="I234" s="22" t="s">
        <v>268</v>
      </c>
      <c r="J234" s="22" t="s">
        <v>268</v>
      </c>
      <c r="K234" s="16">
        <v>7</v>
      </c>
      <c r="L234" s="22" t="s">
        <v>268</v>
      </c>
      <c r="M234" s="16">
        <v>5</v>
      </c>
      <c r="N234" s="22" t="s">
        <v>268</v>
      </c>
      <c r="O234" s="16">
        <v>7</v>
      </c>
      <c r="P234" s="22" t="s">
        <v>268</v>
      </c>
      <c r="Q234" s="16">
        <v>5</v>
      </c>
    </row>
    <row r="235" spans="1:17">
      <c r="A235" s="21" t="s">
        <v>240</v>
      </c>
      <c r="B235" s="21" t="s">
        <v>237</v>
      </c>
      <c r="C235" s="21" t="s">
        <v>265</v>
      </c>
      <c r="D235" s="21" t="s">
        <v>216</v>
      </c>
      <c r="E235" s="21" t="s">
        <v>688</v>
      </c>
      <c r="F235" s="21" t="s">
        <v>214</v>
      </c>
      <c r="G235" s="16">
        <v>849</v>
      </c>
      <c r="H235" s="16">
        <v>132</v>
      </c>
      <c r="I235" s="16">
        <v>119</v>
      </c>
      <c r="J235" s="22" t="s">
        <v>268</v>
      </c>
      <c r="K235" s="16">
        <v>13</v>
      </c>
      <c r="L235" s="16">
        <v>6</v>
      </c>
      <c r="M235" s="16">
        <v>711</v>
      </c>
      <c r="N235" s="22" t="s">
        <v>268</v>
      </c>
      <c r="O235" s="16">
        <v>8</v>
      </c>
      <c r="P235" s="22" t="s">
        <v>268</v>
      </c>
      <c r="Q235" s="16">
        <v>25</v>
      </c>
    </row>
    <row r="236" spans="1:17">
      <c r="A236" s="21" t="s">
        <v>240</v>
      </c>
      <c r="B236" s="21" t="s">
        <v>237</v>
      </c>
      <c r="C236" s="21" t="s">
        <v>265</v>
      </c>
      <c r="D236" s="21" t="s">
        <v>216</v>
      </c>
      <c r="E236" s="21" t="s">
        <v>688</v>
      </c>
      <c r="F236" s="21" t="s">
        <v>424</v>
      </c>
      <c r="G236" s="22" t="s">
        <v>268</v>
      </c>
      <c r="H236" s="22" t="s">
        <v>268</v>
      </c>
      <c r="I236" s="22" t="s">
        <v>268</v>
      </c>
      <c r="J236" s="22" t="s">
        <v>268</v>
      </c>
      <c r="K236" s="22" t="s">
        <v>268</v>
      </c>
      <c r="L236" s="22" t="s">
        <v>268</v>
      </c>
      <c r="M236" s="22" t="s">
        <v>268</v>
      </c>
      <c r="N236" s="22" t="s">
        <v>268</v>
      </c>
      <c r="O236" s="22" t="s">
        <v>268</v>
      </c>
      <c r="P236" s="22" t="s">
        <v>268</v>
      </c>
      <c r="Q236" s="22" t="s">
        <v>268</v>
      </c>
    </row>
    <row r="237" spans="1:17">
      <c r="A237" s="21" t="s">
        <v>240</v>
      </c>
      <c r="B237" s="21" t="s">
        <v>237</v>
      </c>
      <c r="C237" s="21" t="s">
        <v>265</v>
      </c>
      <c r="D237" s="21" t="s">
        <v>216</v>
      </c>
      <c r="E237" s="21" t="s">
        <v>688</v>
      </c>
      <c r="F237" s="21" t="s">
        <v>425</v>
      </c>
      <c r="G237" s="16">
        <v>797</v>
      </c>
      <c r="H237" s="16">
        <v>109</v>
      </c>
      <c r="I237" s="16">
        <v>105</v>
      </c>
      <c r="J237" s="22" t="s">
        <v>268</v>
      </c>
      <c r="K237" s="16">
        <v>4</v>
      </c>
      <c r="L237" s="16">
        <v>6</v>
      </c>
      <c r="M237" s="16">
        <v>682</v>
      </c>
      <c r="N237" s="22" t="s">
        <v>268</v>
      </c>
      <c r="O237" s="16">
        <v>4</v>
      </c>
      <c r="P237" s="22" t="s">
        <v>268</v>
      </c>
      <c r="Q237" s="22" t="s">
        <v>268</v>
      </c>
    </row>
    <row r="238" spans="1:17">
      <c r="A238" s="21" t="s">
        <v>240</v>
      </c>
      <c r="B238" s="21" t="s">
        <v>237</v>
      </c>
      <c r="C238" s="21" t="s">
        <v>265</v>
      </c>
      <c r="D238" s="21" t="s">
        <v>216</v>
      </c>
      <c r="E238" s="21" t="s">
        <v>688</v>
      </c>
      <c r="F238" s="21" t="s">
        <v>426</v>
      </c>
      <c r="G238" s="16">
        <v>48</v>
      </c>
      <c r="H238" s="16">
        <v>23</v>
      </c>
      <c r="I238" s="16">
        <v>14</v>
      </c>
      <c r="J238" s="22" t="s">
        <v>268</v>
      </c>
      <c r="K238" s="16">
        <v>9</v>
      </c>
      <c r="L238" s="22" t="s">
        <v>268</v>
      </c>
      <c r="M238" s="16">
        <v>25</v>
      </c>
      <c r="N238" s="22" t="s">
        <v>268</v>
      </c>
      <c r="O238" s="16">
        <v>4</v>
      </c>
      <c r="P238" s="22" t="s">
        <v>268</v>
      </c>
      <c r="Q238" s="16">
        <v>25</v>
      </c>
    </row>
    <row r="239" spans="1:17">
      <c r="A239" s="21" t="s">
        <v>240</v>
      </c>
      <c r="B239" s="21" t="s">
        <v>237</v>
      </c>
      <c r="C239" s="21" t="s">
        <v>265</v>
      </c>
      <c r="D239" s="21" t="s">
        <v>216</v>
      </c>
      <c r="E239" s="21" t="s">
        <v>688</v>
      </c>
      <c r="F239" s="21" t="s">
        <v>720</v>
      </c>
      <c r="G239" s="16">
        <v>4</v>
      </c>
      <c r="H239" s="22" t="s">
        <v>268</v>
      </c>
      <c r="I239" s="22" t="s">
        <v>268</v>
      </c>
      <c r="J239" s="22" t="s">
        <v>268</v>
      </c>
      <c r="K239" s="22" t="s">
        <v>268</v>
      </c>
      <c r="L239" s="22" t="s">
        <v>268</v>
      </c>
      <c r="M239" s="16">
        <v>4</v>
      </c>
      <c r="N239" s="22" t="s">
        <v>268</v>
      </c>
      <c r="O239" s="22" t="s">
        <v>268</v>
      </c>
      <c r="P239" s="22" t="s">
        <v>268</v>
      </c>
      <c r="Q239" s="22" t="s">
        <v>268</v>
      </c>
    </row>
    <row r="240" spans="1:17">
      <c r="A240" s="21" t="s">
        <v>240</v>
      </c>
      <c r="B240" s="21" t="s">
        <v>237</v>
      </c>
      <c r="C240" s="21" t="s">
        <v>265</v>
      </c>
      <c r="D240" s="21" t="s">
        <v>216</v>
      </c>
      <c r="E240" s="21" t="s">
        <v>688</v>
      </c>
      <c r="F240" s="21" t="s">
        <v>427</v>
      </c>
      <c r="G240" s="16">
        <v>52</v>
      </c>
      <c r="H240" s="16">
        <v>27</v>
      </c>
      <c r="I240" s="16">
        <v>14</v>
      </c>
      <c r="J240" s="22" t="s">
        <v>268</v>
      </c>
      <c r="K240" s="16">
        <v>13</v>
      </c>
      <c r="L240" s="22" t="s">
        <v>268</v>
      </c>
      <c r="M240" s="16">
        <v>25</v>
      </c>
      <c r="N240" s="22" t="s">
        <v>268</v>
      </c>
      <c r="O240" s="16">
        <v>8</v>
      </c>
      <c r="P240" s="22" t="s">
        <v>268</v>
      </c>
      <c r="Q240" s="16">
        <v>25</v>
      </c>
    </row>
    <row r="241" spans="1:17">
      <c r="A241" s="21" t="s">
        <v>240</v>
      </c>
      <c r="B241" s="21" t="s">
        <v>237</v>
      </c>
      <c r="C241" s="21" t="s">
        <v>265</v>
      </c>
      <c r="D241" s="21" t="s">
        <v>216</v>
      </c>
      <c r="E241" s="21" t="s">
        <v>688</v>
      </c>
      <c r="F241" s="21" t="s">
        <v>428</v>
      </c>
      <c r="G241" s="16">
        <v>30</v>
      </c>
      <c r="H241" s="16">
        <v>14</v>
      </c>
      <c r="I241" s="16">
        <v>9</v>
      </c>
      <c r="J241" s="22" t="s">
        <v>268</v>
      </c>
      <c r="K241" s="16">
        <v>5</v>
      </c>
      <c r="L241" s="22" t="s">
        <v>268</v>
      </c>
      <c r="M241" s="16">
        <v>16</v>
      </c>
      <c r="N241" s="22" t="s">
        <v>268</v>
      </c>
      <c r="O241" s="22" t="s">
        <v>268</v>
      </c>
      <c r="P241" s="22" t="s">
        <v>268</v>
      </c>
      <c r="Q241" s="16">
        <v>16</v>
      </c>
    </row>
    <row r="242" spans="1:17">
      <c r="A242" s="21" t="s">
        <v>240</v>
      </c>
      <c r="B242" s="21" t="s">
        <v>237</v>
      </c>
      <c r="C242" s="21" t="s">
        <v>265</v>
      </c>
      <c r="D242" s="21" t="s">
        <v>216</v>
      </c>
      <c r="E242" s="21" t="s">
        <v>688</v>
      </c>
      <c r="F242" s="21" t="s">
        <v>429</v>
      </c>
      <c r="G242" s="16">
        <v>19</v>
      </c>
      <c r="H242" s="16">
        <v>12</v>
      </c>
      <c r="I242" s="16">
        <v>7</v>
      </c>
      <c r="J242" s="22" t="s">
        <v>268</v>
      </c>
      <c r="K242" s="16">
        <v>5</v>
      </c>
      <c r="L242" s="22" t="s">
        <v>268</v>
      </c>
      <c r="M242" s="16">
        <v>7</v>
      </c>
      <c r="N242" s="22" t="s">
        <v>268</v>
      </c>
      <c r="O242" s="22" t="s">
        <v>268</v>
      </c>
      <c r="P242" s="22" t="s">
        <v>268</v>
      </c>
      <c r="Q242" s="16">
        <v>7</v>
      </c>
    </row>
    <row r="243" spans="1:17">
      <c r="A243" s="21" t="s">
        <v>240</v>
      </c>
      <c r="B243" s="21" t="s">
        <v>237</v>
      </c>
      <c r="C243" s="21" t="s">
        <v>265</v>
      </c>
      <c r="D243" s="21" t="s">
        <v>216</v>
      </c>
      <c r="E243" s="21" t="s">
        <v>689</v>
      </c>
      <c r="F243" s="21" t="s">
        <v>214</v>
      </c>
      <c r="G243" s="22" t="s">
        <v>268</v>
      </c>
      <c r="H243" s="22" t="s">
        <v>268</v>
      </c>
      <c r="I243" s="22" t="s">
        <v>268</v>
      </c>
      <c r="J243" s="22" t="s">
        <v>268</v>
      </c>
      <c r="K243" s="22" t="s">
        <v>268</v>
      </c>
      <c r="L243" s="22" t="s">
        <v>268</v>
      </c>
      <c r="M243" s="22" t="s">
        <v>268</v>
      </c>
      <c r="N243" s="22" t="s">
        <v>268</v>
      </c>
      <c r="O243" s="22" t="s">
        <v>268</v>
      </c>
      <c r="P243" s="22" t="s">
        <v>268</v>
      </c>
      <c r="Q243" s="22" t="s">
        <v>268</v>
      </c>
    </row>
    <row r="244" spans="1:17">
      <c r="A244" s="21" t="s">
        <v>240</v>
      </c>
      <c r="B244" s="21" t="s">
        <v>237</v>
      </c>
      <c r="C244" s="21" t="s">
        <v>265</v>
      </c>
      <c r="D244" s="21" t="s">
        <v>216</v>
      </c>
      <c r="E244" s="21" t="s">
        <v>689</v>
      </c>
      <c r="F244" s="21" t="s">
        <v>424</v>
      </c>
      <c r="G244" s="22" t="s">
        <v>268</v>
      </c>
      <c r="H244" s="22" t="s">
        <v>268</v>
      </c>
      <c r="I244" s="22" t="s">
        <v>268</v>
      </c>
      <c r="J244" s="22" t="s">
        <v>268</v>
      </c>
      <c r="K244" s="22" t="s">
        <v>268</v>
      </c>
      <c r="L244" s="22" t="s">
        <v>268</v>
      </c>
      <c r="M244" s="22" t="s">
        <v>268</v>
      </c>
      <c r="N244" s="22" t="s">
        <v>268</v>
      </c>
      <c r="O244" s="22" t="s">
        <v>268</v>
      </c>
      <c r="P244" s="22" t="s">
        <v>268</v>
      </c>
      <c r="Q244" s="22" t="s">
        <v>268</v>
      </c>
    </row>
    <row r="245" spans="1:17">
      <c r="A245" s="21" t="s">
        <v>240</v>
      </c>
      <c r="B245" s="21" t="s">
        <v>237</v>
      </c>
      <c r="C245" s="21" t="s">
        <v>265</v>
      </c>
      <c r="D245" s="21" t="s">
        <v>216</v>
      </c>
      <c r="E245" s="21" t="s">
        <v>689</v>
      </c>
      <c r="F245" s="21" t="s">
        <v>425</v>
      </c>
      <c r="G245" s="22" t="s">
        <v>268</v>
      </c>
      <c r="H245" s="22" t="s">
        <v>268</v>
      </c>
      <c r="I245" s="22" t="s">
        <v>268</v>
      </c>
      <c r="J245" s="22" t="s">
        <v>268</v>
      </c>
      <c r="K245" s="22" t="s">
        <v>268</v>
      </c>
      <c r="L245" s="22" t="s">
        <v>268</v>
      </c>
      <c r="M245" s="22" t="s">
        <v>268</v>
      </c>
      <c r="N245" s="22" t="s">
        <v>268</v>
      </c>
      <c r="O245" s="22" t="s">
        <v>268</v>
      </c>
      <c r="P245" s="22" t="s">
        <v>268</v>
      </c>
      <c r="Q245" s="22" t="s">
        <v>268</v>
      </c>
    </row>
    <row r="246" spans="1:17">
      <c r="A246" s="21" t="s">
        <v>240</v>
      </c>
      <c r="B246" s="21" t="s">
        <v>237</v>
      </c>
      <c r="C246" s="21" t="s">
        <v>265</v>
      </c>
      <c r="D246" s="21" t="s">
        <v>216</v>
      </c>
      <c r="E246" s="21" t="s">
        <v>689</v>
      </c>
      <c r="F246" s="21" t="s">
        <v>426</v>
      </c>
      <c r="G246" s="22" t="s">
        <v>268</v>
      </c>
      <c r="H246" s="22" t="s">
        <v>268</v>
      </c>
      <c r="I246" s="22" t="s">
        <v>268</v>
      </c>
      <c r="J246" s="22" t="s">
        <v>268</v>
      </c>
      <c r="K246" s="22" t="s">
        <v>268</v>
      </c>
      <c r="L246" s="22" t="s">
        <v>268</v>
      </c>
      <c r="M246" s="22" t="s">
        <v>268</v>
      </c>
      <c r="N246" s="22" t="s">
        <v>268</v>
      </c>
      <c r="O246" s="22" t="s">
        <v>268</v>
      </c>
      <c r="P246" s="22" t="s">
        <v>268</v>
      </c>
      <c r="Q246" s="22" t="s">
        <v>268</v>
      </c>
    </row>
    <row r="247" spans="1:17">
      <c r="A247" s="21" t="s">
        <v>240</v>
      </c>
      <c r="B247" s="21" t="s">
        <v>237</v>
      </c>
      <c r="C247" s="21" t="s">
        <v>265</v>
      </c>
      <c r="D247" s="21" t="s">
        <v>216</v>
      </c>
      <c r="E247" s="21" t="s">
        <v>689</v>
      </c>
      <c r="F247" s="21" t="s">
        <v>720</v>
      </c>
      <c r="G247" s="22" t="s">
        <v>268</v>
      </c>
      <c r="H247" s="22" t="s">
        <v>268</v>
      </c>
      <c r="I247" s="22" t="s">
        <v>268</v>
      </c>
      <c r="J247" s="22" t="s">
        <v>268</v>
      </c>
      <c r="K247" s="22" t="s">
        <v>268</v>
      </c>
      <c r="L247" s="22" t="s">
        <v>268</v>
      </c>
      <c r="M247" s="22" t="s">
        <v>268</v>
      </c>
      <c r="N247" s="22" t="s">
        <v>268</v>
      </c>
      <c r="O247" s="22" t="s">
        <v>268</v>
      </c>
      <c r="P247" s="22" t="s">
        <v>268</v>
      </c>
      <c r="Q247" s="22" t="s">
        <v>268</v>
      </c>
    </row>
    <row r="248" spans="1:17">
      <c r="A248" s="21" t="s">
        <v>240</v>
      </c>
      <c r="B248" s="21" t="s">
        <v>237</v>
      </c>
      <c r="C248" s="21" t="s">
        <v>265</v>
      </c>
      <c r="D248" s="21" t="s">
        <v>216</v>
      </c>
      <c r="E248" s="21" t="s">
        <v>689</v>
      </c>
      <c r="F248" s="21" t="s">
        <v>427</v>
      </c>
      <c r="G248" s="22" t="s">
        <v>268</v>
      </c>
      <c r="H248" s="22" t="s">
        <v>268</v>
      </c>
      <c r="I248" s="22" t="s">
        <v>268</v>
      </c>
      <c r="J248" s="22" t="s">
        <v>268</v>
      </c>
      <c r="K248" s="22" t="s">
        <v>268</v>
      </c>
      <c r="L248" s="22" t="s">
        <v>268</v>
      </c>
      <c r="M248" s="22" t="s">
        <v>268</v>
      </c>
      <c r="N248" s="22" t="s">
        <v>268</v>
      </c>
      <c r="O248" s="22" t="s">
        <v>268</v>
      </c>
      <c r="P248" s="22" t="s">
        <v>268</v>
      </c>
      <c r="Q248" s="22" t="s">
        <v>268</v>
      </c>
    </row>
    <row r="249" spans="1:17">
      <c r="A249" s="21" t="s">
        <v>240</v>
      </c>
      <c r="B249" s="21" t="s">
        <v>237</v>
      </c>
      <c r="C249" s="21" t="s">
        <v>265</v>
      </c>
      <c r="D249" s="21" t="s">
        <v>216</v>
      </c>
      <c r="E249" s="21" t="s">
        <v>689</v>
      </c>
      <c r="F249" s="21" t="s">
        <v>428</v>
      </c>
      <c r="G249" s="22" t="s">
        <v>268</v>
      </c>
      <c r="H249" s="22" t="s">
        <v>268</v>
      </c>
      <c r="I249" s="22" t="s">
        <v>268</v>
      </c>
      <c r="J249" s="22" t="s">
        <v>268</v>
      </c>
      <c r="K249" s="22" t="s">
        <v>268</v>
      </c>
      <c r="L249" s="22" t="s">
        <v>268</v>
      </c>
      <c r="M249" s="22" t="s">
        <v>268</v>
      </c>
      <c r="N249" s="22" t="s">
        <v>268</v>
      </c>
      <c r="O249" s="22" t="s">
        <v>268</v>
      </c>
      <c r="P249" s="22" t="s">
        <v>268</v>
      </c>
      <c r="Q249" s="22" t="s">
        <v>268</v>
      </c>
    </row>
    <row r="250" spans="1:17">
      <c r="A250" s="21" t="s">
        <v>240</v>
      </c>
      <c r="B250" s="21" t="s">
        <v>237</v>
      </c>
      <c r="C250" s="21" t="s">
        <v>265</v>
      </c>
      <c r="D250" s="21" t="s">
        <v>216</v>
      </c>
      <c r="E250" s="21" t="s">
        <v>689</v>
      </c>
      <c r="F250" s="21" t="s">
        <v>429</v>
      </c>
      <c r="G250" s="22" t="s">
        <v>268</v>
      </c>
      <c r="H250" s="22" t="s">
        <v>268</v>
      </c>
      <c r="I250" s="22" t="s">
        <v>268</v>
      </c>
      <c r="J250" s="22" t="s">
        <v>268</v>
      </c>
      <c r="K250" s="22" t="s">
        <v>268</v>
      </c>
      <c r="L250" s="22" t="s">
        <v>268</v>
      </c>
      <c r="M250" s="22" t="s">
        <v>268</v>
      </c>
      <c r="N250" s="22" t="s">
        <v>268</v>
      </c>
      <c r="O250" s="22" t="s">
        <v>268</v>
      </c>
      <c r="P250" s="22" t="s">
        <v>268</v>
      </c>
      <c r="Q25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7" orientation="portrait" r:id="rId1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DBD1AC5-BADE-4F5F-95B3-AB7652E92CDE}">
  <sheetPr>
    <pageSetUpPr fitToPage="1"/>
  </sheetPr>
  <dimension ref="A1:L16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7.5" style="20" bestFit="1" customWidth="1"/>
    <col min="5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726</v>
      </c>
    </row>
    <row r="3" spans="1:12" s="11" customFormat="1"/>
    <row r="4" spans="1:12" s="11" customFormat="1" hidden="1"/>
    <row r="5" spans="1:12" s="11" customFormat="1"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</row>
    <row r="6" spans="1:12" s="11" customFormat="1" ht="24">
      <c r="E6" s="12" t="s">
        <v>487</v>
      </c>
      <c r="F6" s="12" t="s">
        <v>487</v>
      </c>
      <c r="G6" s="12" t="s">
        <v>487</v>
      </c>
      <c r="H6" s="12" t="s">
        <v>487</v>
      </c>
      <c r="I6" s="12" t="s">
        <v>487</v>
      </c>
      <c r="J6" s="12" t="s">
        <v>487</v>
      </c>
      <c r="K6" s="12" t="s">
        <v>487</v>
      </c>
      <c r="L6" s="12" t="s">
        <v>487</v>
      </c>
    </row>
    <row r="7" spans="1:12" s="11" customFormat="1">
      <c r="E7" s="12">
        <v>1</v>
      </c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</row>
    <row r="8" spans="1:12" s="11" customFormat="1" ht="24">
      <c r="E8" s="12" t="s">
        <v>214</v>
      </c>
      <c r="F8" s="12" t="s">
        <v>540</v>
      </c>
      <c r="G8" s="12" t="s">
        <v>541</v>
      </c>
      <c r="H8" s="12" t="s">
        <v>542</v>
      </c>
      <c r="I8" s="12" t="s">
        <v>543</v>
      </c>
      <c r="J8" s="12" t="s">
        <v>544</v>
      </c>
      <c r="K8" s="12" t="s">
        <v>545</v>
      </c>
      <c r="L8" s="12" t="s">
        <v>546</v>
      </c>
    </row>
    <row r="9" spans="1:12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</row>
    <row r="10" spans="1:12" s="11" customFormat="1">
      <c r="A10" s="14" t="s">
        <v>224</v>
      </c>
      <c r="B10" s="14" t="s">
        <v>259</v>
      </c>
      <c r="C10" s="14" t="s">
        <v>230</v>
      </c>
      <c r="D10" s="14" t="s">
        <v>727</v>
      </c>
      <c r="E10" s="14" t="s">
        <v>231</v>
      </c>
      <c r="F10" s="14"/>
      <c r="G10" s="14"/>
      <c r="H10" s="14"/>
      <c r="I10" s="14"/>
      <c r="J10" s="14"/>
      <c r="K10" s="14"/>
      <c r="L10" s="14"/>
    </row>
    <row r="11" spans="1:12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55704949</v>
      </c>
      <c r="F11" s="16">
        <v>21151042</v>
      </c>
      <c r="G11" s="16">
        <v>15656588</v>
      </c>
      <c r="H11" s="16">
        <v>9229513</v>
      </c>
      <c r="I11" s="16">
        <v>6629815</v>
      </c>
      <c r="J11" s="16">
        <v>2126291</v>
      </c>
      <c r="K11" s="16">
        <v>629499</v>
      </c>
      <c r="L11" s="16">
        <v>282201</v>
      </c>
    </row>
    <row r="12" spans="1:12">
      <c r="A12" s="21" t="s">
        <v>232</v>
      </c>
      <c r="B12" s="21" t="s">
        <v>233</v>
      </c>
      <c r="C12" s="21" t="s">
        <v>262</v>
      </c>
      <c r="D12" s="21" t="s">
        <v>728</v>
      </c>
      <c r="E12" s="16">
        <v>22655031</v>
      </c>
      <c r="F12" s="16">
        <v>6716806</v>
      </c>
      <c r="G12" s="16">
        <v>9372846</v>
      </c>
      <c r="H12" s="16">
        <v>3804412</v>
      </c>
      <c r="I12" s="16">
        <v>1475845</v>
      </c>
      <c r="J12" s="16">
        <v>680304</v>
      </c>
      <c r="K12" s="16">
        <v>389948</v>
      </c>
      <c r="L12" s="16">
        <v>214870</v>
      </c>
    </row>
    <row r="13" spans="1:12">
      <c r="A13" s="21" t="s">
        <v>232</v>
      </c>
      <c r="B13" s="21" t="s">
        <v>237</v>
      </c>
      <c r="C13" s="21" t="s">
        <v>264</v>
      </c>
      <c r="D13" s="21" t="s">
        <v>214</v>
      </c>
      <c r="E13" s="16">
        <v>716740</v>
      </c>
      <c r="F13" s="16">
        <v>242940</v>
      </c>
      <c r="G13" s="16">
        <v>212169</v>
      </c>
      <c r="H13" s="16">
        <v>120909</v>
      </c>
      <c r="I13" s="16">
        <v>85243</v>
      </c>
      <c r="J13" s="16">
        <v>35845</v>
      </c>
      <c r="K13" s="16">
        <v>12278</v>
      </c>
      <c r="L13" s="16">
        <v>7356</v>
      </c>
    </row>
    <row r="14" spans="1:12">
      <c r="A14" s="21" t="s">
        <v>232</v>
      </c>
      <c r="B14" s="21" t="s">
        <v>237</v>
      </c>
      <c r="C14" s="21" t="s">
        <v>264</v>
      </c>
      <c r="D14" s="21" t="s">
        <v>728</v>
      </c>
      <c r="E14" s="16">
        <v>334262</v>
      </c>
      <c r="F14" s="16">
        <v>92410</v>
      </c>
      <c r="G14" s="16">
        <v>136364</v>
      </c>
      <c r="H14" s="16">
        <v>57127</v>
      </c>
      <c r="I14" s="16">
        <v>23889</v>
      </c>
      <c r="J14" s="16">
        <v>11637</v>
      </c>
      <c r="K14" s="16">
        <v>7143</v>
      </c>
      <c r="L14" s="16">
        <v>5692</v>
      </c>
    </row>
    <row r="15" spans="1:12">
      <c r="A15" s="21" t="s">
        <v>240</v>
      </c>
      <c r="B15" s="21" t="s">
        <v>237</v>
      </c>
      <c r="C15" s="21" t="s">
        <v>265</v>
      </c>
      <c r="D15" s="21" t="s">
        <v>214</v>
      </c>
      <c r="E15" s="16">
        <v>48996</v>
      </c>
      <c r="F15" s="16">
        <v>15791</v>
      </c>
      <c r="G15" s="16">
        <v>14870</v>
      </c>
      <c r="H15" s="16">
        <v>8359</v>
      </c>
      <c r="I15" s="16">
        <v>5634</v>
      </c>
      <c r="J15" s="16">
        <v>2541</v>
      </c>
      <c r="K15" s="16">
        <v>1051</v>
      </c>
      <c r="L15" s="16">
        <v>750</v>
      </c>
    </row>
    <row r="16" spans="1:12">
      <c r="A16" s="21" t="s">
        <v>240</v>
      </c>
      <c r="B16" s="21" t="s">
        <v>237</v>
      </c>
      <c r="C16" s="21" t="s">
        <v>265</v>
      </c>
      <c r="D16" s="21" t="s">
        <v>728</v>
      </c>
      <c r="E16" s="16">
        <v>25723</v>
      </c>
      <c r="F16" s="16">
        <v>6739</v>
      </c>
      <c r="G16" s="16">
        <v>10018</v>
      </c>
      <c r="H16" s="16">
        <v>4504</v>
      </c>
      <c r="I16" s="16">
        <v>2045</v>
      </c>
      <c r="J16" s="16">
        <v>1085</v>
      </c>
      <c r="K16" s="16">
        <v>710</v>
      </c>
      <c r="L16" s="16">
        <v>622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4" orientation="portrait" r:id="rId1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EF1887-7DA7-40C3-A3BE-C0CD119E4821}">
  <sheetPr>
    <pageSetUpPr fitToPage="1"/>
  </sheetPr>
  <dimension ref="A1:L16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7.5" style="20" bestFit="1" customWidth="1"/>
    <col min="5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729</v>
      </c>
    </row>
    <row r="3" spans="1:12" s="11" customFormat="1"/>
    <row r="4" spans="1:12" s="11" customFormat="1" hidden="1"/>
    <row r="5" spans="1:12" s="11" customFormat="1">
      <c r="E5" s="12" t="s">
        <v>495</v>
      </c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</row>
    <row r="6" spans="1:12" s="11" customFormat="1" ht="24">
      <c r="E6" s="12" t="s">
        <v>487</v>
      </c>
      <c r="F6" s="12" t="s">
        <v>487</v>
      </c>
      <c r="G6" s="12" t="s">
        <v>487</v>
      </c>
      <c r="H6" s="12" t="s">
        <v>487</v>
      </c>
      <c r="I6" s="12" t="s">
        <v>487</v>
      </c>
      <c r="J6" s="12" t="s">
        <v>487</v>
      </c>
      <c r="K6" s="12" t="s">
        <v>487</v>
      </c>
      <c r="L6" s="12" t="s">
        <v>487</v>
      </c>
    </row>
    <row r="7" spans="1:12" s="11" customFormat="1">
      <c r="E7" s="12">
        <v>1</v>
      </c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</row>
    <row r="8" spans="1:12" s="11" customFormat="1" ht="24">
      <c r="E8" s="12" t="s">
        <v>214</v>
      </c>
      <c r="F8" s="12" t="s">
        <v>540</v>
      </c>
      <c r="G8" s="12" t="s">
        <v>541</v>
      </c>
      <c r="H8" s="12" t="s">
        <v>542</v>
      </c>
      <c r="I8" s="12" t="s">
        <v>543</v>
      </c>
      <c r="J8" s="12" t="s">
        <v>544</v>
      </c>
      <c r="K8" s="12" t="s">
        <v>545</v>
      </c>
      <c r="L8" s="12" t="s">
        <v>546</v>
      </c>
    </row>
    <row r="9" spans="1:12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</row>
    <row r="10" spans="1:12" s="11" customFormat="1">
      <c r="A10" s="14" t="s">
        <v>224</v>
      </c>
      <c r="B10" s="14" t="s">
        <v>259</v>
      </c>
      <c r="C10" s="14" t="s">
        <v>230</v>
      </c>
      <c r="D10" s="14" t="s">
        <v>727</v>
      </c>
      <c r="E10" s="14" t="s">
        <v>231</v>
      </c>
      <c r="F10" s="14"/>
      <c r="G10" s="14"/>
      <c r="H10" s="14"/>
      <c r="I10" s="14"/>
      <c r="J10" s="14"/>
      <c r="K10" s="14"/>
      <c r="L10" s="14"/>
    </row>
    <row r="11" spans="1:12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123162995</v>
      </c>
      <c r="F11" s="16">
        <v>21151042</v>
      </c>
      <c r="G11" s="16">
        <v>31313176</v>
      </c>
      <c r="H11" s="16">
        <v>27688539</v>
      </c>
      <c r="I11" s="16">
        <v>26519260</v>
      </c>
      <c r="J11" s="16">
        <v>10631455</v>
      </c>
      <c r="K11" s="16">
        <v>3776994</v>
      </c>
      <c r="L11" s="16">
        <v>2082529</v>
      </c>
    </row>
    <row r="12" spans="1:12">
      <c r="A12" s="21" t="s">
        <v>232</v>
      </c>
      <c r="B12" s="21" t="s">
        <v>233</v>
      </c>
      <c r="C12" s="21" t="s">
        <v>262</v>
      </c>
      <c r="D12" s="21" t="s">
        <v>728</v>
      </c>
      <c r="E12" s="16">
        <v>50106949</v>
      </c>
      <c r="F12" s="16">
        <v>6716806</v>
      </c>
      <c r="G12" s="16">
        <v>18745692</v>
      </c>
      <c r="H12" s="16">
        <v>11413236</v>
      </c>
      <c r="I12" s="16">
        <v>5903380</v>
      </c>
      <c r="J12" s="16">
        <v>3401520</v>
      </c>
      <c r="K12" s="16">
        <v>2339688</v>
      </c>
      <c r="L12" s="16">
        <v>1586627</v>
      </c>
    </row>
    <row r="13" spans="1:12">
      <c r="A13" s="21" t="s">
        <v>232</v>
      </c>
      <c r="B13" s="21" t="s">
        <v>237</v>
      </c>
      <c r="C13" s="21" t="s">
        <v>264</v>
      </c>
      <c r="D13" s="21" t="s">
        <v>214</v>
      </c>
      <c r="E13" s="16">
        <v>1678793</v>
      </c>
      <c r="F13" s="16">
        <v>242940</v>
      </c>
      <c r="G13" s="16">
        <v>424338</v>
      </c>
      <c r="H13" s="16">
        <v>362727</v>
      </c>
      <c r="I13" s="16">
        <v>340972</v>
      </c>
      <c r="J13" s="16">
        <v>179225</v>
      </c>
      <c r="K13" s="16">
        <v>73668</v>
      </c>
      <c r="L13" s="16">
        <v>54923</v>
      </c>
    </row>
    <row r="14" spans="1:12">
      <c r="A14" s="21" t="s">
        <v>232</v>
      </c>
      <c r="B14" s="21" t="s">
        <v>237</v>
      </c>
      <c r="C14" s="21" t="s">
        <v>264</v>
      </c>
      <c r="D14" s="21" t="s">
        <v>728</v>
      </c>
      <c r="E14" s="16">
        <v>775779</v>
      </c>
      <c r="F14" s="16">
        <v>92410</v>
      </c>
      <c r="G14" s="16">
        <v>272728</v>
      </c>
      <c r="H14" s="16">
        <v>171381</v>
      </c>
      <c r="I14" s="16">
        <v>95556</v>
      </c>
      <c r="J14" s="16">
        <v>58185</v>
      </c>
      <c r="K14" s="16">
        <v>42858</v>
      </c>
      <c r="L14" s="16">
        <v>42661</v>
      </c>
    </row>
    <row r="15" spans="1:12">
      <c r="A15" s="21" t="s">
        <v>240</v>
      </c>
      <c r="B15" s="21" t="s">
        <v>237</v>
      </c>
      <c r="C15" s="21" t="s">
        <v>265</v>
      </c>
      <c r="D15" s="21" t="s">
        <v>214</v>
      </c>
      <c r="E15" s="16">
        <v>117827</v>
      </c>
      <c r="F15" s="16">
        <v>15791</v>
      </c>
      <c r="G15" s="16">
        <v>29740</v>
      </c>
      <c r="H15" s="16">
        <v>25077</v>
      </c>
      <c r="I15" s="16">
        <v>22536</v>
      </c>
      <c r="J15" s="16">
        <v>12705</v>
      </c>
      <c r="K15" s="16">
        <v>6306</v>
      </c>
      <c r="L15" s="16">
        <v>5672</v>
      </c>
    </row>
    <row r="16" spans="1:12">
      <c r="A16" s="21" t="s">
        <v>240</v>
      </c>
      <c r="B16" s="21" t="s">
        <v>237</v>
      </c>
      <c r="C16" s="21" t="s">
        <v>265</v>
      </c>
      <c r="D16" s="21" t="s">
        <v>728</v>
      </c>
      <c r="E16" s="16">
        <v>62885</v>
      </c>
      <c r="F16" s="16">
        <v>6739</v>
      </c>
      <c r="G16" s="16">
        <v>20036</v>
      </c>
      <c r="H16" s="16">
        <v>13512</v>
      </c>
      <c r="I16" s="16">
        <v>8180</v>
      </c>
      <c r="J16" s="16">
        <v>5425</v>
      </c>
      <c r="K16" s="16">
        <v>4260</v>
      </c>
      <c r="L16" s="16">
        <v>4733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4" orientation="portrait" r:id="rId1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B25BA2D-BFFB-4A3A-AD0C-5482C37B939E}">
  <sheetPr>
    <pageSetUpPr fitToPage="1"/>
  </sheetPr>
  <dimension ref="A1:K13"/>
  <sheetViews>
    <sheetView zoomScaleNormal="100" workbookViewId="0">
      <pane xSplit="3" ySplit="10" topLeftCell="D11" activePane="bottomRight" state="frozen"/>
      <selection pane="topRight" activeCell="N1" sqref="N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16384" width="12.625" style="20"/>
  </cols>
  <sheetData>
    <row r="1" spans="1:11" s="11" customFormat="1">
      <c r="A1" s="11" t="s">
        <v>192</v>
      </c>
    </row>
    <row r="2" spans="1:11" s="11" customFormat="1">
      <c r="A2" s="11" t="s">
        <v>730</v>
      </c>
    </row>
    <row r="3" spans="1:11" s="11" customFormat="1"/>
    <row r="4" spans="1:11" s="11" customFormat="1" hidden="1"/>
    <row r="5" spans="1:11" s="11" customFormat="1" ht="24">
      <c r="D5" s="12" t="s">
        <v>731</v>
      </c>
      <c r="E5" s="12" t="s">
        <v>731</v>
      </c>
      <c r="F5" s="12" t="s">
        <v>731</v>
      </c>
      <c r="G5" s="12" t="s">
        <v>731</v>
      </c>
      <c r="H5" s="12" t="s">
        <v>731</v>
      </c>
      <c r="I5" s="12" t="s">
        <v>731</v>
      </c>
      <c r="J5" s="12" t="s">
        <v>731</v>
      </c>
      <c r="K5" s="12" t="s">
        <v>731</v>
      </c>
    </row>
    <row r="6" spans="1:11" s="11" customFormat="1" ht="24">
      <c r="D6" s="12" t="s">
        <v>487</v>
      </c>
      <c r="E6" s="12" t="s">
        <v>487</v>
      </c>
      <c r="F6" s="12" t="s">
        <v>487</v>
      </c>
      <c r="G6" s="12" t="s">
        <v>487</v>
      </c>
      <c r="H6" s="12" t="s">
        <v>487</v>
      </c>
      <c r="I6" s="12" t="s">
        <v>487</v>
      </c>
      <c r="J6" s="12" t="s">
        <v>487</v>
      </c>
      <c r="K6" s="12" t="s">
        <v>487</v>
      </c>
    </row>
    <row r="7" spans="1:11" s="11" customFormat="1">
      <c r="D7" s="12">
        <v>1</v>
      </c>
      <c r="E7" s="12">
        <v>1</v>
      </c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</row>
    <row r="8" spans="1:11" s="11" customFormat="1" ht="24">
      <c r="D8" s="12" t="s">
        <v>214</v>
      </c>
      <c r="E8" s="12" t="s">
        <v>540</v>
      </c>
      <c r="F8" s="12" t="s">
        <v>541</v>
      </c>
      <c r="G8" s="12" t="s">
        <v>542</v>
      </c>
      <c r="H8" s="12" t="s">
        <v>543</v>
      </c>
      <c r="I8" s="12" t="s">
        <v>544</v>
      </c>
      <c r="J8" s="12" t="s">
        <v>545</v>
      </c>
      <c r="K8" s="12" t="s">
        <v>546</v>
      </c>
    </row>
    <row r="9" spans="1:11" s="11" customFormat="1">
      <c r="D9" s="13" t="s">
        <v>219</v>
      </c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</row>
    <row r="10" spans="1:11" s="11" customFormat="1">
      <c r="A10" s="14" t="s">
        <v>224</v>
      </c>
      <c r="B10" s="14" t="s">
        <v>259</v>
      </c>
      <c r="C10" s="14" t="s">
        <v>230</v>
      </c>
      <c r="D10" s="14" t="s">
        <v>231</v>
      </c>
      <c r="E10" s="14"/>
      <c r="F10" s="14"/>
      <c r="G10" s="14"/>
      <c r="H10" s="14"/>
      <c r="I10" s="14"/>
      <c r="J10" s="14"/>
      <c r="K10" s="14"/>
    </row>
    <row r="11" spans="1:11">
      <c r="A11" s="15" t="s">
        <v>232</v>
      </c>
      <c r="B11" s="15" t="s">
        <v>233</v>
      </c>
      <c r="C11" s="15" t="s">
        <v>262</v>
      </c>
      <c r="D11" s="16">
        <v>33115696</v>
      </c>
      <c r="E11" s="16">
        <v>6716806</v>
      </c>
      <c r="F11" s="16">
        <v>15526870</v>
      </c>
      <c r="G11" s="16">
        <v>6416738</v>
      </c>
      <c r="H11" s="16">
        <v>2376136</v>
      </c>
      <c r="I11" s="16">
        <v>1025976</v>
      </c>
      <c r="J11" s="16">
        <v>656346</v>
      </c>
      <c r="K11" s="16">
        <v>396824</v>
      </c>
    </row>
    <row r="12" spans="1:11">
      <c r="A12" s="21" t="s">
        <v>232</v>
      </c>
      <c r="B12" s="21" t="s">
        <v>237</v>
      </c>
      <c r="C12" s="21" t="s">
        <v>264</v>
      </c>
      <c r="D12" s="16">
        <v>495748</v>
      </c>
      <c r="E12" s="16">
        <v>92410</v>
      </c>
      <c r="F12" s="16">
        <v>225887</v>
      </c>
      <c r="G12" s="16">
        <v>97097</v>
      </c>
      <c r="H12" s="16">
        <v>39527</v>
      </c>
      <c r="I12" s="16">
        <v>18439</v>
      </c>
      <c r="J12" s="16">
        <v>11972</v>
      </c>
      <c r="K12" s="16">
        <v>10416</v>
      </c>
    </row>
    <row r="13" spans="1:11">
      <c r="A13" s="21" t="s">
        <v>240</v>
      </c>
      <c r="B13" s="21" t="s">
        <v>237</v>
      </c>
      <c r="C13" s="21" t="s">
        <v>265</v>
      </c>
      <c r="D13" s="16">
        <v>38276</v>
      </c>
      <c r="E13" s="16">
        <v>6739</v>
      </c>
      <c r="F13" s="16">
        <v>16433</v>
      </c>
      <c r="G13" s="16">
        <v>7607</v>
      </c>
      <c r="H13" s="16">
        <v>3412</v>
      </c>
      <c r="I13" s="16">
        <v>1725</v>
      </c>
      <c r="J13" s="16">
        <v>1200</v>
      </c>
      <c r="K13" s="16">
        <v>1160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69" orientation="portrait" r:id="rId1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CBE67C-850D-4549-B3AF-E87112AF7A3B}">
  <sheetPr>
    <pageSetUpPr fitToPage="1"/>
  </sheetPr>
  <dimension ref="A1:AR28"/>
  <sheetViews>
    <sheetView zoomScaleNormal="100" workbookViewId="0">
      <pane xSplit="4" ySplit="10" topLeftCell="AH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37.5" style="20" bestFit="1" customWidth="1"/>
    <col min="5" max="16384" width="12.625" style="20"/>
  </cols>
  <sheetData>
    <row r="1" spans="1:44" s="11" customFormat="1">
      <c r="A1" s="11" t="s">
        <v>192</v>
      </c>
    </row>
    <row r="2" spans="1:44" s="11" customFormat="1">
      <c r="A2" s="11" t="s">
        <v>732</v>
      </c>
    </row>
    <row r="3" spans="1:44" s="11" customFormat="1"/>
    <row r="4" spans="1:44" s="11" customFormat="1" outlineLevel="1">
      <c r="A4" s="11" t="s">
        <v>556</v>
      </c>
    </row>
    <row r="5" spans="1:44" s="11" customFormat="1"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  <c r="P5" s="12" t="s">
        <v>494</v>
      </c>
      <c r="Q5" s="12" t="s">
        <v>494</v>
      </c>
      <c r="R5" s="12" t="s">
        <v>494</v>
      </c>
      <c r="S5" s="12" t="s">
        <v>494</v>
      </c>
      <c r="T5" s="12" t="s">
        <v>494</v>
      </c>
      <c r="U5" s="12" t="s">
        <v>494</v>
      </c>
      <c r="V5" s="12" t="s">
        <v>494</v>
      </c>
      <c r="W5" s="12" t="s">
        <v>494</v>
      </c>
      <c r="X5" s="12" t="s">
        <v>494</v>
      </c>
      <c r="Y5" s="12" t="s">
        <v>494</v>
      </c>
      <c r="Z5" s="12" t="s">
        <v>494</v>
      </c>
      <c r="AA5" s="12" t="s">
        <v>494</v>
      </c>
      <c r="AB5" s="12" t="s">
        <v>494</v>
      </c>
      <c r="AC5" s="12" t="s">
        <v>494</v>
      </c>
      <c r="AD5" s="12" t="s">
        <v>494</v>
      </c>
      <c r="AE5" s="12" t="s">
        <v>494</v>
      </c>
      <c r="AF5" s="12" t="s">
        <v>494</v>
      </c>
      <c r="AG5" s="12" t="s">
        <v>494</v>
      </c>
      <c r="AH5" s="12" t="s">
        <v>494</v>
      </c>
      <c r="AI5" s="12" t="s">
        <v>494</v>
      </c>
      <c r="AJ5" s="12" t="s">
        <v>494</v>
      </c>
      <c r="AK5" s="12" t="s">
        <v>494</v>
      </c>
      <c r="AL5" s="12" t="s">
        <v>494</v>
      </c>
      <c r="AM5" s="12" t="s">
        <v>494</v>
      </c>
      <c r="AN5" s="12" t="s">
        <v>494</v>
      </c>
      <c r="AO5" s="12" t="s">
        <v>494</v>
      </c>
      <c r="AP5" s="12" t="s">
        <v>494</v>
      </c>
      <c r="AQ5" s="12" t="s">
        <v>494</v>
      </c>
      <c r="AR5" s="12" t="s">
        <v>494</v>
      </c>
    </row>
    <row r="6" spans="1:44" s="11" customFormat="1" ht="24">
      <c r="E6" s="12" t="s">
        <v>563</v>
      </c>
      <c r="F6" s="12" t="s">
        <v>563</v>
      </c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  <c r="AE6" s="12" t="s">
        <v>563</v>
      </c>
      <c r="AF6" s="12" t="s">
        <v>563</v>
      </c>
      <c r="AG6" s="12" t="s">
        <v>563</v>
      </c>
      <c r="AH6" s="12" t="s">
        <v>563</v>
      </c>
      <c r="AI6" s="12" t="s">
        <v>563</v>
      </c>
      <c r="AJ6" s="12" t="s">
        <v>563</v>
      </c>
      <c r="AK6" s="12" t="s">
        <v>563</v>
      </c>
      <c r="AL6" s="12" t="s">
        <v>563</v>
      </c>
      <c r="AM6" s="12" t="s">
        <v>563</v>
      </c>
      <c r="AN6" s="12" t="s">
        <v>563</v>
      </c>
      <c r="AO6" s="12" t="s">
        <v>563</v>
      </c>
      <c r="AP6" s="12" t="s">
        <v>563</v>
      </c>
      <c r="AQ6" s="12" t="s">
        <v>563</v>
      </c>
      <c r="AR6" s="12" t="s">
        <v>563</v>
      </c>
    </row>
    <row r="7" spans="1:44" s="11" customFormat="1">
      <c r="E7" s="12">
        <v>1</v>
      </c>
      <c r="F7" s="12">
        <v>1</v>
      </c>
      <c r="G7" s="12">
        <v>2</v>
      </c>
      <c r="H7" s="12">
        <v>3</v>
      </c>
      <c r="I7" s="12">
        <v>3</v>
      </c>
      <c r="J7" s="12">
        <v>3</v>
      </c>
      <c r="K7" s="12">
        <v>3</v>
      </c>
      <c r="L7" s="12">
        <v>2</v>
      </c>
      <c r="M7" s="12">
        <v>3</v>
      </c>
      <c r="N7" s="12">
        <v>4</v>
      </c>
      <c r="O7" s="12">
        <v>4</v>
      </c>
      <c r="P7" s="12">
        <v>3</v>
      </c>
      <c r="Q7" s="12">
        <v>4</v>
      </c>
      <c r="R7" s="12">
        <v>4</v>
      </c>
      <c r="S7" s="12">
        <v>3</v>
      </c>
      <c r="T7" s="12">
        <v>4</v>
      </c>
      <c r="U7" s="12">
        <v>4</v>
      </c>
      <c r="V7" s="12">
        <v>3</v>
      </c>
      <c r="W7" s="12">
        <v>4</v>
      </c>
      <c r="X7" s="12">
        <v>4</v>
      </c>
      <c r="Y7" s="12">
        <v>3</v>
      </c>
      <c r="Z7" s="12">
        <v>3</v>
      </c>
      <c r="AA7" s="12">
        <v>3</v>
      </c>
      <c r="AB7" s="12">
        <v>4</v>
      </c>
      <c r="AC7" s="12">
        <v>4</v>
      </c>
      <c r="AD7" s="12">
        <v>3</v>
      </c>
      <c r="AE7" s="12">
        <v>4</v>
      </c>
      <c r="AF7" s="12">
        <v>4</v>
      </c>
      <c r="AG7" s="12">
        <v>3</v>
      </c>
      <c r="AH7" s="12">
        <v>3</v>
      </c>
      <c r="AI7" s="12">
        <v>1</v>
      </c>
      <c r="AJ7" s="12">
        <v>1</v>
      </c>
      <c r="AK7" s="12">
        <v>1</v>
      </c>
      <c r="AL7" s="12">
        <v>1</v>
      </c>
      <c r="AM7" s="12">
        <v>1</v>
      </c>
      <c r="AN7" s="12">
        <v>1</v>
      </c>
      <c r="AO7" s="12">
        <v>1</v>
      </c>
      <c r="AP7" s="12">
        <v>1</v>
      </c>
      <c r="AQ7" s="12">
        <v>1</v>
      </c>
      <c r="AR7" s="12">
        <v>1</v>
      </c>
    </row>
    <row r="8" spans="1:44" s="11" customFormat="1" ht="60">
      <c r="E8" s="12" t="s">
        <v>214</v>
      </c>
      <c r="F8" s="12" t="s">
        <v>564</v>
      </c>
      <c r="G8" s="12" t="s">
        <v>565</v>
      </c>
      <c r="H8" s="12" t="s">
        <v>566</v>
      </c>
      <c r="I8" s="12" t="s">
        <v>567</v>
      </c>
      <c r="J8" s="12" t="s">
        <v>568</v>
      </c>
      <c r="K8" s="12" t="s">
        <v>569</v>
      </c>
      <c r="L8" s="12" t="s">
        <v>570</v>
      </c>
      <c r="M8" s="12" t="s">
        <v>571</v>
      </c>
      <c r="N8" s="12" t="s">
        <v>573</v>
      </c>
      <c r="O8" s="12" t="s">
        <v>574</v>
      </c>
      <c r="P8" s="12" t="s">
        <v>575</v>
      </c>
      <c r="Q8" s="12" t="s">
        <v>576</v>
      </c>
      <c r="R8" s="12" t="s">
        <v>577</v>
      </c>
      <c r="S8" s="12" t="s">
        <v>578</v>
      </c>
      <c r="T8" s="12" t="s">
        <v>579</v>
      </c>
      <c r="U8" s="12" t="s">
        <v>580</v>
      </c>
      <c r="V8" s="12" t="s">
        <v>581</v>
      </c>
      <c r="W8" s="12" t="s">
        <v>582</v>
      </c>
      <c r="X8" s="12" t="s">
        <v>583</v>
      </c>
      <c r="Y8" s="12" t="s">
        <v>584</v>
      </c>
      <c r="Z8" s="12" t="s">
        <v>585</v>
      </c>
      <c r="AA8" s="12" t="s">
        <v>586</v>
      </c>
      <c r="AB8" s="12" t="s">
        <v>587</v>
      </c>
      <c r="AC8" s="12" t="s">
        <v>588</v>
      </c>
      <c r="AD8" s="12" t="s">
        <v>589</v>
      </c>
      <c r="AE8" s="12" t="s">
        <v>590</v>
      </c>
      <c r="AF8" s="12" t="s">
        <v>591</v>
      </c>
      <c r="AG8" s="12" t="s">
        <v>592</v>
      </c>
      <c r="AH8" s="12" t="s">
        <v>593</v>
      </c>
      <c r="AI8" s="12" t="s">
        <v>594</v>
      </c>
      <c r="AJ8" s="12" t="s">
        <v>595</v>
      </c>
      <c r="AK8" s="12" t="s">
        <v>596</v>
      </c>
      <c r="AL8" s="12" t="s">
        <v>597</v>
      </c>
      <c r="AM8" s="12" t="s">
        <v>598</v>
      </c>
      <c r="AN8" s="12" t="s">
        <v>599</v>
      </c>
      <c r="AO8" s="12" t="s">
        <v>600</v>
      </c>
      <c r="AP8" s="12" t="s">
        <v>601</v>
      </c>
      <c r="AQ8" s="12" t="s">
        <v>602</v>
      </c>
      <c r="AR8" s="12" t="s">
        <v>603</v>
      </c>
    </row>
    <row r="9" spans="1:44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  <c r="P9" s="13" t="s">
        <v>223</v>
      </c>
      <c r="Q9" s="13" t="s">
        <v>223</v>
      </c>
      <c r="R9" s="13" t="s">
        <v>223</v>
      </c>
      <c r="S9" s="13" t="s">
        <v>223</v>
      </c>
      <c r="T9" s="13" t="s">
        <v>223</v>
      </c>
      <c r="U9" s="13" t="s">
        <v>223</v>
      </c>
      <c r="V9" s="13" t="s">
        <v>223</v>
      </c>
      <c r="W9" s="13" t="s">
        <v>223</v>
      </c>
      <c r="X9" s="13" t="s">
        <v>223</v>
      </c>
      <c r="Y9" s="13" t="s">
        <v>223</v>
      </c>
      <c r="Z9" s="13" t="s">
        <v>223</v>
      </c>
      <c r="AA9" s="13" t="s">
        <v>223</v>
      </c>
      <c r="AB9" s="13" t="s">
        <v>223</v>
      </c>
      <c r="AC9" s="13" t="s">
        <v>223</v>
      </c>
      <c r="AD9" s="13" t="s">
        <v>223</v>
      </c>
      <c r="AE9" s="13" t="s">
        <v>223</v>
      </c>
      <c r="AF9" s="13" t="s">
        <v>223</v>
      </c>
      <c r="AG9" s="13" t="s">
        <v>223</v>
      </c>
      <c r="AH9" s="13" t="s">
        <v>223</v>
      </c>
      <c r="AI9" s="13" t="s">
        <v>223</v>
      </c>
      <c r="AJ9" s="13" t="s">
        <v>223</v>
      </c>
      <c r="AK9" s="13" t="s">
        <v>223</v>
      </c>
      <c r="AL9" s="13" t="s">
        <v>223</v>
      </c>
      <c r="AM9" s="13" t="s">
        <v>223</v>
      </c>
      <c r="AN9" s="13" t="s">
        <v>223</v>
      </c>
      <c r="AO9" s="13" t="s">
        <v>223</v>
      </c>
      <c r="AP9" s="13" t="s">
        <v>223</v>
      </c>
      <c r="AQ9" s="13" t="s">
        <v>223</v>
      </c>
      <c r="AR9" s="13" t="s">
        <v>223</v>
      </c>
    </row>
    <row r="10" spans="1:44" s="11" customFormat="1">
      <c r="A10" s="14" t="s">
        <v>224</v>
      </c>
      <c r="B10" s="14" t="s">
        <v>259</v>
      </c>
      <c r="C10" s="14" t="s">
        <v>230</v>
      </c>
      <c r="D10" s="14" t="s">
        <v>727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  <c r="AE10" s="14"/>
      <c r="AF10" s="14"/>
      <c r="AG10" s="14"/>
      <c r="AH10" s="14"/>
      <c r="AI10" s="14"/>
      <c r="AJ10" s="14"/>
      <c r="AK10" s="14"/>
      <c r="AL10" s="14"/>
      <c r="AM10" s="14"/>
      <c r="AN10" s="14"/>
      <c r="AO10" s="14"/>
      <c r="AP10" s="14"/>
      <c r="AQ10" s="14"/>
      <c r="AR10" s="14"/>
    </row>
    <row r="11" spans="1:44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55704949</v>
      </c>
      <c r="F11" s="16">
        <v>33889589</v>
      </c>
      <c r="G11" s="16">
        <v>30110571</v>
      </c>
      <c r="H11" s="16">
        <v>11158840</v>
      </c>
      <c r="I11" s="16">
        <v>13949190</v>
      </c>
      <c r="J11" s="16">
        <v>738006</v>
      </c>
      <c r="K11" s="16">
        <v>4264535</v>
      </c>
      <c r="L11" s="16">
        <v>3779018</v>
      </c>
      <c r="M11" s="16">
        <v>159224</v>
      </c>
      <c r="N11" s="16">
        <v>125363</v>
      </c>
      <c r="O11" s="16">
        <v>33861</v>
      </c>
      <c r="P11" s="16">
        <v>608813</v>
      </c>
      <c r="Q11" s="16">
        <v>437343</v>
      </c>
      <c r="R11" s="16">
        <v>171470</v>
      </c>
      <c r="S11" s="16">
        <v>499365</v>
      </c>
      <c r="T11" s="16">
        <v>399146</v>
      </c>
      <c r="U11" s="16">
        <v>100158</v>
      </c>
      <c r="V11" s="16">
        <v>917696</v>
      </c>
      <c r="W11" s="16">
        <v>669972</v>
      </c>
      <c r="X11" s="16">
        <v>246689</v>
      </c>
      <c r="Y11" s="16">
        <v>107465</v>
      </c>
      <c r="Z11" s="16">
        <v>359156</v>
      </c>
      <c r="AA11" s="16">
        <v>64587</v>
      </c>
      <c r="AB11" s="16">
        <v>34897</v>
      </c>
      <c r="AC11" s="16">
        <v>11990</v>
      </c>
      <c r="AD11" s="16">
        <v>185925</v>
      </c>
      <c r="AE11" s="16">
        <v>139254</v>
      </c>
      <c r="AF11" s="16">
        <v>44202</v>
      </c>
      <c r="AG11" s="16">
        <v>346184</v>
      </c>
      <c r="AH11" s="16">
        <v>530603</v>
      </c>
      <c r="AI11" s="16">
        <v>504198</v>
      </c>
      <c r="AJ11" s="16">
        <v>21151042</v>
      </c>
      <c r="AK11" s="16">
        <v>160120</v>
      </c>
      <c r="AL11" s="16">
        <v>2337703</v>
      </c>
      <c r="AM11" s="16">
        <v>646809</v>
      </c>
      <c r="AN11" s="16">
        <v>905671</v>
      </c>
      <c r="AO11" s="16">
        <v>74481</v>
      </c>
      <c r="AP11" s="16">
        <v>146416</v>
      </c>
      <c r="AQ11" s="16">
        <v>6533895</v>
      </c>
      <c r="AR11" s="16">
        <v>6716806</v>
      </c>
    </row>
    <row r="12" spans="1:44">
      <c r="A12" s="21" t="s">
        <v>232</v>
      </c>
      <c r="B12" s="21" t="s">
        <v>233</v>
      </c>
      <c r="C12" s="21" t="s">
        <v>262</v>
      </c>
      <c r="D12" s="21" t="s">
        <v>728</v>
      </c>
      <c r="E12" s="16">
        <v>22655031</v>
      </c>
      <c r="F12" s="16">
        <v>15807364</v>
      </c>
      <c r="G12" s="16">
        <v>12528163</v>
      </c>
      <c r="H12" s="16">
        <v>6848041</v>
      </c>
      <c r="I12" s="16">
        <v>3082828</v>
      </c>
      <c r="J12" s="16">
        <v>451471</v>
      </c>
      <c r="K12" s="16">
        <v>2145823</v>
      </c>
      <c r="L12" s="16">
        <v>3279201</v>
      </c>
      <c r="M12" s="16">
        <v>151407</v>
      </c>
      <c r="N12" s="16">
        <v>120059</v>
      </c>
      <c r="O12" s="16">
        <v>31348</v>
      </c>
      <c r="P12" s="16">
        <v>597772</v>
      </c>
      <c r="Q12" s="16">
        <v>430838</v>
      </c>
      <c r="R12" s="16">
        <v>166934</v>
      </c>
      <c r="S12" s="16">
        <v>463730</v>
      </c>
      <c r="T12" s="16">
        <v>374910</v>
      </c>
      <c r="U12" s="16">
        <v>88759</v>
      </c>
      <c r="V12" s="16">
        <v>870970</v>
      </c>
      <c r="W12" s="16">
        <v>644236</v>
      </c>
      <c r="X12" s="16">
        <v>225701</v>
      </c>
      <c r="Y12" s="16">
        <v>87947</v>
      </c>
      <c r="Z12" s="16">
        <v>286203</v>
      </c>
      <c r="AA12" s="16">
        <v>58608</v>
      </c>
      <c r="AB12" s="16">
        <v>30948</v>
      </c>
      <c r="AC12" s="16">
        <v>10091</v>
      </c>
      <c r="AD12" s="16">
        <v>165342</v>
      </c>
      <c r="AE12" s="16">
        <v>125827</v>
      </c>
      <c r="AF12" s="16">
        <v>37080</v>
      </c>
      <c r="AG12" s="16">
        <v>154629</v>
      </c>
      <c r="AH12" s="16">
        <v>442593</v>
      </c>
      <c r="AI12" s="16">
        <v>130861</v>
      </c>
      <c r="AJ12" s="16">
        <v>6716806</v>
      </c>
      <c r="AK12" s="22" t="s">
        <v>268</v>
      </c>
      <c r="AL12" s="16">
        <v>2132480</v>
      </c>
      <c r="AM12" s="16">
        <v>299</v>
      </c>
      <c r="AN12" s="16">
        <v>186192</v>
      </c>
      <c r="AO12" s="16">
        <v>1275</v>
      </c>
      <c r="AP12" s="16">
        <v>54837</v>
      </c>
      <c r="AQ12" s="16">
        <v>6533895</v>
      </c>
      <c r="AR12" s="16">
        <v>6716806</v>
      </c>
    </row>
    <row r="13" spans="1:44">
      <c r="A13" s="21" t="s">
        <v>232</v>
      </c>
      <c r="B13" s="21" t="s">
        <v>233</v>
      </c>
      <c r="C13" s="21" t="s">
        <v>262</v>
      </c>
      <c r="D13" s="21" t="s">
        <v>733</v>
      </c>
      <c r="E13" s="16">
        <v>13073898</v>
      </c>
      <c r="F13" s="16">
        <v>6313328</v>
      </c>
      <c r="G13" s="16">
        <v>6019738</v>
      </c>
      <c r="H13" s="16">
        <v>5830834</v>
      </c>
      <c r="I13" s="16">
        <v>9615</v>
      </c>
      <c r="J13" s="16">
        <v>14926</v>
      </c>
      <c r="K13" s="16">
        <v>164363</v>
      </c>
      <c r="L13" s="16">
        <v>293590</v>
      </c>
      <c r="M13" s="16">
        <v>6526</v>
      </c>
      <c r="N13" s="16">
        <v>4891</v>
      </c>
      <c r="O13" s="16">
        <v>1635</v>
      </c>
      <c r="P13" s="16">
        <v>142072</v>
      </c>
      <c r="Q13" s="16">
        <v>97707</v>
      </c>
      <c r="R13" s="16">
        <v>44365</v>
      </c>
      <c r="S13" s="22" t="s">
        <v>268</v>
      </c>
      <c r="T13" s="22" t="s">
        <v>268</v>
      </c>
      <c r="U13" s="22" t="s">
        <v>268</v>
      </c>
      <c r="V13" s="16">
        <v>1</v>
      </c>
      <c r="W13" s="22" t="s">
        <v>268</v>
      </c>
      <c r="X13" s="16">
        <v>1</v>
      </c>
      <c r="Y13" s="16">
        <v>22563</v>
      </c>
      <c r="Z13" s="16">
        <v>25</v>
      </c>
      <c r="AA13" s="16">
        <v>1954</v>
      </c>
      <c r="AB13" s="16">
        <v>1243</v>
      </c>
      <c r="AC13" s="16">
        <v>480</v>
      </c>
      <c r="AD13" s="22" t="s">
        <v>268</v>
      </c>
      <c r="AE13" s="22" t="s">
        <v>268</v>
      </c>
      <c r="AF13" s="22" t="s">
        <v>268</v>
      </c>
      <c r="AG13" s="16">
        <v>112204</v>
      </c>
      <c r="AH13" s="16">
        <v>8245</v>
      </c>
      <c r="AI13" s="16">
        <v>43764</v>
      </c>
      <c r="AJ13" s="16">
        <v>6716806</v>
      </c>
      <c r="AK13" s="22" t="s">
        <v>268</v>
      </c>
      <c r="AL13" s="16">
        <v>18</v>
      </c>
      <c r="AM13" s="22" t="s">
        <v>268</v>
      </c>
      <c r="AN13" s="22" t="s">
        <v>268</v>
      </c>
      <c r="AO13" s="22" t="s">
        <v>268</v>
      </c>
      <c r="AP13" s="22" t="s">
        <v>268</v>
      </c>
      <c r="AQ13" s="16">
        <v>5830834</v>
      </c>
      <c r="AR13" s="16">
        <v>6716806</v>
      </c>
    </row>
    <row r="14" spans="1:44">
      <c r="A14" s="21" t="s">
        <v>232</v>
      </c>
      <c r="B14" s="21" t="s">
        <v>233</v>
      </c>
      <c r="C14" s="21" t="s">
        <v>262</v>
      </c>
      <c r="D14" s="21" t="s">
        <v>734</v>
      </c>
      <c r="E14" s="16">
        <v>9581133</v>
      </c>
      <c r="F14" s="16">
        <v>9494036</v>
      </c>
      <c r="G14" s="16">
        <v>6508425</v>
      </c>
      <c r="H14" s="16">
        <v>1017207</v>
      </c>
      <c r="I14" s="16">
        <v>3073213</v>
      </c>
      <c r="J14" s="16">
        <v>436545</v>
      </c>
      <c r="K14" s="16">
        <v>1981460</v>
      </c>
      <c r="L14" s="16">
        <v>2985611</v>
      </c>
      <c r="M14" s="16">
        <v>144881</v>
      </c>
      <c r="N14" s="16">
        <v>115168</v>
      </c>
      <c r="O14" s="16">
        <v>29713</v>
      </c>
      <c r="P14" s="16">
        <v>455700</v>
      </c>
      <c r="Q14" s="16">
        <v>333131</v>
      </c>
      <c r="R14" s="16">
        <v>122569</v>
      </c>
      <c r="S14" s="16">
        <v>463730</v>
      </c>
      <c r="T14" s="16">
        <v>374910</v>
      </c>
      <c r="U14" s="16">
        <v>88759</v>
      </c>
      <c r="V14" s="16">
        <v>870969</v>
      </c>
      <c r="W14" s="16">
        <v>644236</v>
      </c>
      <c r="X14" s="16">
        <v>225700</v>
      </c>
      <c r="Y14" s="16">
        <v>65384</v>
      </c>
      <c r="Z14" s="16">
        <v>286178</v>
      </c>
      <c r="AA14" s="16">
        <v>56654</v>
      </c>
      <c r="AB14" s="16">
        <v>29705</v>
      </c>
      <c r="AC14" s="16">
        <v>9611</v>
      </c>
      <c r="AD14" s="16">
        <v>165342</v>
      </c>
      <c r="AE14" s="16">
        <v>125827</v>
      </c>
      <c r="AF14" s="16">
        <v>37080</v>
      </c>
      <c r="AG14" s="16">
        <v>42425</v>
      </c>
      <c r="AH14" s="16">
        <v>434348</v>
      </c>
      <c r="AI14" s="16">
        <v>87097</v>
      </c>
      <c r="AJ14" s="22" t="s">
        <v>268</v>
      </c>
      <c r="AK14" s="22" t="s">
        <v>268</v>
      </c>
      <c r="AL14" s="16">
        <v>2132462</v>
      </c>
      <c r="AM14" s="16">
        <v>299</v>
      </c>
      <c r="AN14" s="16">
        <v>186192</v>
      </c>
      <c r="AO14" s="16">
        <v>1275</v>
      </c>
      <c r="AP14" s="16">
        <v>54837</v>
      </c>
      <c r="AQ14" s="16">
        <v>703061</v>
      </c>
      <c r="AR14" s="22" t="s">
        <v>268</v>
      </c>
    </row>
    <row r="15" spans="1:44">
      <c r="A15" s="21" t="s">
        <v>232</v>
      </c>
      <c r="B15" s="21" t="s">
        <v>233</v>
      </c>
      <c r="C15" s="21" t="s">
        <v>262</v>
      </c>
      <c r="D15" s="21" t="s">
        <v>735</v>
      </c>
      <c r="E15" s="16">
        <v>12691590</v>
      </c>
      <c r="F15" s="16">
        <v>8817441</v>
      </c>
      <c r="G15" s="16">
        <v>6414503</v>
      </c>
      <c r="H15" s="16">
        <v>3369063</v>
      </c>
      <c r="I15" s="16">
        <v>1300741</v>
      </c>
      <c r="J15" s="16">
        <v>286622</v>
      </c>
      <c r="K15" s="16">
        <v>1458077</v>
      </c>
      <c r="L15" s="16">
        <v>2402938</v>
      </c>
      <c r="M15" s="16">
        <v>125407</v>
      </c>
      <c r="N15" s="16">
        <v>100298</v>
      </c>
      <c r="O15" s="16">
        <v>25109</v>
      </c>
      <c r="P15" s="16">
        <v>559778</v>
      </c>
      <c r="Q15" s="16">
        <v>406243</v>
      </c>
      <c r="R15" s="16">
        <v>153535</v>
      </c>
      <c r="S15" s="16">
        <v>282456</v>
      </c>
      <c r="T15" s="16">
        <v>234138</v>
      </c>
      <c r="U15" s="16">
        <v>48257</v>
      </c>
      <c r="V15" s="16">
        <v>685129</v>
      </c>
      <c r="W15" s="16">
        <v>520202</v>
      </c>
      <c r="X15" s="16">
        <v>163905</v>
      </c>
      <c r="Y15" s="16">
        <v>51920</v>
      </c>
      <c r="Z15" s="16">
        <v>145056</v>
      </c>
      <c r="AA15" s="16">
        <v>50115</v>
      </c>
      <c r="AB15" s="16">
        <v>25560</v>
      </c>
      <c r="AC15" s="16">
        <v>8084</v>
      </c>
      <c r="AD15" s="16">
        <v>129395</v>
      </c>
      <c r="AE15" s="16">
        <v>99032</v>
      </c>
      <c r="AF15" s="16">
        <v>28182</v>
      </c>
      <c r="AG15" s="16">
        <v>62944</v>
      </c>
      <c r="AH15" s="16">
        <v>310738</v>
      </c>
      <c r="AI15" s="16">
        <v>66441</v>
      </c>
      <c r="AJ15" s="16">
        <v>3807708</v>
      </c>
      <c r="AK15" s="22" t="s">
        <v>268</v>
      </c>
      <c r="AL15" s="16">
        <v>1501066</v>
      </c>
      <c r="AM15" s="16">
        <v>31</v>
      </c>
      <c r="AN15" s="16">
        <v>73997</v>
      </c>
      <c r="AO15" s="16">
        <v>73</v>
      </c>
      <c r="AP15" s="16">
        <v>24925</v>
      </c>
      <c r="AQ15" s="16">
        <v>3352754</v>
      </c>
      <c r="AR15" s="16">
        <v>3807708</v>
      </c>
    </row>
    <row r="16" spans="1:44">
      <c r="A16" s="21" t="s">
        <v>232</v>
      </c>
      <c r="B16" s="21" t="s">
        <v>233</v>
      </c>
      <c r="C16" s="21" t="s">
        <v>262</v>
      </c>
      <c r="D16" s="21" t="s">
        <v>736</v>
      </c>
      <c r="E16" s="16">
        <v>4229455</v>
      </c>
      <c r="F16" s="16">
        <v>2874403</v>
      </c>
      <c r="G16" s="16">
        <v>1673994</v>
      </c>
      <c r="H16" s="16">
        <v>722845</v>
      </c>
      <c r="I16" s="16">
        <v>247934</v>
      </c>
      <c r="J16" s="16">
        <v>112034</v>
      </c>
      <c r="K16" s="16">
        <v>591181</v>
      </c>
      <c r="L16" s="16">
        <v>1200409</v>
      </c>
      <c r="M16" s="16">
        <v>64154</v>
      </c>
      <c r="N16" s="16">
        <v>51911</v>
      </c>
      <c r="O16" s="16">
        <v>12243</v>
      </c>
      <c r="P16" s="16">
        <v>400897</v>
      </c>
      <c r="Q16" s="16">
        <v>295495</v>
      </c>
      <c r="R16" s="16">
        <v>105402</v>
      </c>
      <c r="S16" s="16">
        <v>78216</v>
      </c>
      <c r="T16" s="16">
        <v>66104</v>
      </c>
      <c r="U16" s="16">
        <v>12068</v>
      </c>
      <c r="V16" s="16">
        <v>342885</v>
      </c>
      <c r="W16" s="16">
        <v>265860</v>
      </c>
      <c r="X16" s="16">
        <v>76192</v>
      </c>
      <c r="Y16" s="16">
        <v>14295</v>
      </c>
      <c r="Z16" s="16">
        <v>33147</v>
      </c>
      <c r="AA16" s="16">
        <v>31009</v>
      </c>
      <c r="AB16" s="16">
        <v>15722</v>
      </c>
      <c r="AC16" s="16">
        <v>4767</v>
      </c>
      <c r="AD16" s="16">
        <v>83475</v>
      </c>
      <c r="AE16" s="16">
        <v>64262</v>
      </c>
      <c r="AF16" s="16">
        <v>17817</v>
      </c>
      <c r="AG16" s="16">
        <v>16443</v>
      </c>
      <c r="AH16" s="16">
        <v>135888</v>
      </c>
      <c r="AI16" s="16">
        <v>20731</v>
      </c>
      <c r="AJ16" s="16">
        <v>1334321</v>
      </c>
      <c r="AK16" s="22" t="s">
        <v>268</v>
      </c>
      <c r="AL16" s="16">
        <v>661295</v>
      </c>
      <c r="AM16" s="16">
        <v>3</v>
      </c>
      <c r="AN16" s="16">
        <v>16973</v>
      </c>
      <c r="AO16" s="16">
        <v>3</v>
      </c>
      <c r="AP16" s="16">
        <v>6117</v>
      </c>
      <c r="AQ16" s="16">
        <v>721969</v>
      </c>
      <c r="AR16" s="16">
        <v>1334321</v>
      </c>
    </row>
    <row r="17" spans="1:44">
      <c r="A17" s="21" t="s">
        <v>232</v>
      </c>
      <c r="B17" s="21" t="s">
        <v>237</v>
      </c>
      <c r="C17" s="21" t="s">
        <v>264</v>
      </c>
      <c r="D17" s="21" t="s">
        <v>214</v>
      </c>
      <c r="E17" s="16">
        <v>716740</v>
      </c>
      <c r="F17" s="16">
        <v>467025</v>
      </c>
      <c r="G17" s="16">
        <v>396063</v>
      </c>
      <c r="H17" s="16">
        <v>149328</v>
      </c>
      <c r="I17" s="16">
        <v>175135</v>
      </c>
      <c r="J17" s="16">
        <v>9867</v>
      </c>
      <c r="K17" s="16">
        <v>61733</v>
      </c>
      <c r="L17" s="16">
        <v>70962</v>
      </c>
      <c r="M17" s="16">
        <v>3574</v>
      </c>
      <c r="N17" s="16">
        <v>2947</v>
      </c>
      <c r="O17" s="16">
        <v>627</v>
      </c>
      <c r="P17" s="16">
        <v>11896</v>
      </c>
      <c r="Q17" s="16">
        <v>9072</v>
      </c>
      <c r="R17" s="16">
        <v>2824</v>
      </c>
      <c r="S17" s="16">
        <v>9848</v>
      </c>
      <c r="T17" s="16">
        <v>8112</v>
      </c>
      <c r="U17" s="16">
        <v>1734</v>
      </c>
      <c r="V17" s="16">
        <v>14968</v>
      </c>
      <c r="W17" s="16">
        <v>11285</v>
      </c>
      <c r="X17" s="16">
        <v>3661</v>
      </c>
      <c r="Y17" s="16">
        <v>2174</v>
      </c>
      <c r="Z17" s="16">
        <v>7277</v>
      </c>
      <c r="AA17" s="16">
        <v>1575</v>
      </c>
      <c r="AB17" s="16">
        <v>775</v>
      </c>
      <c r="AC17" s="16">
        <v>261</v>
      </c>
      <c r="AD17" s="16">
        <v>4509</v>
      </c>
      <c r="AE17" s="16">
        <v>3421</v>
      </c>
      <c r="AF17" s="16">
        <v>1040</v>
      </c>
      <c r="AG17" s="16">
        <v>5413</v>
      </c>
      <c r="AH17" s="16">
        <v>9728</v>
      </c>
      <c r="AI17" s="16">
        <v>5536</v>
      </c>
      <c r="AJ17" s="16">
        <v>242940</v>
      </c>
      <c r="AK17" s="16">
        <v>1239</v>
      </c>
      <c r="AL17" s="16">
        <v>43735</v>
      </c>
      <c r="AM17" s="16">
        <v>11403</v>
      </c>
      <c r="AN17" s="16">
        <v>16762</v>
      </c>
      <c r="AO17" s="16">
        <v>1071</v>
      </c>
      <c r="AP17" s="16">
        <v>2557</v>
      </c>
      <c r="AQ17" s="16">
        <v>94175</v>
      </c>
      <c r="AR17" s="16">
        <v>92410</v>
      </c>
    </row>
    <row r="18" spans="1:44">
      <c r="A18" s="21" t="s">
        <v>232</v>
      </c>
      <c r="B18" s="21" t="s">
        <v>237</v>
      </c>
      <c r="C18" s="21" t="s">
        <v>264</v>
      </c>
      <c r="D18" s="21" t="s">
        <v>728</v>
      </c>
      <c r="E18" s="16">
        <v>334262</v>
      </c>
      <c r="F18" s="16">
        <v>240044</v>
      </c>
      <c r="G18" s="16">
        <v>177607</v>
      </c>
      <c r="H18" s="16">
        <v>98823</v>
      </c>
      <c r="I18" s="16">
        <v>41266</v>
      </c>
      <c r="J18" s="16">
        <v>6324</v>
      </c>
      <c r="K18" s="16">
        <v>31194</v>
      </c>
      <c r="L18" s="16">
        <v>62437</v>
      </c>
      <c r="M18" s="16">
        <v>3453</v>
      </c>
      <c r="N18" s="16">
        <v>2857</v>
      </c>
      <c r="O18" s="16">
        <v>596</v>
      </c>
      <c r="P18" s="16">
        <v>11726</v>
      </c>
      <c r="Q18" s="16">
        <v>8969</v>
      </c>
      <c r="R18" s="16">
        <v>2757</v>
      </c>
      <c r="S18" s="16">
        <v>8999</v>
      </c>
      <c r="T18" s="16">
        <v>7520</v>
      </c>
      <c r="U18" s="16">
        <v>1477</v>
      </c>
      <c r="V18" s="16">
        <v>13970</v>
      </c>
      <c r="W18" s="16">
        <v>10737</v>
      </c>
      <c r="X18" s="16">
        <v>3211</v>
      </c>
      <c r="Y18" s="16">
        <v>1903</v>
      </c>
      <c r="Z18" s="16">
        <v>5867</v>
      </c>
      <c r="AA18" s="16">
        <v>1499</v>
      </c>
      <c r="AB18" s="16">
        <v>728</v>
      </c>
      <c r="AC18" s="16">
        <v>234</v>
      </c>
      <c r="AD18" s="16">
        <v>4014</v>
      </c>
      <c r="AE18" s="16">
        <v>3099</v>
      </c>
      <c r="AF18" s="16">
        <v>870</v>
      </c>
      <c r="AG18" s="16">
        <v>2938</v>
      </c>
      <c r="AH18" s="16">
        <v>8068</v>
      </c>
      <c r="AI18" s="16">
        <v>1808</v>
      </c>
      <c r="AJ18" s="16">
        <v>92410</v>
      </c>
      <c r="AK18" s="22" t="s">
        <v>268</v>
      </c>
      <c r="AL18" s="16">
        <v>39205</v>
      </c>
      <c r="AM18" s="16">
        <v>6</v>
      </c>
      <c r="AN18" s="16">
        <v>3791</v>
      </c>
      <c r="AO18" s="16">
        <v>24</v>
      </c>
      <c r="AP18" s="16">
        <v>1182</v>
      </c>
      <c r="AQ18" s="16">
        <v>94175</v>
      </c>
      <c r="AR18" s="16">
        <v>92410</v>
      </c>
    </row>
    <row r="19" spans="1:44">
      <c r="A19" s="21" t="s">
        <v>232</v>
      </c>
      <c r="B19" s="21" t="s">
        <v>237</v>
      </c>
      <c r="C19" s="21" t="s">
        <v>264</v>
      </c>
      <c r="D19" s="21" t="s">
        <v>733</v>
      </c>
      <c r="E19" s="16">
        <v>186321</v>
      </c>
      <c r="F19" s="16">
        <v>93288</v>
      </c>
      <c r="G19" s="16">
        <v>87237</v>
      </c>
      <c r="H19" s="16">
        <v>83371</v>
      </c>
      <c r="I19" s="16">
        <v>247</v>
      </c>
      <c r="J19" s="16">
        <v>332</v>
      </c>
      <c r="K19" s="16">
        <v>3287</v>
      </c>
      <c r="L19" s="16">
        <v>6051</v>
      </c>
      <c r="M19" s="16">
        <v>197</v>
      </c>
      <c r="N19" s="16">
        <v>162</v>
      </c>
      <c r="O19" s="16">
        <v>35</v>
      </c>
      <c r="P19" s="16">
        <v>2907</v>
      </c>
      <c r="Q19" s="16">
        <v>2172</v>
      </c>
      <c r="R19" s="16">
        <v>735</v>
      </c>
      <c r="S19" s="22" t="s">
        <v>268</v>
      </c>
      <c r="T19" s="22" t="s">
        <v>268</v>
      </c>
      <c r="U19" s="22" t="s">
        <v>268</v>
      </c>
      <c r="V19" s="22" t="s">
        <v>268</v>
      </c>
      <c r="W19" s="22" t="s">
        <v>268</v>
      </c>
      <c r="X19" s="22" t="s">
        <v>268</v>
      </c>
      <c r="Y19" s="16">
        <v>584</v>
      </c>
      <c r="Z19" s="22" t="s">
        <v>268</v>
      </c>
      <c r="AA19" s="16">
        <v>61</v>
      </c>
      <c r="AB19" s="16">
        <v>35</v>
      </c>
      <c r="AC19" s="16">
        <v>20</v>
      </c>
      <c r="AD19" s="22" t="s">
        <v>268</v>
      </c>
      <c r="AE19" s="22" t="s">
        <v>268</v>
      </c>
      <c r="AF19" s="22" t="s">
        <v>268</v>
      </c>
      <c r="AG19" s="16">
        <v>2113</v>
      </c>
      <c r="AH19" s="16">
        <v>189</v>
      </c>
      <c r="AI19" s="16">
        <v>623</v>
      </c>
      <c r="AJ19" s="16">
        <v>92410</v>
      </c>
      <c r="AK19" s="22" t="s">
        <v>268</v>
      </c>
      <c r="AL19" s="16">
        <v>1</v>
      </c>
      <c r="AM19" s="22" t="s">
        <v>268</v>
      </c>
      <c r="AN19" s="22" t="s">
        <v>268</v>
      </c>
      <c r="AO19" s="22" t="s">
        <v>268</v>
      </c>
      <c r="AP19" s="22" t="s">
        <v>268</v>
      </c>
      <c r="AQ19" s="16">
        <v>83371</v>
      </c>
      <c r="AR19" s="16">
        <v>92410</v>
      </c>
    </row>
    <row r="20" spans="1:44">
      <c r="A20" s="21" t="s">
        <v>232</v>
      </c>
      <c r="B20" s="21" t="s">
        <v>237</v>
      </c>
      <c r="C20" s="21" t="s">
        <v>264</v>
      </c>
      <c r="D20" s="21" t="s">
        <v>734</v>
      </c>
      <c r="E20" s="16">
        <v>147941</v>
      </c>
      <c r="F20" s="16">
        <v>146756</v>
      </c>
      <c r="G20" s="16">
        <v>90370</v>
      </c>
      <c r="H20" s="16">
        <v>15452</v>
      </c>
      <c r="I20" s="16">
        <v>41019</v>
      </c>
      <c r="J20" s="16">
        <v>5992</v>
      </c>
      <c r="K20" s="16">
        <v>27907</v>
      </c>
      <c r="L20" s="16">
        <v>56386</v>
      </c>
      <c r="M20" s="16">
        <v>3256</v>
      </c>
      <c r="N20" s="16">
        <v>2695</v>
      </c>
      <c r="O20" s="16">
        <v>561</v>
      </c>
      <c r="P20" s="16">
        <v>8819</v>
      </c>
      <c r="Q20" s="16">
        <v>6797</v>
      </c>
      <c r="R20" s="16">
        <v>2022</v>
      </c>
      <c r="S20" s="16">
        <v>8999</v>
      </c>
      <c r="T20" s="16">
        <v>7520</v>
      </c>
      <c r="U20" s="16">
        <v>1477</v>
      </c>
      <c r="V20" s="16">
        <v>13970</v>
      </c>
      <c r="W20" s="16">
        <v>10737</v>
      </c>
      <c r="X20" s="16">
        <v>3211</v>
      </c>
      <c r="Y20" s="16">
        <v>1319</v>
      </c>
      <c r="Z20" s="16">
        <v>5867</v>
      </c>
      <c r="AA20" s="16">
        <v>1438</v>
      </c>
      <c r="AB20" s="16">
        <v>693</v>
      </c>
      <c r="AC20" s="16">
        <v>214</v>
      </c>
      <c r="AD20" s="16">
        <v>4014</v>
      </c>
      <c r="AE20" s="16">
        <v>3099</v>
      </c>
      <c r="AF20" s="16">
        <v>870</v>
      </c>
      <c r="AG20" s="16">
        <v>825</v>
      </c>
      <c r="AH20" s="16">
        <v>7879</v>
      </c>
      <c r="AI20" s="16">
        <v>1185</v>
      </c>
      <c r="AJ20" s="22" t="s">
        <v>268</v>
      </c>
      <c r="AK20" s="22" t="s">
        <v>268</v>
      </c>
      <c r="AL20" s="16">
        <v>39204</v>
      </c>
      <c r="AM20" s="16">
        <v>6</v>
      </c>
      <c r="AN20" s="16">
        <v>3791</v>
      </c>
      <c r="AO20" s="16">
        <v>24</v>
      </c>
      <c r="AP20" s="16">
        <v>1182</v>
      </c>
      <c r="AQ20" s="16">
        <v>10804</v>
      </c>
      <c r="AR20" s="22" t="s">
        <v>268</v>
      </c>
    </row>
    <row r="21" spans="1:44">
      <c r="A21" s="21" t="s">
        <v>232</v>
      </c>
      <c r="B21" s="21" t="s">
        <v>237</v>
      </c>
      <c r="C21" s="21" t="s">
        <v>264</v>
      </c>
      <c r="D21" s="21" t="s">
        <v>735</v>
      </c>
      <c r="E21" s="16">
        <v>188143</v>
      </c>
      <c r="F21" s="16">
        <v>135423</v>
      </c>
      <c r="G21" s="16">
        <v>89857</v>
      </c>
      <c r="H21" s="16">
        <v>46182</v>
      </c>
      <c r="I21" s="16">
        <v>17508</v>
      </c>
      <c r="J21" s="16">
        <v>4033</v>
      </c>
      <c r="K21" s="16">
        <v>22134</v>
      </c>
      <c r="L21" s="16">
        <v>45566</v>
      </c>
      <c r="M21" s="16">
        <v>3021</v>
      </c>
      <c r="N21" s="16">
        <v>2521</v>
      </c>
      <c r="O21" s="16">
        <v>500</v>
      </c>
      <c r="P21" s="16">
        <v>11172</v>
      </c>
      <c r="Q21" s="16">
        <v>8602</v>
      </c>
      <c r="R21" s="16">
        <v>2570</v>
      </c>
      <c r="S21" s="16">
        <v>5239</v>
      </c>
      <c r="T21" s="16">
        <v>4519</v>
      </c>
      <c r="U21" s="16">
        <v>718</v>
      </c>
      <c r="V21" s="16">
        <v>10951</v>
      </c>
      <c r="W21" s="16">
        <v>8653</v>
      </c>
      <c r="X21" s="16">
        <v>2276</v>
      </c>
      <c r="Y21" s="16">
        <v>1109</v>
      </c>
      <c r="Z21" s="16">
        <v>2769</v>
      </c>
      <c r="AA21" s="16">
        <v>1318</v>
      </c>
      <c r="AB21" s="16">
        <v>621</v>
      </c>
      <c r="AC21" s="16">
        <v>189</v>
      </c>
      <c r="AD21" s="16">
        <v>3199</v>
      </c>
      <c r="AE21" s="16">
        <v>2505</v>
      </c>
      <c r="AF21" s="16">
        <v>651</v>
      </c>
      <c r="AG21" s="16">
        <v>1213</v>
      </c>
      <c r="AH21" s="16">
        <v>5575</v>
      </c>
      <c r="AI21" s="16">
        <v>916</v>
      </c>
      <c r="AJ21" s="16">
        <v>51804</v>
      </c>
      <c r="AK21" s="22" t="s">
        <v>268</v>
      </c>
      <c r="AL21" s="16">
        <v>26892</v>
      </c>
      <c r="AM21" s="22" t="s">
        <v>268</v>
      </c>
      <c r="AN21" s="16">
        <v>1400</v>
      </c>
      <c r="AO21" s="16">
        <v>1</v>
      </c>
      <c r="AP21" s="16">
        <v>486</v>
      </c>
      <c r="AQ21" s="16">
        <v>45988</v>
      </c>
      <c r="AR21" s="16">
        <v>51804</v>
      </c>
    </row>
    <row r="22" spans="1:44">
      <c r="A22" s="21" t="s">
        <v>232</v>
      </c>
      <c r="B22" s="21" t="s">
        <v>237</v>
      </c>
      <c r="C22" s="21" t="s">
        <v>264</v>
      </c>
      <c r="D22" s="21" t="s">
        <v>736</v>
      </c>
      <c r="E22" s="16">
        <v>72330</v>
      </c>
      <c r="F22" s="16">
        <v>52513</v>
      </c>
      <c r="G22" s="16">
        <v>28272</v>
      </c>
      <c r="H22" s="16">
        <v>11266</v>
      </c>
      <c r="I22" s="16">
        <v>4358</v>
      </c>
      <c r="J22" s="16">
        <v>1910</v>
      </c>
      <c r="K22" s="16">
        <v>10738</v>
      </c>
      <c r="L22" s="16">
        <v>24241</v>
      </c>
      <c r="M22" s="16">
        <v>1706</v>
      </c>
      <c r="N22" s="16">
        <v>1417</v>
      </c>
      <c r="O22" s="16">
        <v>289</v>
      </c>
      <c r="P22" s="16">
        <v>8156</v>
      </c>
      <c r="Q22" s="16">
        <v>6389</v>
      </c>
      <c r="R22" s="16">
        <v>1767</v>
      </c>
      <c r="S22" s="16">
        <v>1594</v>
      </c>
      <c r="T22" s="16">
        <v>1410</v>
      </c>
      <c r="U22" s="16">
        <v>182</v>
      </c>
      <c r="V22" s="16">
        <v>5724</v>
      </c>
      <c r="W22" s="16">
        <v>4617</v>
      </c>
      <c r="X22" s="16">
        <v>1088</v>
      </c>
      <c r="Y22" s="16">
        <v>352</v>
      </c>
      <c r="Z22" s="16">
        <v>717</v>
      </c>
      <c r="AA22" s="16">
        <v>854</v>
      </c>
      <c r="AB22" s="16">
        <v>407</v>
      </c>
      <c r="AC22" s="16">
        <v>119</v>
      </c>
      <c r="AD22" s="16">
        <v>2116</v>
      </c>
      <c r="AE22" s="16">
        <v>1668</v>
      </c>
      <c r="AF22" s="16">
        <v>421</v>
      </c>
      <c r="AG22" s="16">
        <v>345</v>
      </c>
      <c r="AH22" s="16">
        <v>2677</v>
      </c>
      <c r="AI22" s="16">
        <v>300</v>
      </c>
      <c r="AJ22" s="16">
        <v>19517</v>
      </c>
      <c r="AK22" s="22" t="s">
        <v>268</v>
      </c>
      <c r="AL22" s="16">
        <v>12618</v>
      </c>
      <c r="AM22" s="22" t="s">
        <v>268</v>
      </c>
      <c r="AN22" s="16">
        <v>416</v>
      </c>
      <c r="AO22" s="22" t="s">
        <v>268</v>
      </c>
      <c r="AP22" s="16">
        <v>141</v>
      </c>
      <c r="AQ22" s="16">
        <v>11257</v>
      </c>
      <c r="AR22" s="16">
        <v>19517</v>
      </c>
    </row>
    <row r="23" spans="1:44">
      <c r="A23" s="21" t="s">
        <v>240</v>
      </c>
      <c r="B23" s="21" t="s">
        <v>237</v>
      </c>
      <c r="C23" s="21" t="s">
        <v>265</v>
      </c>
      <c r="D23" s="21" t="s">
        <v>214</v>
      </c>
      <c r="E23" s="16">
        <v>48996</v>
      </c>
      <c r="F23" s="16">
        <v>32763</v>
      </c>
      <c r="G23" s="16">
        <v>26302</v>
      </c>
      <c r="H23" s="16">
        <v>10245</v>
      </c>
      <c r="I23" s="16">
        <v>10781</v>
      </c>
      <c r="J23" s="16">
        <v>772</v>
      </c>
      <c r="K23" s="16">
        <v>4504</v>
      </c>
      <c r="L23" s="16">
        <v>6461</v>
      </c>
      <c r="M23" s="16">
        <v>375</v>
      </c>
      <c r="N23" s="16">
        <v>312</v>
      </c>
      <c r="O23" s="16">
        <v>63</v>
      </c>
      <c r="P23" s="16">
        <v>1045</v>
      </c>
      <c r="Q23" s="16">
        <v>839</v>
      </c>
      <c r="R23" s="16">
        <v>206</v>
      </c>
      <c r="S23" s="16">
        <v>985</v>
      </c>
      <c r="T23" s="16">
        <v>827</v>
      </c>
      <c r="U23" s="16">
        <v>158</v>
      </c>
      <c r="V23" s="16">
        <v>1310</v>
      </c>
      <c r="W23" s="16">
        <v>1034</v>
      </c>
      <c r="X23" s="16">
        <v>275</v>
      </c>
      <c r="Y23" s="16">
        <v>190</v>
      </c>
      <c r="Z23" s="16">
        <v>638</v>
      </c>
      <c r="AA23" s="16">
        <v>217</v>
      </c>
      <c r="AB23" s="16">
        <v>72</v>
      </c>
      <c r="AC23" s="16">
        <v>23</v>
      </c>
      <c r="AD23" s="16">
        <v>479</v>
      </c>
      <c r="AE23" s="16">
        <v>384</v>
      </c>
      <c r="AF23" s="16">
        <v>91</v>
      </c>
      <c r="AG23" s="16">
        <v>377</v>
      </c>
      <c r="AH23" s="16">
        <v>845</v>
      </c>
      <c r="AI23" s="16">
        <v>374</v>
      </c>
      <c r="AJ23" s="16">
        <v>15791</v>
      </c>
      <c r="AK23" s="16">
        <v>68</v>
      </c>
      <c r="AL23" s="16">
        <v>4145</v>
      </c>
      <c r="AM23" s="16">
        <v>857</v>
      </c>
      <c r="AN23" s="16">
        <v>1362</v>
      </c>
      <c r="AO23" s="16">
        <v>79</v>
      </c>
      <c r="AP23" s="16">
        <v>216</v>
      </c>
      <c r="AQ23" s="16">
        <v>6738</v>
      </c>
      <c r="AR23" s="16">
        <v>6739</v>
      </c>
    </row>
    <row r="24" spans="1:44">
      <c r="A24" s="21" t="s">
        <v>240</v>
      </c>
      <c r="B24" s="21" t="s">
        <v>237</v>
      </c>
      <c r="C24" s="21" t="s">
        <v>265</v>
      </c>
      <c r="D24" s="21" t="s">
        <v>728</v>
      </c>
      <c r="E24" s="16">
        <v>25723</v>
      </c>
      <c r="F24" s="16">
        <v>18841</v>
      </c>
      <c r="G24" s="16">
        <v>13101</v>
      </c>
      <c r="H24" s="16">
        <v>7065</v>
      </c>
      <c r="I24" s="16">
        <v>3048</v>
      </c>
      <c r="J24" s="16">
        <v>524</v>
      </c>
      <c r="K24" s="16">
        <v>2464</v>
      </c>
      <c r="L24" s="16">
        <v>5740</v>
      </c>
      <c r="M24" s="16">
        <v>367</v>
      </c>
      <c r="N24" s="16">
        <v>305</v>
      </c>
      <c r="O24" s="16">
        <v>62</v>
      </c>
      <c r="P24" s="16">
        <v>1031</v>
      </c>
      <c r="Q24" s="16">
        <v>831</v>
      </c>
      <c r="R24" s="16">
        <v>200</v>
      </c>
      <c r="S24" s="16">
        <v>881</v>
      </c>
      <c r="T24" s="16">
        <v>753</v>
      </c>
      <c r="U24" s="16">
        <v>128</v>
      </c>
      <c r="V24" s="16">
        <v>1218</v>
      </c>
      <c r="W24" s="16">
        <v>980</v>
      </c>
      <c r="X24" s="16">
        <v>237</v>
      </c>
      <c r="Y24" s="16">
        <v>167</v>
      </c>
      <c r="Z24" s="16">
        <v>511</v>
      </c>
      <c r="AA24" s="16">
        <v>210</v>
      </c>
      <c r="AB24" s="16">
        <v>67</v>
      </c>
      <c r="AC24" s="16">
        <v>21</v>
      </c>
      <c r="AD24" s="16">
        <v>424</v>
      </c>
      <c r="AE24" s="16">
        <v>343</v>
      </c>
      <c r="AF24" s="16">
        <v>77</v>
      </c>
      <c r="AG24" s="16">
        <v>227</v>
      </c>
      <c r="AH24" s="16">
        <v>704</v>
      </c>
      <c r="AI24" s="16">
        <v>143</v>
      </c>
      <c r="AJ24" s="16">
        <v>6739</v>
      </c>
      <c r="AK24" s="22" t="s">
        <v>268</v>
      </c>
      <c r="AL24" s="16">
        <v>3691</v>
      </c>
      <c r="AM24" s="22" t="s">
        <v>268</v>
      </c>
      <c r="AN24" s="16">
        <v>370</v>
      </c>
      <c r="AO24" s="16">
        <v>3</v>
      </c>
      <c r="AP24" s="16">
        <v>109</v>
      </c>
      <c r="AQ24" s="16">
        <v>6738</v>
      </c>
      <c r="AR24" s="16">
        <v>6739</v>
      </c>
    </row>
    <row r="25" spans="1:44">
      <c r="A25" s="21" t="s">
        <v>240</v>
      </c>
      <c r="B25" s="21" t="s">
        <v>237</v>
      </c>
      <c r="C25" s="21" t="s">
        <v>265</v>
      </c>
      <c r="D25" s="21" t="s">
        <v>733</v>
      </c>
      <c r="E25" s="16">
        <v>13515</v>
      </c>
      <c r="F25" s="16">
        <v>6730</v>
      </c>
      <c r="G25" s="16">
        <v>6256</v>
      </c>
      <c r="H25" s="16">
        <v>5973</v>
      </c>
      <c r="I25" s="16">
        <v>22</v>
      </c>
      <c r="J25" s="16">
        <v>18</v>
      </c>
      <c r="K25" s="16">
        <v>243</v>
      </c>
      <c r="L25" s="16">
        <v>474</v>
      </c>
      <c r="M25" s="16">
        <v>19</v>
      </c>
      <c r="N25" s="16">
        <v>18</v>
      </c>
      <c r="O25" s="16">
        <v>1</v>
      </c>
      <c r="P25" s="16">
        <v>221</v>
      </c>
      <c r="Q25" s="16">
        <v>170</v>
      </c>
      <c r="R25" s="16">
        <v>51</v>
      </c>
      <c r="S25" s="22" t="s">
        <v>268</v>
      </c>
      <c r="T25" s="22" t="s">
        <v>268</v>
      </c>
      <c r="U25" s="22" t="s">
        <v>268</v>
      </c>
      <c r="V25" s="22" t="s">
        <v>268</v>
      </c>
      <c r="W25" s="22" t="s">
        <v>268</v>
      </c>
      <c r="X25" s="22" t="s">
        <v>268</v>
      </c>
      <c r="Y25" s="16">
        <v>57</v>
      </c>
      <c r="Z25" s="22" t="s">
        <v>268</v>
      </c>
      <c r="AA25" s="16">
        <v>9</v>
      </c>
      <c r="AB25" s="16">
        <v>6</v>
      </c>
      <c r="AC25" s="16">
        <v>1</v>
      </c>
      <c r="AD25" s="22" t="s">
        <v>268</v>
      </c>
      <c r="AE25" s="22" t="s">
        <v>268</v>
      </c>
      <c r="AF25" s="22" t="s">
        <v>268</v>
      </c>
      <c r="AG25" s="16">
        <v>149</v>
      </c>
      <c r="AH25" s="16">
        <v>19</v>
      </c>
      <c r="AI25" s="16">
        <v>46</v>
      </c>
      <c r="AJ25" s="16">
        <v>6739</v>
      </c>
      <c r="AK25" s="22" t="s">
        <v>268</v>
      </c>
      <c r="AL25" s="22" t="s">
        <v>268</v>
      </c>
      <c r="AM25" s="22" t="s">
        <v>268</v>
      </c>
      <c r="AN25" s="22" t="s">
        <v>268</v>
      </c>
      <c r="AO25" s="22" t="s">
        <v>268</v>
      </c>
      <c r="AP25" s="22" t="s">
        <v>268</v>
      </c>
      <c r="AQ25" s="16">
        <v>5973</v>
      </c>
      <c r="AR25" s="16">
        <v>6739</v>
      </c>
    </row>
    <row r="26" spans="1:44">
      <c r="A26" s="21" t="s">
        <v>240</v>
      </c>
      <c r="B26" s="21" t="s">
        <v>237</v>
      </c>
      <c r="C26" s="21" t="s">
        <v>265</v>
      </c>
      <c r="D26" s="21" t="s">
        <v>734</v>
      </c>
      <c r="E26" s="16">
        <v>12208</v>
      </c>
      <c r="F26" s="16">
        <v>12111</v>
      </c>
      <c r="G26" s="16">
        <v>6845</v>
      </c>
      <c r="H26" s="16">
        <v>1092</v>
      </c>
      <c r="I26" s="16">
        <v>3026</v>
      </c>
      <c r="J26" s="16">
        <v>506</v>
      </c>
      <c r="K26" s="16">
        <v>2221</v>
      </c>
      <c r="L26" s="16">
        <v>5266</v>
      </c>
      <c r="M26" s="16">
        <v>348</v>
      </c>
      <c r="N26" s="16">
        <v>287</v>
      </c>
      <c r="O26" s="16">
        <v>61</v>
      </c>
      <c r="P26" s="16">
        <v>810</v>
      </c>
      <c r="Q26" s="16">
        <v>661</v>
      </c>
      <c r="R26" s="16">
        <v>149</v>
      </c>
      <c r="S26" s="16">
        <v>881</v>
      </c>
      <c r="T26" s="16">
        <v>753</v>
      </c>
      <c r="U26" s="16">
        <v>128</v>
      </c>
      <c r="V26" s="16">
        <v>1218</v>
      </c>
      <c r="W26" s="16">
        <v>980</v>
      </c>
      <c r="X26" s="16">
        <v>237</v>
      </c>
      <c r="Y26" s="16">
        <v>110</v>
      </c>
      <c r="Z26" s="16">
        <v>511</v>
      </c>
      <c r="AA26" s="16">
        <v>201</v>
      </c>
      <c r="AB26" s="16">
        <v>61</v>
      </c>
      <c r="AC26" s="16">
        <v>20</v>
      </c>
      <c r="AD26" s="16">
        <v>424</v>
      </c>
      <c r="AE26" s="16">
        <v>343</v>
      </c>
      <c r="AF26" s="16">
        <v>77</v>
      </c>
      <c r="AG26" s="16">
        <v>78</v>
      </c>
      <c r="AH26" s="16">
        <v>685</v>
      </c>
      <c r="AI26" s="16">
        <v>97</v>
      </c>
      <c r="AJ26" s="22" t="s">
        <v>268</v>
      </c>
      <c r="AK26" s="22" t="s">
        <v>268</v>
      </c>
      <c r="AL26" s="16">
        <v>3691</v>
      </c>
      <c r="AM26" s="22" t="s">
        <v>268</v>
      </c>
      <c r="AN26" s="16">
        <v>370</v>
      </c>
      <c r="AO26" s="16">
        <v>3</v>
      </c>
      <c r="AP26" s="16">
        <v>109</v>
      </c>
      <c r="AQ26" s="16">
        <v>765</v>
      </c>
      <c r="AR26" s="22" t="s">
        <v>268</v>
      </c>
    </row>
    <row r="27" spans="1:44">
      <c r="A27" s="21" t="s">
        <v>240</v>
      </c>
      <c r="B27" s="21" t="s">
        <v>237</v>
      </c>
      <c r="C27" s="21" t="s">
        <v>265</v>
      </c>
      <c r="D27" s="21" t="s">
        <v>735</v>
      </c>
      <c r="E27" s="16">
        <v>14897</v>
      </c>
      <c r="F27" s="16">
        <v>11035</v>
      </c>
      <c r="G27" s="16">
        <v>6893</v>
      </c>
      <c r="H27" s="16">
        <v>3365</v>
      </c>
      <c r="I27" s="16">
        <v>1401</v>
      </c>
      <c r="J27" s="16">
        <v>338</v>
      </c>
      <c r="K27" s="16">
        <v>1789</v>
      </c>
      <c r="L27" s="16">
        <v>4142</v>
      </c>
      <c r="M27" s="16">
        <v>314</v>
      </c>
      <c r="N27" s="16">
        <v>260</v>
      </c>
      <c r="O27" s="16">
        <v>54</v>
      </c>
      <c r="P27" s="16">
        <v>979</v>
      </c>
      <c r="Q27" s="16">
        <v>792</v>
      </c>
      <c r="R27" s="16">
        <v>187</v>
      </c>
      <c r="S27" s="16">
        <v>489</v>
      </c>
      <c r="T27" s="16">
        <v>430</v>
      </c>
      <c r="U27" s="16">
        <v>59</v>
      </c>
      <c r="V27" s="16">
        <v>936</v>
      </c>
      <c r="W27" s="16">
        <v>782</v>
      </c>
      <c r="X27" s="16">
        <v>153</v>
      </c>
      <c r="Y27" s="16">
        <v>85</v>
      </c>
      <c r="Z27" s="16">
        <v>241</v>
      </c>
      <c r="AA27" s="16">
        <v>195</v>
      </c>
      <c r="AB27" s="16">
        <v>60</v>
      </c>
      <c r="AC27" s="16">
        <v>17</v>
      </c>
      <c r="AD27" s="16">
        <v>335</v>
      </c>
      <c r="AE27" s="16">
        <v>277</v>
      </c>
      <c r="AF27" s="16">
        <v>54</v>
      </c>
      <c r="AG27" s="16">
        <v>84</v>
      </c>
      <c r="AH27" s="16">
        <v>484</v>
      </c>
      <c r="AI27" s="16">
        <v>77</v>
      </c>
      <c r="AJ27" s="16">
        <v>3785</v>
      </c>
      <c r="AK27" s="22" t="s">
        <v>268</v>
      </c>
      <c r="AL27" s="16">
        <v>2503</v>
      </c>
      <c r="AM27" s="22" t="s">
        <v>268</v>
      </c>
      <c r="AN27" s="16">
        <v>130</v>
      </c>
      <c r="AO27" s="22" t="s">
        <v>268</v>
      </c>
      <c r="AP27" s="16">
        <v>54</v>
      </c>
      <c r="AQ27" s="16">
        <v>3354</v>
      </c>
      <c r="AR27" s="16">
        <v>3785</v>
      </c>
    </row>
    <row r="28" spans="1:44">
      <c r="A28" s="21" t="s">
        <v>240</v>
      </c>
      <c r="B28" s="21" t="s">
        <v>237</v>
      </c>
      <c r="C28" s="21" t="s">
        <v>265</v>
      </c>
      <c r="D28" s="21" t="s">
        <v>736</v>
      </c>
      <c r="E28" s="16">
        <v>5557</v>
      </c>
      <c r="F28" s="16">
        <v>4179</v>
      </c>
      <c r="G28" s="16">
        <v>2059</v>
      </c>
      <c r="H28" s="16">
        <v>789</v>
      </c>
      <c r="I28" s="16">
        <v>324</v>
      </c>
      <c r="J28" s="16">
        <v>160</v>
      </c>
      <c r="K28" s="16">
        <v>786</v>
      </c>
      <c r="L28" s="16">
        <v>2120</v>
      </c>
      <c r="M28" s="16">
        <v>146</v>
      </c>
      <c r="N28" s="16">
        <v>116</v>
      </c>
      <c r="O28" s="16">
        <v>30</v>
      </c>
      <c r="P28" s="16">
        <v>672</v>
      </c>
      <c r="Q28" s="16">
        <v>552</v>
      </c>
      <c r="R28" s="16">
        <v>120</v>
      </c>
      <c r="S28" s="16">
        <v>120</v>
      </c>
      <c r="T28" s="16">
        <v>111</v>
      </c>
      <c r="U28" s="16">
        <v>9</v>
      </c>
      <c r="V28" s="16">
        <v>478</v>
      </c>
      <c r="W28" s="16">
        <v>407</v>
      </c>
      <c r="X28" s="16">
        <v>70</v>
      </c>
      <c r="Y28" s="16">
        <v>29</v>
      </c>
      <c r="Z28" s="16">
        <v>59</v>
      </c>
      <c r="AA28" s="16">
        <v>124</v>
      </c>
      <c r="AB28" s="16">
        <v>36</v>
      </c>
      <c r="AC28" s="16">
        <v>9</v>
      </c>
      <c r="AD28" s="16">
        <v>234</v>
      </c>
      <c r="AE28" s="16">
        <v>198</v>
      </c>
      <c r="AF28" s="16">
        <v>34</v>
      </c>
      <c r="AG28" s="16">
        <v>25</v>
      </c>
      <c r="AH28" s="16">
        <v>233</v>
      </c>
      <c r="AI28" s="16">
        <v>22</v>
      </c>
      <c r="AJ28" s="16">
        <v>1356</v>
      </c>
      <c r="AK28" s="22" t="s">
        <v>268</v>
      </c>
      <c r="AL28" s="16">
        <v>1159</v>
      </c>
      <c r="AM28" s="22" t="s">
        <v>268</v>
      </c>
      <c r="AN28" s="16">
        <v>42</v>
      </c>
      <c r="AO28" s="22" t="s">
        <v>268</v>
      </c>
      <c r="AP28" s="16">
        <v>18</v>
      </c>
      <c r="AQ28" s="16">
        <v>788</v>
      </c>
      <c r="AR28" s="16">
        <v>1356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5" orientation="portrait" r:id="rId1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4F5C00-FC71-48B2-A9E4-A4077F4B683C}">
  <sheetPr>
    <pageSetUpPr fitToPage="1"/>
  </sheetPr>
  <dimension ref="A1:AR28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37.5" style="20" bestFit="1" customWidth="1"/>
    <col min="5" max="16384" width="12.625" style="20"/>
  </cols>
  <sheetData>
    <row r="1" spans="1:44" s="11" customFormat="1">
      <c r="A1" s="11" t="s">
        <v>192</v>
      </c>
    </row>
    <row r="2" spans="1:44" s="11" customFormat="1">
      <c r="A2" s="11" t="s">
        <v>737</v>
      </c>
    </row>
    <row r="3" spans="1:44" s="11" customFormat="1"/>
    <row r="4" spans="1:44" s="11" customFormat="1" outlineLevel="1">
      <c r="A4" s="11" t="s">
        <v>556</v>
      </c>
    </row>
    <row r="5" spans="1:44" s="11" customFormat="1">
      <c r="E5" s="12" t="s">
        <v>495</v>
      </c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  <c r="R5" s="12" t="s">
        <v>495</v>
      </c>
      <c r="S5" s="12" t="s">
        <v>495</v>
      </c>
      <c r="T5" s="12" t="s">
        <v>495</v>
      </c>
      <c r="U5" s="12" t="s">
        <v>495</v>
      </c>
      <c r="V5" s="12" t="s">
        <v>495</v>
      </c>
      <c r="W5" s="12" t="s">
        <v>495</v>
      </c>
      <c r="X5" s="12" t="s">
        <v>495</v>
      </c>
      <c r="Y5" s="12" t="s">
        <v>495</v>
      </c>
      <c r="Z5" s="12" t="s">
        <v>495</v>
      </c>
      <c r="AA5" s="12" t="s">
        <v>495</v>
      </c>
      <c r="AB5" s="12" t="s">
        <v>495</v>
      </c>
      <c r="AC5" s="12" t="s">
        <v>495</v>
      </c>
      <c r="AD5" s="12" t="s">
        <v>495</v>
      </c>
      <c r="AE5" s="12" t="s">
        <v>495</v>
      </c>
      <c r="AF5" s="12" t="s">
        <v>495</v>
      </c>
      <c r="AG5" s="12" t="s">
        <v>495</v>
      </c>
      <c r="AH5" s="12" t="s">
        <v>495</v>
      </c>
      <c r="AI5" s="12" t="s">
        <v>495</v>
      </c>
      <c r="AJ5" s="12" t="s">
        <v>495</v>
      </c>
      <c r="AK5" s="12" t="s">
        <v>495</v>
      </c>
      <c r="AL5" s="12" t="s">
        <v>495</v>
      </c>
      <c r="AM5" s="12" t="s">
        <v>495</v>
      </c>
      <c r="AN5" s="12" t="s">
        <v>495</v>
      </c>
      <c r="AO5" s="12" t="s">
        <v>495</v>
      </c>
      <c r="AP5" s="12" t="s">
        <v>495</v>
      </c>
      <c r="AQ5" s="12" t="s">
        <v>495</v>
      </c>
      <c r="AR5" s="12" t="s">
        <v>495</v>
      </c>
    </row>
    <row r="6" spans="1:44" s="11" customFormat="1" ht="24">
      <c r="E6" s="12" t="s">
        <v>563</v>
      </c>
      <c r="F6" s="12" t="s">
        <v>563</v>
      </c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  <c r="AE6" s="12" t="s">
        <v>563</v>
      </c>
      <c r="AF6" s="12" t="s">
        <v>563</v>
      </c>
      <c r="AG6" s="12" t="s">
        <v>563</v>
      </c>
      <c r="AH6" s="12" t="s">
        <v>563</v>
      </c>
      <c r="AI6" s="12" t="s">
        <v>563</v>
      </c>
      <c r="AJ6" s="12" t="s">
        <v>563</v>
      </c>
      <c r="AK6" s="12" t="s">
        <v>563</v>
      </c>
      <c r="AL6" s="12" t="s">
        <v>563</v>
      </c>
      <c r="AM6" s="12" t="s">
        <v>563</v>
      </c>
      <c r="AN6" s="12" t="s">
        <v>563</v>
      </c>
      <c r="AO6" s="12" t="s">
        <v>563</v>
      </c>
      <c r="AP6" s="12" t="s">
        <v>563</v>
      </c>
      <c r="AQ6" s="12" t="s">
        <v>563</v>
      </c>
      <c r="AR6" s="12" t="s">
        <v>563</v>
      </c>
    </row>
    <row r="7" spans="1:44" s="11" customFormat="1">
      <c r="E7" s="12">
        <v>1</v>
      </c>
      <c r="F7" s="12">
        <v>1</v>
      </c>
      <c r="G7" s="12">
        <v>2</v>
      </c>
      <c r="H7" s="12">
        <v>3</v>
      </c>
      <c r="I7" s="12">
        <v>3</v>
      </c>
      <c r="J7" s="12">
        <v>3</v>
      </c>
      <c r="K7" s="12">
        <v>3</v>
      </c>
      <c r="L7" s="12">
        <v>2</v>
      </c>
      <c r="M7" s="12">
        <v>3</v>
      </c>
      <c r="N7" s="12">
        <v>4</v>
      </c>
      <c r="O7" s="12">
        <v>4</v>
      </c>
      <c r="P7" s="12">
        <v>3</v>
      </c>
      <c r="Q7" s="12">
        <v>4</v>
      </c>
      <c r="R7" s="12">
        <v>4</v>
      </c>
      <c r="S7" s="12">
        <v>3</v>
      </c>
      <c r="T7" s="12">
        <v>4</v>
      </c>
      <c r="U7" s="12">
        <v>4</v>
      </c>
      <c r="V7" s="12">
        <v>3</v>
      </c>
      <c r="W7" s="12">
        <v>4</v>
      </c>
      <c r="X7" s="12">
        <v>4</v>
      </c>
      <c r="Y7" s="12">
        <v>3</v>
      </c>
      <c r="Z7" s="12">
        <v>3</v>
      </c>
      <c r="AA7" s="12">
        <v>3</v>
      </c>
      <c r="AB7" s="12">
        <v>4</v>
      </c>
      <c r="AC7" s="12">
        <v>4</v>
      </c>
      <c r="AD7" s="12">
        <v>3</v>
      </c>
      <c r="AE7" s="12">
        <v>4</v>
      </c>
      <c r="AF7" s="12">
        <v>4</v>
      </c>
      <c r="AG7" s="12">
        <v>3</v>
      </c>
      <c r="AH7" s="12">
        <v>3</v>
      </c>
      <c r="AI7" s="12">
        <v>1</v>
      </c>
      <c r="AJ7" s="12">
        <v>1</v>
      </c>
      <c r="AK7" s="12">
        <v>1</v>
      </c>
      <c r="AL7" s="12">
        <v>1</v>
      </c>
      <c r="AM7" s="12">
        <v>1</v>
      </c>
      <c r="AN7" s="12">
        <v>1</v>
      </c>
      <c r="AO7" s="12">
        <v>1</v>
      </c>
      <c r="AP7" s="12">
        <v>1</v>
      </c>
      <c r="AQ7" s="12">
        <v>1</v>
      </c>
      <c r="AR7" s="12">
        <v>1</v>
      </c>
    </row>
    <row r="8" spans="1:44" s="11" customFormat="1" ht="60">
      <c r="E8" s="12" t="s">
        <v>214</v>
      </c>
      <c r="F8" s="12" t="s">
        <v>564</v>
      </c>
      <c r="G8" s="12" t="s">
        <v>565</v>
      </c>
      <c r="H8" s="12" t="s">
        <v>566</v>
      </c>
      <c r="I8" s="12" t="s">
        <v>567</v>
      </c>
      <c r="J8" s="12" t="s">
        <v>568</v>
      </c>
      <c r="K8" s="12" t="s">
        <v>569</v>
      </c>
      <c r="L8" s="12" t="s">
        <v>570</v>
      </c>
      <c r="M8" s="12" t="s">
        <v>571</v>
      </c>
      <c r="N8" s="12" t="s">
        <v>573</v>
      </c>
      <c r="O8" s="12" t="s">
        <v>574</v>
      </c>
      <c r="P8" s="12" t="s">
        <v>575</v>
      </c>
      <c r="Q8" s="12" t="s">
        <v>576</v>
      </c>
      <c r="R8" s="12" t="s">
        <v>577</v>
      </c>
      <c r="S8" s="12" t="s">
        <v>578</v>
      </c>
      <c r="T8" s="12" t="s">
        <v>579</v>
      </c>
      <c r="U8" s="12" t="s">
        <v>580</v>
      </c>
      <c r="V8" s="12" t="s">
        <v>581</v>
      </c>
      <c r="W8" s="12" t="s">
        <v>582</v>
      </c>
      <c r="X8" s="12" t="s">
        <v>583</v>
      </c>
      <c r="Y8" s="12" t="s">
        <v>584</v>
      </c>
      <c r="Z8" s="12" t="s">
        <v>585</v>
      </c>
      <c r="AA8" s="12" t="s">
        <v>586</v>
      </c>
      <c r="AB8" s="12" t="s">
        <v>587</v>
      </c>
      <c r="AC8" s="12" t="s">
        <v>588</v>
      </c>
      <c r="AD8" s="12" t="s">
        <v>589</v>
      </c>
      <c r="AE8" s="12" t="s">
        <v>590</v>
      </c>
      <c r="AF8" s="12" t="s">
        <v>591</v>
      </c>
      <c r="AG8" s="12" t="s">
        <v>592</v>
      </c>
      <c r="AH8" s="12" t="s">
        <v>593</v>
      </c>
      <c r="AI8" s="12" t="s">
        <v>594</v>
      </c>
      <c r="AJ8" s="12" t="s">
        <v>595</v>
      </c>
      <c r="AK8" s="12" t="s">
        <v>596</v>
      </c>
      <c r="AL8" s="12" t="s">
        <v>597</v>
      </c>
      <c r="AM8" s="12" t="s">
        <v>598</v>
      </c>
      <c r="AN8" s="12" t="s">
        <v>599</v>
      </c>
      <c r="AO8" s="12" t="s">
        <v>600</v>
      </c>
      <c r="AP8" s="12" t="s">
        <v>601</v>
      </c>
      <c r="AQ8" s="12" t="s">
        <v>602</v>
      </c>
      <c r="AR8" s="12" t="s">
        <v>603</v>
      </c>
    </row>
    <row r="9" spans="1:44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  <c r="W9" s="13" t="s">
        <v>219</v>
      </c>
      <c r="X9" s="13" t="s">
        <v>219</v>
      </c>
      <c r="Y9" s="13" t="s">
        <v>219</v>
      </c>
      <c r="Z9" s="13" t="s">
        <v>219</v>
      </c>
      <c r="AA9" s="13" t="s">
        <v>219</v>
      </c>
      <c r="AB9" s="13" t="s">
        <v>219</v>
      </c>
      <c r="AC9" s="13" t="s">
        <v>219</v>
      </c>
      <c r="AD9" s="13" t="s">
        <v>219</v>
      </c>
      <c r="AE9" s="13" t="s">
        <v>219</v>
      </c>
      <c r="AF9" s="13" t="s">
        <v>219</v>
      </c>
      <c r="AG9" s="13" t="s">
        <v>219</v>
      </c>
      <c r="AH9" s="13" t="s">
        <v>219</v>
      </c>
      <c r="AI9" s="13" t="s">
        <v>219</v>
      </c>
      <c r="AJ9" s="13" t="s">
        <v>219</v>
      </c>
      <c r="AK9" s="13" t="s">
        <v>219</v>
      </c>
      <c r="AL9" s="13" t="s">
        <v>219</v>
      </c>
      <c r="AM9" s="13" t="s">
        <v>219</v>
      </c>
      <c r="AN9" s="13" t="s">
        <v>219</v>
      </c>
      <c r="AO9" s="13" t="s">
        <v>219</v>
      </c>
      <c r="AP9" s="13" t="s">
        <v>219</v>
      </c>
      <c r="AQ9" s="13" t="s">
        <v>219</v>
      </c>
      <c r="AR9" s="13" t="s">
        <v>219</v>
      </c>
    </row>
    <row r="10" spans="1:44" s="11" customFormat="1">
      <c r="A10" s="14" t="s">
        <v>224</v>
      </c>
      <c r="B10" s="14" t="s">
        <v>259</v>
      </c>
      <c r="C10" s="14" t="s">
        <v>230</v>
      </c>
      <c r="D10" s="14" t="s">
        <v>727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  <c r="AE10" s="14"/>
      <c r="AF10" s="14"/>
      <c r="AG10" s="14"/>
      <c r="AH10" s="14"/>
      <c r="AI10" s="14"/>
      <c r="AJ10" s="14"/>
      <c r="AK10" s="14"/>
      <c r="AL10" s="14"/>
      <c r="AM10" s="14"/>
      <c r="AN10" s="14"/>
      <c r="AO10" s="14"/>
      <c r="AP10" s="14"/>
      <c r="AQ10" s="14"/>
      <c r="AR10" s="14"/>
    </row>
    <row r="11" spans="1:44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123162995</v>
      </c>
      <c r="F11" s="16">
        <v>100310243</v>
      </c>
      <c r="G11" s="16">
        <v>84632638</v>
      </c>
      <c r="H11" s="16">
        <v>22317680</v>
      </c>
      <c r="I11" s="16">
        <v>50641498</v>
      </c>
      <c r="J11" s="16">
        <v>1669868</v>
      </c>
      <c r="K11" s="16">
        <v>10003592</v>
      </c>
      <c r="L11" s="16">
        <v>15677605</v>
      </c>
      <c r="M11" s="16">
        <v>636896</v>
      </c>
      <c r="N11" s="16">
        <v>501452</v>
      </c>
      <c r="O11" s="16">
        <v>135444</v>
      </c>
      <c r="P11" s="16">
        <v>1826439</v>
      </c>
      <c r="Q11" s="16">
        <v>1312029</v>
      </c>
      <c r="R11" s="16">
        <v>514410</v>
      </c>
      <c r="S11" s="16">
        <v>2926536</v>
      </c>
      <c r="T11" s="16">
        <v>2343459</v>
      </c>
      <c r="U11" s="16">
        <v>582748</v>
      </c>
      <c r="V11" s="16">
        <v>4229403</v>
      </c>
      <c r="W11" s="16">
        <v>3092096</v>
      </c>
      <c r="X11" s="16">
        <v>1132872</v>
      </c>
      <c r="Y11" s="16">
        <v>345776</v>
      </c>
      <c r="Z11" s="16">
        <v>1666687</v>
      </c>
      <c r="AA11" s="16">
        <v>334953</v>
      </c>
      <c r="AB11" s="16">
        <v>161422</v>
      </c>
      <c r="AC11" s="16">
        <v>54624</v>
      </c>
      <c r="AD11" s="16">
        <v>1242039</v>
      </c>
      <c r="AE11" s="16">
        <v>935251</v>
      </c>
      <c r="AF11" s="16">
        <v>292069</v>
      </c>
      <c r="AG11" s="16">
        <v>721113</v>
      </c>
      <c r="AH11" s="16">
        <v>1747763</v>
      </c>
      <c r="AI11" s="16">
        <v>1231866</v>
      </c>
      <c r="AJ11" s="16">
        <v>21151042</v>
      </c>
      <c r="AK11" s="16">
        <v>469844</v>
      </c>
      <c r="AL11" s="16">
        <v>11442715</v>
      </c>
      <c r="AM11" s="16">
        <v>1674110</v>
      </c>
      <c r="AN11" s="16">
        <v>2762919</v>
      </c>
      <c r="AO11" s="16">
        <v>187915</v>
      </c>
      <c r="AP11" s="16">
        <v>503885</v>
      </c>
      <c r="AQ11" s="16">
        <v>13067790</v>
      </c>
      <c r="AR11" s="16">
        <v>6716806</v>
      </c>
    </row>
    <row r="12" spans="1:44">
      <c r="A12" s="21" t="s">
        <v>232</v>
      </c>
      <c r="B12" s="21" t="s">
        <v>233</v>
      </c>
      <c r="C12" s="21" t="s">
        <v>262</v>
      </c>
      <c r="D12" s="21" t="s">
        <v>728</v>
      </c>
      <c r="E12" s="16">
        <v>50106949</v>
      </c>
      <c r="F12" s="16">
        <v>43016481</v>
      </c>
      <c r="G12" s="16">
        <v>29120232</v>
      </c>
      <c r="H12" s="16">
        <v>13696082</v>
      </c>
      <c r="I12" s="16">
        <v>9847768</v>
      </c>
      <c r="J12" s="16">
        <v>975224</v>
      </c>
      <c r="K12" s="16">
        <v>4601158</v>
      </c>
      <c r="L12" s="16">
        <v>13896249</v>
      </c>
      <c r="M12" s="16">
        <v>605628</v>
      </c>
      <c r="N12" s="16">
        <v>480236</v>
      </c>
      <c r="O12" s="16">
        <v>125392</v>
      </c>
      <c r="P12" s="16">
        <v>1793316</v>
      </c>
      <c r="Q12" s="16">
        <v>1292514</v>
      </c>
      <c r="R12" s="16">
        <v>500802</v>
      </c>
      <c r="S12" s="16">
        <v>2715594</v>
      </c>
      <c r="T12" s="16">
        <v>2199097</v>
      </c>
      <c r="U12" s="16">
        <v>516168</v>
      </c>
      <c r="V12" s="16">
        <v>4000014</v>
      </c>
      <c r="W12" s="16">
        <v>2965196</v>
      </c>
      <c r="X12" s="16">
        <v>1030391</v>
      </c>
      <c r="Y12" s="16">
        <v>282447</v>
      </c>
      <c r="Z12" s="16">
        <v>1314157</v>
      </c>
      <c r="AA12" s="16">
        <v>305966</v>
      </c>
      <c r="AB12" s="16">
        <v>142180</v>
      </c>
      <c r="AC12" s="16">
        <v>45620</v>
      </c>
      <c r="AD12" s="16">
        <v>1104766</v>
      </c>
      <c r="AE12" s="16">
        <v>845151</v>
      </c>
      <c r="AF12" s="16">
        <v>245116</v>
      </c>
      <c r="AG12" s="16">
        <v>323611</v>
      </c>
      <c r="AH12" s="16">
        <v>1450750</v>
      </c>
      <c r="AI12" s="16">
        <v>373662</v>
      </c>
      <c r="AJ12" s="16">
        <v>6716806</v>
      </c>
      <c r="AK12" s="22" t="s">
        <v>268</v>
      </c>
      <c r="AL12" s="16">
        <v>10419971</v>
      </c>
      <c r="AM12" s="16">
        <v>652</v>
      </c>
      <c r="AN12" s="16">
        <v>785469</v>
      </c>
      <c r="AO12" s="16">
        <v>2813</v>
      </c>
      <c r="AP12" s="16">
        <v>239550</v>
      </c>
      <c r="AQ12" s="16">
        <v>13067790</v>
      </c>
      <c r="AR12" s="16">
        <v>6716806</v>
      </c>
    </row>
    <row r="13" spans="1:44">
      <c r="A13" s="21" t="s">
        <v>232</v>
      </c>
      <c r="B13" s="21" t="s">
        <v>233</v>
      </c>
      <c r="C13" s="21" t="s">
        <v>262</v>
      </c>
      <c r="D13" s="21" t="s">
        <v>733</v>
      </c>
      <c r="E13" s="16">
        <v>19645097</v>
      </c>
      <c r="F13" s="16">
        <v>12838101</v>
      </c>
      <c r="G13" s="16">
        <v>12058974</v>
      </c>
      <c r="H13" s="16">
        <v>11661668</v>
      </c>
      <c r="I13" s="16">
        <v>29246</v>
      </c>
      <c r="J13" s="16">
        <v>30599</v>
      </c>
      <c r="K13" s="16">
        <v>337461</v>
      </c>
      <c r="L13" s="16">
        <v>779127</v>
      </c>
      <c r="M13" s="16">
        <v>26104</v>
      </c>
      <c r="N13" s="16">
        <v>19564</v>
      </c>
      <c r="O13" s="16">
        <v>6540</v>
      </c>
      <c r="P13" s="16">
        <v>426216</v>
      </c>
      <c r="Q13" s="16">
        <v>293121</v>
      </c>
      <c r="R13" s="16">
        <v>133095</v>
      </c>
      <c r="S13" s="22" t="s">
        <v>268</v>
      </c>
      <c r="T13" s="22" t="s">
        <v>268</v>
      </c>
      <c r="U13" s="22" t="s">
        <v>268</v>
      </c>
      <c r="V13" s="16">
        <v>4</v>
      </c>
      <c r="W13" s="22" t="s">
        <v>268</v>
      </c>
      <c r="X13" s="16">
        <v>4</v>
      </c>
      <c r="Y13" s="16">
        <v>68406</v>
      </c>
      <c r="Z13" s="16">
        <v>102</v>
      </c>
      <c r="AA13" s="16">
        <v>7913</v>
      </c>
      <c r="AB13" s="16">
        <v>5034</v>
      </c>
      <c r="AC13" s="16">
        <v>1946</v>
      </c>
      <c r="AD13" s="22" t="s">
        <v>268</v>
      </c>
      <c r="AE13" s="22" t="s">
        <v>268</v>
      </c>
      <c r="AF13" s="22" t="s">
        <v>268</v>
      </c>
      <c r="AG13" s="16">
        <v>232461</v>
      </c>
      <c r="AH13" s="16">
        <v>17921</v>
      </c>
      <c r="AI13" s="16">
        <v>90190</v>
      </c>
      <c r="AJ13" s="16">
        <v>6716806</v>
      </c>
      <c r="AK13" s="22" t="s">
        <v>268</v>
      </c>
      <c r="AL13" s="16">
        <v>61</v>
      </c>
      <c r="AM13" s="22" t="s">
        <v>268</v>
      </c>
      <c r="AN13" s="22" t="s">
        <v>268</v>
      </c>
      <c r="AO13" s="22" t="s">
        <v>268</v>
      </c>
      <c r="AP13" s="22" t="s">
        <v>268</v>
      </c>
      <c r="AQ13" s="16">
        <v>11661668</v>
      </c>
      <c r="AR13" s="16">
        <v>6716806</v>
      </c>
    </row>
    <row r="14" spans="1:44">
      <c r="A14" s="21" t="s">
        <v>232</v>
      </c>
      <c r="B14" s="21" t="s">
        <v>233</v>
      </c>
      <c r="C14" s="21" t="s">
        <v>262</v>
      </c>
      <c r="D14" s="21" t="s">
        <v>734</v>
      </c>
      <c r="E14" s="16">
        <v>30461852</v>
      </c>
      <c r="F14" s="16">
        <v>30178380</v>
      </c>
      <c r="G14" s="16">
        <v>17061258</v>
      </c>
      <c r="H14" s="16">
        <v>2034414</v>
      </c>
      <c r="I14" s="16">
        <v>9818522</v>
      </c>
      <c r="J14" s="16">
        <v>944625</v>
      </c>
      <c r="K14" s="16">
        <v>4263697</v>
      </c>
      <c r="L14" s="16">
        <v>13117122</v>
      </c>
      <c r="M14" s="16">
        <v>579524</v>
      </c>
      <c r="N14" s="16">
        <v>460672</v>
      </c>
      <c r="O14" s="16">
        <v>118852</v>
      </c>
      <c r="P14" s="16">
        <v>1367100</v>
      </c>
      <c r="Q14" s="16">
        <v>999393</v>
      </c>
      <c r="R14" s="16">
        <v>367707</v>
      </c>
      <c r="S14" s="16">
        <v>2715594</v>
      </c>
      <c r="T14" s="16">
        <v>2199097</v>
      </c>
      <c r="U14" s="16">
        <v>516168</v>
      </c>
      <c r="V14" s="16">
        <v>4000010</v>
      </c>
      <c r="W14" s="16">
        <v>2965196</v>
      </c>
      <c r="X14" s="16">
        <v>1030387</v>
      </c>
      <c r="Y14" s="16">
        <v>214041</v>
      </c>
      <c r="Z14" s="16">
        <v>1314055</v>
      </c>
      <c r="AA14" s="16">
        <v>298053</v>
      </c>
      <c r="AB14" s="16">
        <v>137146</v>
      </c>
      <c r="AC14" s="16">
        <v>43674</v>
      </c>
      <c r="AD14" s="16">
        <v>1104766</v>
      </c>
      <c r="AE14" s="16">
        <v>845151</v>
      </c>
      <c r="AF14" s="16">
        <v>245116</v>
      </c>
      <c r="AG14" s="16">
        <v>91150</v>
      </c>
      <c r="AH14" s="16">
        <v>1432829</v>
      </c>
      <c r="AI14" s="16">
        <v>283472</v>
      </c>
      <c r="AJ14" s="22" t="s">
        <v>268</v>
      </c>
      <c r="AK14" s="22" t="s">
        <v>268</v>
      </c>
      <c r="AL14" s="16">
        <v>10419910</v>
      </c>
      <c r="AM14" s="16">
        <v>652</v>
      </c>
      <c r="AN14" s="16">
        <v>785469</v>
      </c>
      <c r="AO14" s="16">
        <v>2813</v>
      </c>
      <c r="AP14" s="16">
        <v>239550</v>
      </c>
      <c r="AQ14" s="16">
        <v>1406122</v>
      </c>
      <c r="AR14" s="22" t="s">
        <v>268</v>
      </c>
    </row>
    <row r="15" spans="1:44">
      <c r="A15" s="21" t="s">
        <v>232</v>
      </c>
      <c r="B15" s="21" t="s">
        <v>233</v>
      </c>
      <c r="C15" s="21" t="s">
        <v>262</v>
      </c>
      <c r="D15" s="21" t="s">
        <v>735</v>
      </c>
      <c r="E15" s="16">
        <v>28518498</v>
      </c>
      <c r="F15" s="16">
        <v>24510759</v>
      </c>
      <c r="G15" s="16">
        <v>14549689</v>
      </c>
      <c r="H15" s="16">
        <v>6738126</v>
      </c>
      <c r="I15" s="16">
        <v>4095349</v>
      </c>
      <c r="J15" s="16">
        <v>613977</v>
      </c>
      <c r="K15" s="16">
        <v>3102237</v>
      </c>
      <c r="L15" s="16">
        <v>9961070</v>
      </c>
      <c r="M15" s="16">
        <v>501628</v>
      </c>
      <c r="N15" s="16">
        <v>401192</v>
      </c>
      <c r="O15" s="16">
        <v>100436</v>
      </c>
      <c r="P15" s="16">
        <v>1679334</v>
      </c>
      <c r="Q15" s="16">
        <v>1218729</v>
      </c>
      <c r="R15" s="16">
        <v>460605</v>
      </c>
      <c r="S15" s="16">
        <v>1615102</v>
      </c>
      <c r="T15" s="16">
        <v>1341709</v>
      </c>
      <c r="U15" s="16">
        <v>273064</v>
      </c>
      <c r="V15" s="16">
        <v>3079572</v>
      </c>
      <c r="W15" s="16">
        <v>2347126</v>
      </c>
      <c r="X15" s="16">
        <v>728069</v>
      </c>
      <c r="Y15" s="16">
        <v>167934</v>
      </c>
      <c r="Z15" s="16">
        <v>656933</v>
      </c>
      <c r="AA15" s="16">
        <v>263860</v>
      </c>
      <c r="AB15" s="16">
        <v>116664</v>
      </c>
      <c r="AC15" s="16">
        <v>36409</v>
      </c>
      <c r="AD15" s="16">
        <v>858607</v>
      </c>
      <c r="AE15" s="16">
        <v>660708</v>
      </c>
      <c r="AF15" s="16">
        <v>185018</v>
      </c>
      <c r="AG15" s="16">
        <v>132186</v>
      </c>
      <c r="AH15" s="16">
        <v>1005914</v>
      </c>
      <c r="AI15" s="16">
        <v>200031</v>
      </c>
      <c r="AJ15" s="16">
        <v>3807708</v>
      </c>
      <c r="AK15" s="22" t="s">
        <v>268</v>
      </c>
      <c r="AL15" s="16">
        <v>7178509</v>
      </c>
      <c r="AM15" s="16">
        <v>64</v>
      </c>
      <c r="AN15" s="16">
        <v>318212</v>
      </c>
      <c r="AO15" s="16">
        <v>166</v>
      </c>
      <c r="AP15" s="16">
        <v>109806</v>
      </c>
      <c r="AQ15" s="16">
        <v>6705508</v>
      </c>
      <c r="AR15" s="16">
        <v>3807708</v>
      </c>
    </row>
    <row r="16" spans="1:44">
      <c r="A16" s="21" t="s">
        <v>232</v>
      </c>
      <c r="B16" s="21" t="s">
        <v>233</v>
      </c>
      <c r="C16" s="21" t="s">
        <v>262</v>
      </c>
      <c r="D16" s="21" t="s">
        <v>736</v>
      </c>
      <c r="E16" s="16">
        <v>9874242</v>
      </c>
      <c r="F16" s="16">
        <v>8471470</v>
      </c>
      <c r="G16" s="16">
        <v>3704152</v>
      </c>
      <c r="H16" s="16">
        <v>1445690</v>
      </c>
      <c r="I16" s="16">
        <v>774012</v>
      </c>
      <c r="J16" s="16">
        <v>237837</v>
      </c>
      <c r="K16" s="16">
        <v>1246613</v>
      </c>
      <c r="L16" s="16">
        <v>4767318</v>
      </c>
      <c r="M16" s="16">
        <v>256616</v>
      </c>
      <c r="N16" s="16">
        <v>207644</v>
      </c>
      <c r="O16" s="16">
        <v>48972</v>
      </c>
      <c r="P16" s="16">
        <v>1202691</v>
      </c>
      <c r="Q16" s="16">
        <v>886485</v>
      </c>
      <c r="R16" s="16">
        <v>316206</v>
      </c>
      <c r="S16" s="16">
        <v>429509</v>
      </c>
      <c r="T16" s="16">
        <v>363794</v>
      </c>
      <c r="U16" s="16">
        <v>65478</v>
      </c>
      <c r="V16" s="16">
        <v>1492948</v>
      </c>
      <c r="W16" s="16">
        <v>1161597</v>
      </c>
      <c r="X16" s="16">
        <v>327808</v>
      </c>
      <c r="Y16" s="16">
        <v>47502</v>
      </c>
      <c r="Z16" s="16">
        <v>149053</v>
      </c>
      <c r="AA16" s="16">
        <v>162540</v>
      </c>
      <c r="AB16" s="16">
        <v>71243</v>
      </c>
      <c r="AC16" s="16">
        <v>21294</v>
      </c>
      <c r="AD16" s="16">
        <v>557039</v>
      </c>
      <c r="AE16" s="16">
        <v>431202</v>
      </c>
      <c r="AF16" s="16">
        <v>117710</v>
      </c>
      <c r="AG16" s="16">
        <v>34394</v>
      </c>
      <c r="AH16" s="16">
        <v>435026</v>
      </c>
      <c r="AI16" s="16">
        <v>68451</v>
      </c>
      <c r="AJ16" s="16">
        <v>1334321</v>
      </c>
      <c r="AK16" s="22" t="s">
        <v>268</v>
      </c>
      <c r="AL16" s="16">
        <v>3098782</v>
      </c>
      <c r="AM16" s="16">
        <v>6</v>
      </c>
      <c r="AN16" s="16">
        <v>83894</v>
      </c>
      <c r="AO16" s="16">
        <v>6</v>
      </c>
      <c r="AP16" s="16">
        <v>29959</v>
      </c>
      <c r="AQ16" s="16">
        <v>1443938</v>
      </c>
      <c r="AR16" s="16">
        <v>1334321</v>
      </c>
    </row>
    <row r="17" spans="1:44">
      <c r="A17" s="21" t="s">
        <v>232</v>
      </c>
      <c r="B17" s="21" t="s">
        <v>237</v>
      </c>
      <c r="C17" s="21" t="s">
        <v>264</v>
      </c>
      <c r="D17" s="21" t="s">
        <v>214</v>
      </c>
      <c r="E17" s="16">
        <v>1678793</v>
      </c>
      <c r="F17" s="16">
        <v>1417970</v>
      </c>
      <c r="G17" s="16">
        <v>1115416</v>
      </c>
      <c r="H17" s="16">
        <v>298656</v>
      </c>
      <c r="I17" s="16">
        <v>648373</v>
      </c>
      <c r="J17" s="16">
        <v>22314</v>
      </c>
      <c r="K17" s="16">
        <v>146073</v>
      </c>
      <c r="L17" s="16">
        <v>302554</v>
      </c>
      <c r="M17" s="16">
        <v>14296</v>
      </c>
      <c r="N17" s="16">
        <v>11788</v>
      </c>
      <c r="O17" s="16">
        <v>2508</v>
      </c>
      <c r="P17" s="16">
        <v>35688</v>
      </c>
      <c r="Q17" s="16">
        <v>27216</v>
      </c>
      <c r="R17" s="16">
        <v>8472</v>
      </c>
      <c r="S17" s="16">
        <v>58699</v>
      </c>
      <c r="T17" s="16">
        <v>48393</v>
      </c>
      <c r="U17" s="16">
        <v>10296</v>
      </c>
      <c r="V17" s="16">
        <v>69255</v>
      </c>
      <c r="W17" s="16">
        <v>52175</v>
      </c>
      <c r="X17" s="16">
        <v>16985</v>
      </c>
      <c r="Y17" s="16">
        <v>7107</v>
      </c>
      <c r="Z17" s="16">
        <v>34228</v>
      </c>
      <c r="AA17" s="16">
        <v>8546</v>
      </c>
      <c r="AB17" s="16">
        <v>3578</v>
      </c>
      <c r="AC17" s="16">
        <v>1189</v>
      </c>
      <c r="AD17" s="16">
        <v>30945</v>
      </c>
      <c r="AE17" s="16">
        <v>23551</v>
      </c>
      <c r="AF17" s="16">
        <v>7101</v>
      </c>
      <c r="AG17" s="16">
        <v>11246</v>
      </c>
      <c r="AH17" s="16">
        <v>32544</v>
      </c>
      <c r="AI17" s="16">
        <v>14249</v>
      </c>
      <c r="AJ17" s="16">
        <v>242940</v>
      </c>
      <c r="AK17" s="16">
        <v>3634</v>
      </c>
      <c r="AL17" s="16">
        <v>220757</v>
      </c>
      <c r="AM17" s="16">
        <v>30409</v>
      </c>
      <c r="AN17" s="16">
        <v>53564</v>
      </c>
      <c r="AO17" s="16">
        <v>2800</v>
      </c>
      <c r="AP17" s="16">
        <v>9511</v>
      </c>
      <c r="AQ17" s="16">
        <v>188350</v>
      </c>
      <c r="AR17" s="16">
        <v>92410</v>
      </c>
    </row>
    <row r="18" spans="1:44">
      <c r="A18" s="21" t="s">
        <v>232</v>
      </c>
      <c r="B18" s="21" t="s">
        <v>237</v>
      </c>
      <c r="C18" s="21" t="s">
        <v>264</v>
      </c>
      <c r="D18" s="21" t="s">
        <v>728</v>
      </c>
      <c r="E18" s="16">
        <v>775779</v>
      </c>
      <c r="F18" s="16">
        <v>677835</v>
      </c>
      <c r="G18" s="16">
        <v>409031</v>
      </c>
      <c r="H18" s="16">
        <v>197646</v>
      </c>
      <c r="I18" s="16">
        <v>131083</v>
      </c>
      <c r="J18" s="16">
        <v>13608</v>
      </c>
      <c r="K18" s="16">
        <v>66694</v>
      </c>
      <c r="L18" s="16">
        <v>268804</v>
      </c>
      <c r="M18" s="16">
        <v>13812</v>
      </c>
      <c r="N18" s="16">
        <v>11428</v>
      </c>
      <c r="O18" s="16">
        <v>2384</v>
      </c>
      <c r="P18" s="16">
        <v>35178</v>
      </c>
      <c r="Q18" s="16">
        <v>26907</v>
      </c>
      <c r="R18" s="16">
        <v>8271</v>
      </c>
      <c r="S18" s="16">
        <v>53465</v>
      </c>
      <c r="T18" s="16">
        <v>44709</v>
      </c>
      <c r="U18" s="16">
        <v>8746</v>
      </c>
      <c r="V18" s="16">
        <v>64212</v>
      </c>
      <c r="W18" s="16">
        <v>49393</v>
      </c>
      <c r="X18" s="16">
        <v>14724</v>
      </c>
      <c r="Y18" s="16">
        <v>6231</v>
      </c>
      <c r="Z18" s="16">
        <v>27362</v>
      </c>
      <c r="AA18" s="16">
        <v>8167</v>
      </c>
      <c r="AB18" s="16">
        <v>3340</v>
      </c>
      <c r="AC18" s="16">
        <v>1060</v>
      </c>
      <c r="AD18" s="16">
        <v>27545</v>
      </c>
      <c r="AE18" s="16">
        <v>21313</v>
      </c>
      <c r="AF18" s="16">
        <v>5960</v>
      </c>
      <c r="AG18" s="16">
        <v>6144</v>
      </c>
      <c r="AH18" s="16">
        <v>26688</v>
      </c>
      <c r="AI18" s="16">
        <v>5534</v>
      </c>
      <c r="AJ18" s="16">
        <v>92410</v>
      </c>
      <c r="AK18" s="22" t="s">
        <v>268</v>
      </c>
      <c r="AL18" s="16">
        <v>197466</v>
      </c>
      <c r="AM18" s="16">
        <v>13</v>
      </c>
      <c r="AN18" s="16">
        <v>16537</v>
      </c>
      <c r="AO18" s="16">
        <v>58</v>
      </c>
      <c r="AP18" s="16">
        <v>5319</v>
      </c>
      <c r="AQ18" s="16">
        <v>188350</v>
      </c>
      <c r="AR18" s="16">
        <v>92410</v>
      </c>
    </row>
    <row r="19" spans="1:44">
      <c r="A19" s="21" t="s">
        <v>232</v>
      </c>
      <c r="B19" s="21" t="s">
        <v>237</v>
      </c>
      <c r="C19" s="21" t="s">
        <v>264</v>
      </c>
      <c r="D19" s="21" t="s">
        <v>733</v>
      </c>
      <c r="E19" s="16">
        <v>284940</v>
      </c>
      <c r="F19" s="16">
        <v>191250</v>
      </c>
      <c r="G19" s="16">
        <v>174935</v>
      </c>
      <c r="H19" s="16">
        <v>166742</v>
      </c>
      <c r="I19" s="16">
        <v>750</v>
      </c>
      <c r="J19" s="16">
        <v>679</v>
      </c>
      <c r="K19" s="16">
        <v>6764</v>
      </c>
      <c r="L19" s="16">
        <v>16315</v>
      </c>
      <c r="M19" s="16">
        <v>788</v>
      </c>
      <c r="N19" s="16">
        <v>648</v>
      </c>
      <c r="O19" s="16">
        <v>140</v>
      </c>
      <c r="P19" s="16">
        <v>8721</v>
      </c>
      <c r="Q19" s="16">
        <v>6516</v>
      </c>
      <c r="R19" s="16">
        <v>2205</v>
      </c>
      <c r="S19" s="22" t="s">
        <v>268</v>
      </c>
      <c r="T19" s="22" t="s">
        <v>268</v>
      </c>
      <c r="U19" s="22" t="s">
        <v>268</v>
      </c>
      <c r="V19" s="22" t="s">
        <v>268</v>
      </c>
      <c r="W19" s="22" t="s">
        <v>268</v>
      </c>
      <c r="X19" s="22" t="s">
        <v>268</v>
      </c>
      <c r="Y19" s="16">
        <v>1775</v>
      </c>
      <c r="Z19" s="22" t="s">
        <v>268</v>
      </c>
      <c r="AA19" s="16">
        <v>248</v>
      </c>
      <c r="AB19" s="16">
        <v>143</v>
      </c>
      <c r="AC19" s="16">
        <v>80</v>
      </c>
      <c r="AD19" s="22" t="s">
        <v>268</v>
      </c>
      <c r="AE19" s="22" t="s">
        <v>268</v>
      </c>
      <c r="AF19" s="22" t="s">
        <v>268</v>
      </c>
      <c r="AG19" s="16">
        <v>4373</v>
      </c>
      <c r="AH19" s="16">
        <v>410</v>
      </c>
      <c r="AI19" s="16">
        <v>1280</v>
      </c>
      <c r="AJ19" s="16">
        <v>92410</v>
      </c>
      <c r="AK19" s="22" t="s">
        <v>268</v>
      </c>
      <c r="AL19" s="16">
        <v>3</v>
      </c>
      <c r="AM19" s="22" t="s">
        <v>268</v>
      </c>
      <c r="AN19" s="22" t="s">
        <v>268</v>
      </c>
      <c r="AO19" s="22" t="s">
        <v>268</v>
      </c>
      <c r="AP19" s="22" t="s">
        <v>268</v>
      </c>
      <c r="AQ19" s="16">
        <v>166742</v>
      </c>
      <c r="AR19" s="16">
        <v>92410</v>
      </c>
    </row>
    <row r="20" spans="1:44">
      <c r="A20" s="21" t="s">
        <v>232</v>
      </c>
      <c r="B20" s="21" t="s">
        <v>237</v>
      </c>
      <c r="C20" s="21" t="s">
        <v>264</v>
      </c>
      <c r="D20" s="21" t="s">
        <v>734</v>
      </c>
      <c r="E20" s="16">
        <v>490839</v>
      </c>
      <c r="F20" s="16">
        <v>486585</v>
      </c>
      <c r="G20" s="16">
        <v>234096</v>
      </c>
      <c r="H20" s="16">
        <v>30904</v>
      </c>
      <c r="I20" s="16">
        <v>130333</v>
      </c>
      <c r="J20" s="16">
        <v>12929</v>
      </c>
      <c r="K20" s="16">
        <v>59930</v>
      </c>
      <c r="L20" s="16">
        <v>252489</v>
      </c>
      <c r="M20" s="16">
        <v>13024</v>
      </c>
      <c r="N20" s="16">
        <v>10780</v>
      </c>
      <c r="O20" s="16">
        <v>2244</v>
      </c>
      <c r="P20" s="16">
        <v>26457</v>
      </c>
      <c r="Q20" s="16">
        <v>20391</v>
      </c>
      <c r="R20" s="16">
        <v>6066</v>
      </c>
      <c r="S20" s="16">
        <v>53465</v>
      </c>
      <c r="T20" s="16">
        <v>44709</v>
      </c>
      <c r="U20" s="16">
        <v>8746</v>
      </c>
      <c r="V20" s="16">
        <v>64212</v>
      </c>
      <c r="W20" s="16">
        <v>49393</v>
      </c>
      <c r="X20" s="16">
        <v>14724</v>
      </c>
      <c r="Y20" s="16">
        <v>4456</v>
      </c>
      <c r="Z20" s="16">
        <v>27362</v>
      </c>
      <c r="AA20" s="16">
        <v>7919</v>
      </c>
      <c r="AB20" s="16">
        <v>3197</v>
      </c>
      <c r="AC20" s="16">
        <v>980</v>
      </c>
      <c r="AD20" s="16">
        <v>27545</v>
      </c>
      <c r="AE20" s="16">
        <v>21313</v>
      </c>
      <c r="AF20" s="16">
        <v>5960</v>
      </c>
      <c r="AG20" s="16">
        <v>1771</v>
      </c>
      <c r="AH20" s="16">
        <v>26278</v>
      </c>
      <c r="AI20" s="16">
        <v>4254</v>
      </c>
      <c r="AJ20" s="22" t="s">
        <v>268</v>
      </c>
      <c r="AK20" s="22" t="s">
        <v>268</v>
      </c>
      <c r="AL20" s="16">
        <v>197463</v>
      </c>
      <c r="AM20" s="16">
        <v>13</v>
      </c>
      <c r="AN20" s="16">
        <v>16537</v>
      </c>
      <c r="AO20" s="16">
        <v>58</v>
      </c>
      <c r="AP20" s="16">
        <v>5319</v>
      </c>
      <c r="AQ20" s="16">
        <v>21608</v>
      </c>
      <c r="AR20" s="22" t="s">
        <v>268</v>
      </c>
    </row>
    <row r="21" spans="1:44">
      <c r="A21" s="21" t="s">
        <v>232</v>
      </c>
      <c r="B21" s="21" t="s">
        <v>237</v>
      </c>
      <c r="C21" s="21" t="s">
        <v>264</v>
      </c>
      <c r="D21" s="21" t="s">
        <v>735</v>
      </c>
      <c r="E21" s="16">
        <v>448273</v>
      </c>
      <c r="F21" s="16">
        <v>393417</v>
      </c>
      <c r="G21" s="16">
        <v>202924</v>
      </c>
      <c r="H21" s="16">
        <v>92364</v>
      </c>
      <c r="I21" s="16">
        <v>54893</v>
      </c>
      <c r="J21" s="16">
        <v>8611</v>
      </c>
      <c r="K21" s="16">
        <v>47056</v>
      </c>
      <c r="L21" s="16">
        <v>190493</v>
      </c>
      <c r="M21" s="16">
        <v>12084</v>
      </c>
      <c r="N21" s="16">
        <v>10084</v>
      </c>
      <c r="O21" s="16">
        <v>2000</v>
      </c>
      <c r="P21" s="16">
        <v>33516</v>
      </c>
      <c r="Q21" s="16">
        <v>25806</v>
      </c>
      <c r="R21" s="16">
        <v>7710</v>
      </c>
      <c r="S21" s="16">
        <v>29965</v>
      </c>
      <c r="T21" s="16">
        <v>25875</v>
      </c>
      <c r="U21" s="16">
        <v>4080</v>
      </c>
      <c r="V21" s="16">
        <v>48890</v>
      </c>
      <c r="W21" s="16">
        <v>38758</v>
      </c>
      <c r="X21" s="16">
        <v>10037</v>
      </c>
      <c r="Y21" s="16">
        <v>3697</v>
      </c>
      <c r="Z21" s="16">
        <v>12663</v>
      </c>
      <c r="AA21" s="16">
        <v>7231</v>
      </c>
      <c r="AB21" s="16">
        <v>2831</v>
      </c>
      <c r="AC21" s="16">
        <v>850</v>
      </c>
      <c r="AD21" s="16">
        <v>21765</v>
      </c>
      <c r="AE21" s="16">
        <v>17078</v>
      </c>
      <c r="AF21" s="16">
        <v>4428</v>
      </c>
      <c r="AG21" s="16">
        <v>2539</v>
      </c>
      <c r="AH21" s="16">
        <v>18143</v>
      </c>
      <c r="AI21" s="16">
        <v>3052</v>
      </c>
      <c r="AJ21" s="16">
        <v>51804</v>
      </c>
      <c r="AK21" s="22" t="s">
        <v>268</v>
      </c>
      <c r="AL21" s="16">
        <v>132083</v>
      </c>
      <c r="AM21" s="22" t="s">
        <v>268</v>
      </c>
      <c r="AN21" s="16">
        <v>6321</v>
      </c>
      <c r="AO21" s="16">
        <v>2</v>
      </c>
      <c r="AP21" s="16">
        <v>2220</v>
      </c>
      <c r="AQ21" s="16">
        <v>91976</v>
      </c>
      <c r="AR21" s="16">
        <v>51804</v>
      </c>
    </row>
    <row r="22" spans="1:44">
      <c r="A22" s="21" t="s">
        <v>232</v>
      </c>
      <c r="B22" s="21" t="s">
        <v>237</v>
      </c>
      <c r="C22" s="21" t="s">
        <v>264</v>
      </c>
      <c r="D22" s="21" t="s">
        <v>736</v>
      </c>
      <c r="E22" s="16">
        <v>181256</v>
      </c>
      <c r="F22" s="16">
        <v>160579</v>
      </c>
      <c r="G22" s="16">
        <v>62893</v>
      </c>
      <c r="H22" s="16">
        <v>22532</v>
      </c>
      <c r="I22" s="16">
        <v>13586</v>
      </c>
      <c r="J22" s="16">
        <v>4045</v>
      </c>
      <c r="K22" s="16">
        <v>22730</v>
      </c>
      <c r="L22" s="16">
        <v>97686</v>
      </c>
      <c r="M22" s="16">
        <v>6824</v>
      </c>
      <c r="N22" s="16">
        <v>5668</v>
      </c>
      <c r="O22" s="16">
        <v>1156</v>
      </c>
      <c r="P22" s="16">
        <v>24468</v>
      </c>
      <c r="Q22" s="16">
        <v>19167</v>
      </c>
      <c r="R22" s="16">
        <v>5301</v>
      </c>
      <c r="S22" s="16">
        <v>8734</v>
      </c>
      <c r="T22" s="16">
        <v>7752</v>
      </c>
      <c r="U22" s="16">
        <v>972</v>
      </c>
      <c r="V22" s="16">
        <v>24798</v>
      </c>
      <c r="W22" s="16">
        <v>20053</v>
      </c>
      <c r="X22" s="16">
        <v>4662</v>
      </c>
      <c r="Y22" s="16">
        <v>1183</v>
      </c>
      <c r="Z22" s="16">
        <v>3279</v>
      </c>
      <c r="AA22" s="16">
        <v>4612</v>
      </c>
      <c r="AB22" s="16">
        <v>1823</v>
      </c>
      <c r="AC22" s="16">
        <v>527</v>
      </c>
      <c r="AD22" s="16">
        <v>14483</v>
      </c>
      <c r="AE22" s="16">
        <v>11439</v>
      </c>
      <c r="AF22" s="16">
        <v>2878</v>
      </c>
      <c r="AG22" s="16">
        <v>718</v>
      </c>
      <c r="AH22" s="16">
        <v>8587</v>
      </c>
      <c r="AI22" s="16">
        <v>1160</v>
      </c>
      <c r="AJ22" s="16">
        <v>19517</v>
      </c>
      <c r="AK22" s="22" t="s">
        <v>268</v>
      </c>
      <c r="AL22" s="16">
        <v>61263</v>
      </c>
      <c r="AM22" s="22" t="s">
        <v>268</v>
      </c>
      <c r="AN22" s="16">
        <v>2114</v>
      </c>
      <c r="AO22" s="22" t="s">
        <v>268</v>
      </c>
      <c r="AP22" s="16">
        <v>707</v>
      </c>
      <c r="AQ22" s="16">
        <v>22514</v>
      </c>
      <c r="AR22" s="16">
        <v>19517</v>
      </c>
    </row>
    <row r="23" spans="1:44">
      <c r="A23" s="21" t="s">
        <v>240</v>
      </c>
      <c r="B23" s="21" t="s">
        <v>237</v>
      </c>
      <c r="C23" s="21" t="s">
        <v>265</v>
      </c>
      <c r="D23" s="21" t="s">
        <v>214</v>
      </c>
      <c r="E23" s="16">
        <v>117827</v>
      </c>
      <c r="F23" s="16">
        <v>100725</v>
      </c>
      <c r="G23" s="16">
        <v>72299</v>
      </c>
      <c r="H23" s="16">
        <v>20490</v>
      </c>
      <c r="I23" s="16">
        <v>39510</v>
      </c>
      <c r="J23" s="16">
        <v>1736</v>
      </c>
      <c r="K23" s="16">
        <v>10563</v>
      </c>
      <c r="L23" s="16">
        <v>28426</v>
      </c>
      <c r="M23" s="16">
        <v>1500</v>
      </c>
      <c r="N23" s="16">
        <v>1248</v>
      </c>
      <c r="O23" s="16">
        <v>252</v>
      </c>
      <c r="P23" s="16">
        <v>3135</v>
      </c>
      <c r="Q23" s="16">
        <v>2517</v>
      </c>
      <c r="R23" s="16">
        <v>618</v>
      </c>
      <c r="S23" s="16">
        <v>5863</v>
      </c>
      <c r="T23" s="16">
        <v>4918</v>
      </c>
      <c r="U23" s="16">
        <v>945</v>
      </c>
      <c r="V23" s="16">
        <v>6071</v>
      </c>
      <c r="W23" s="16">
        <v>4774</v>
      </c>
      <c r="X23" s="16">
        <v>1291</v>
      </c>
      <c r="Y23" s="16">
        <v>637</v>
      </c>
      <c r="Z23" s="16">
        <v>3001</v>
      </c>
      <c r="AA23" s="16">
        <v>1321</v>
      </c>
      <c r="AB23" s="16">
        <v>329</v>
      </c>
      <c r="AC23" s="16">
        <v>105</v>
      </c>
      <c r="AD23" s="16">
        <v>3271</v>
      </c>
      <c r="AE23" s="16">
        <v>2632</v>
      </c>
      <c r="AF23" s="16">
        <v>615</v>
      </c>
      <c r="AG23" s="16">
        <v>786</v>
      </c>
      <c r="AH23" s="16">
        <v>2841</v>
      </c>
      <c r="AI23" s="16">
        <v>1117</v>
      </c>
      <c r="AJ23" s="16">
        <v>15791</v>
      </c>
      <c r="AK23" s="16">
        <v>194</v>
      </c>
      <c r="AL23" s="16">
        <v>21370</v>
      </c>
      <c r="AM23" s="16">
        <v>2309</v>
      </c>
      <c r="AN23" s="16">
        <v>4475</v>
      </c>
      <c r="AO23" s="16">
        <v>214</v>
      </c>
      <c r="AP23" s="16">
        <v>813</v>
      </c>
      <c r="AQ23" s="16">
        <v>13476</v>
      </c>
      <c r="AR23" s="16">
        <v>6739</v>
      </c>
    </row>
    <row r="24" spans="1:44">
      <c r="A24" s="21" t="s">
        <v>240</v>
      </c>
      <c r="B24" s="21" t="s">
        <v>237</v>
      </c>
      <c r="C24" s="21" t="s">
        <v>265</v>
      </c>
      <c r="D24" s="21" t="s">
        <v>728</v>
      </c>
      <c r="E24" s="16">
        <v>62885</v>
      </c>
      <c r="F24" s="16">
        <v>55579</v>
      </c>
      <c r="G24" s="16">
        <v>30221</v>
      </c>
      <c r="H24" s="16">
        <v>14130</v>
      </c>
      <c r="I24" s="16">
        <v>9684</v>
      </c>
      <c r="J24" s="16">
        <v>1126</v>
      </c>
      <c r="K24" s="16">
        <v>5281</v>
      </c>
      <c r="L24" s="16">
        <v>25358</v>
      </c>
      <c r="M24" s="16">
        <v>1468</v>
      </c>
      <c r="N24" s="16">
        <v>1220</v>
      </c>
      <c r="O24" s="16">
        <v>248</v>
      </c>
      <c r="P24" s="16">
        <v>3093</v>
      </c>
      <c r="Q24" s="16">
        <v>2493</v>
      </c>
      <c r="R24" s="16">
        <v>600</v>
      </c>
      <c r="S24" s="16">
        <v>5218</v>
      </c>
      <c r="T24" s="16">
        <v>4454</v>
      </c>
      <c r="U24" s="16">
        <v>764</v>
      </c>
      <c r="V24" s="16">
        <v>5603</v>
      </c>
      <c r="W24" s="16">
        <v>4495</v>
      </c>
      <c r="X24" s="16">
        <v>1102</v>
      </c>
      <c r="Y24" s="16">
        <v>564</v>
      </c>
      <c r="Z24" s="16">
        <v>2399</v>
      </c>
      <c r="AA24" s="16">
        <v>1287</v>
      </c>
      <c r="AB24" s="16">
        <v>306</v>
      </c>
      <c r="AC24" s="16">
        <v>94</v>
      </c>
      <c r="AD24" s="16">
        <v>2910</v>
      </c>
      <c r="AE24" s="16">
        <v>2364</v>
      </c>
      <c r="AF24" s="16">
        <v>522</v>
      </c>
      <c r="AG24" s="16">
        <v>479</v>
      </c>
      <c r="AH24" s="16">
        <v>2337</v>
      </c>
      <c r="AI24" s="16">
        <v>567</v>
      </c>
      <c r="AJ24" s="16">
        <v>6739</v>
      </c>
      <c r="AK24" s="22" t="s">
        <v>268</v>
      </c>
      <c r="AL24" s="16">
        <v>19035</v>
      </c>
      <c r="AM24" s="22" t="s">
        <v>268</v>
      </c>
      <c r="AN24" s="16">
        <v>1616</v>
      </c>
      <c r="AO24" s="16">
        <v>8</v>
      </c>
      <c r="AP24" s="16">
        <v>479</v>
      </c>
      <c r="AQ24" s="16">
        <v>13476</v>
      </c>
      <c r="AR24" s="16">
        <v>6739</v>
      </c>
    </row>
    <row r="25" spans="1:44">
      <c r="A25" s="21" t="s">
        <v>240</v>
      </c>
      <c r="B25" s="21" t="s">
        <v>237</v>
      </c>
      <c r="C25" s="21" t="s">
        <v>265</v>
      </c>
      <c r="D25" s="21" t="s">
        <v>733</v>
      </c>
      <c r="E25" s="16">
        <v>20683</v>
      </c>
      <c r="F25" s="16">
        <v>13850</v>
      </c>
      <c r="G25" s="16">
        <v>12549</v>
      </c>
      <c r="H25" s="16">
        <v>11946</v>
      </c>
      <c r="I25" s="16">
        <v>66</v>
      </c>
      <c r="J25" s="16">
        <v>36</v>
      </c>
      <c r="K25" s="16">
        <v>501</v>
      </c>
      <c r="L25" s="16">
        <v>1301</v>
      </c>
      <c r="M25" s="16">
        <v>76</v>
      </c>
      <c r="N25" s="16">
        <v>72</v>
      </c>
      <c r="O25" s="16">
        <v>4</v>
      </c>
      <c r="P25" s="16">
        <v>663</v>
      </c>
      <c r="Q25" s="16">
        <v>510</v>
      </c>
      <c r="R25" s="16">
        <v>153</v>
      </c>
      <c r="S25" s="22" t="s">
        <v>268</v>
      </c>
      <c r="T25" s="22" t="s">
        <v>268</v>
      </c>
      <c r="U25" s="22" t="s">
        <v>268</v>
      </c>
      <c r="V25" s="22" t="s">
        <v>268</v>
      </c>
      <c r="W25" s="22" t="s">
        <v>268</v>
      </c>
      <c r="X25" s="22" t="s">
        <v>268</v>
      </c>
      <c r="Y25" s="16">
        <v>172</v>
      </c>
      <c r="Z25" s="22" t="s">
        <v>268</v>
      </c>
      <c r="AA25" s="16">
        <v>37</v>
      </c>
      <c r="AB25" s="16">
        <v>25</v>
      </c>
      <c r="AC25" s="16">
        <v>4</v>
      </c>
      <c r="AD25" s="22" t="s">
        <v>268</v>
      </c>
      <c r="AE25" s="22" t="s">
        <v>268</v>
      </c>
      <c r="AF25" s="22" t="s">
        <v>268</v>
      </c>
      <c r="AG25" s="16">
        <v>312</v>
      </c>
      <c r="AH25" s="16">
        <v>41</v>
      </c>
      <c r="AI25" s="16">
        <v>94</v>
      </c>
      <c r="AJ25" s="16">
        <v>6739</v>
      </c>
      <c r="AK25" s="22" t="s">
        <v>268</v>
      </c>
      <c r="AL25" s="22" t="s">
        <v>268</v>
      </c>
      <c r="AM25" s="22" t="s">
        <v>268</v>
      </c>
      <c r="AN25" s="22" t="s">
        <v>268</v>
      </c>
      <c r="AO25" s="22" t="s">
        <v>268</v>
      </c>
      <c r="AP25" s="22" t="s">
        <v>268</v>
      </c>
      <c r="AQ25" s="16">
        <v>11946</v>
      </c>
      <c r="AR25" s="16">
        <v>6739</v>
      </c>
    </row>
    <row r="26" spans="1:44">
      <c r="A26" s="21" t="s">
        <v>240</v>
      </c>
      <c r="B26" s="21" t="s">
        <v>237</v>
      </c>
      <c r="C26" s="21" t="s">
        <v>265</v>
      </c>
      <c r="D26" s="21" t="s">
        <v>734</v>
      </c>
      <c r="E26" s="16">
        <v>42202</v>
      </c>
      <c r="F26" s="16">
        <v>41729</v>
      </c>
      <c r="G26" s="16">
        <v>17672</v>
      </c>
      <c r="H26" s="16">
        <v>2184</v>
      </c>
      <c r="I26" s="16">
        <v>9618</v>
      </c>
      <c r="J26" s="16">
        <v>1090</v>
      </c>
      <c r="K26" s="16">
        <v>4780</v>
      </c>
      <c r="L26" s="16">
        <v>24057</v>
      </c>
      <c r="M26" s="16">
        <v>1392</v>
      </c>
      <c r="N26" s="16">
        <v>1148</v>
      </c>
      <c r="O26" s="16">
        <v>244</v>
      </c>
      <c r="P26" s="16">
        <v>2430</v>
      </c>
      <c r="Q26" s="16">
        <v>1983</v>
      </c>
      <c r="R26" s="16">
        <v>447</v>
      </c>
      <c r="S26" s="16">
        <v>5218</v>
      </c>
      <c r="T26" s="16">
        <v>4454</v>
      </c>
      <c r="U26" s="16">
        <v>764</v>
      </c>
      <c r="V26" s="16">
        <v>5603</v>
      </c>
      <c r="W26" s="16">
        <v>4495</v>
      </c>
      <c r="X26" s="16">
        <v>1102</v>
      </c>
      <c r="Y26" s="16">
        <v>392</v>
      </c>
      <c r="Z26" s="16">
        <v>2399</v>
      </c>
      <c r="AA26" s="16">
        <v>1250</v>
      </c>
      <c r="AB26" s="16">
        <v>281</v>
      </c>
      <c r="AC26" s="16">
        <v>90</v>
      </c>
      <c r="AD26" s="16">
        <v>2910</v>
      </c>
      <c r="AE26" s="16">
        <v>2364</v>
      </c>
      <c r="AF26" s="16">
        <v>522</v>
      </c>
      <c r="AG26" s="16">
        <v>167</v>
      </c>
      <c r="AH26" s="16">
        <v>2296</v>
      </c>
      <c r="AI26" s="16">
        <v>473</v>
      </c>
      <c r="AJ26" s="22" t="s">
        <v>268</v>
      </c>
      <c r="AK26" s="22" t="s">
        <v>268</v>
      </c>
      <c r="AL26" s="16">
        <v>19035</v>
      </c>
      <c r="AM26" s="22" t="s">
        <v>268</v>
      </c>
      <c r="AN26" s="16">
        <v>1616</v>
      </c>
      <c r="AO26" s="16">
        <v>8</v>
      </c>
      <c r="AP26" s="16">
        <v>479</v>
      </c>
      <c r="AQ26" s="16">
        <v>1530</v>
      </c>
      <c r="AR26" s="22" t="s">
        <v>268</v>
      </c>
    </row>
    <row r="27" spans="1:44">
      <c r="A27" s="21" t="s">
        <v>240</v>
      </c>
      <c r="B27" s="21" t="s">
        <v>237</v>
      </c>
      <c r="C27" s="21" t="s">
        <v>265</v>
      </c>
      <c r="D27" s="21" t="s">
        <v>735</v>
      </c>
      <c r="E27" s="16">
        <v>37607</v>
      </c>
      <c r="F27" s="16">
        <v>33473</v>
      </c>
      <c r="G27" s="16">
        <v>15644</v>
      </c>
      <c r="H27" s="16">
        <v>6730</v>
      </c>
      <c r="I27" s="16">
        <v>4394</v>
      </c>
      <c r="J27" s="16">
        <v>718</v>
      </c>
      <c r="K27" s="16">
        <v>3802</v>
      </c>
      <c r="L27" s="16">
        <v>17829</v>
      </c>
      <c r="M27" s="16">
        <v>1256</v>
      </c>
      <c r="N27" s="16">
        <v>1040</v>
      </c>
      <c r="O27" s="16">
        <v>216</v>
      </c>
      <c r="P27" s="16">
        <v>2937</v>
      </c>
      <c r="Q27" s="16">
        <v>2376</v>
      </c>
      <c r="R27" s="16">
        <v>561</v>
      </c>
      <c r="S27" s="16">
        <v>2792</v>
      </c>
      <c r="T27" s="16">
        <v>2455</v>
      </c>
      <c r="U27" s="16">
        <v>337</v>
      </c>
      <c r="V27" s="16">
        <v>4185</v>
      </c>
      <c r="W27" s="16">
        <v>3506</v>
      </c>
      <c r="X27" s="16">
        <v>673</v>
      </c>
      <c r="Y27" s="16">
        <v>293</v>
      </c>
      <c r="Z27" s="16">
        <v>1122</v>
      </c>
      <c r="AA27" s="16">
        <v>1205</v>
      </c>
      <c r="AB27" s="16">
        <v>274</v>
      </c>
      <c r="AC27" s="16">
        <v>75</v>
      </c>
      <c r="AD27" s="16">
        <v>2290</v>
      </c>
      <c r="AE27" s="16">
        <v>1899</v>
      </c>
      <c r="AF27" s="16">
        <v>367</v>
      </c>
      <c r="AG27" s="16">
        <v>176</v>
      </c>
      <c r="AH27" s="16">
        <v>1573</v>
      </c>
      <c r="AI27" s="16">
        <v>349</v>
      </c>
      <c r="AJ27" s="16">
        <v>3785</v>
      </c>
      <c r="AK27" s="22" t="s">
        <v>268</v>
      </c>
      <c r="AL27" s="16">
        <v>12683</v>
      </c>
      <c r="AM27" s="22" t="s">
        <v>268</v>
      </c>
      <c r="AN27" s="16">
        <v>569</v>
      </c>
      <c r="AO27" s="22" t="s">
        <v>268</v>
      </c>
      <c r="AP27" s="16">
        <v>252</v>
      </c>
      <c r="AQ27" s="16">
        <v>6708</v>
      </c>
      <c r="AR27" s="16">
        <v>3785</v>
      </c>
    </row>
    <row r="28" spans="1:44">
      <c r="A28" s="21" t="s">
        <v>240</v>
      </c>
      <c r="B28" s="21" t="s">
        <v>237</v>
      </c>
      <c r="C28" s="21" t="s">
        <v>265</v>
      </c>
      <c r="D28" s="21" t="s">
        <v>736</v>
      </c>
      <c r="E28" s="16">
        <v>14940</v>
      </c>
      <c r="F28" s="16">
        <v>13459</v>
      </c>
      <c r="G28" s="16">
        <v>4566</v>
      </c>
      <c r="H28" s="16">
        <v>1578</v>
      </c>
      <c r="I28" s="16">
        <v>997</v>
      </c>
      <c r="J28" s="16">
        <v>336</v>
      </c>
      <c r="K28" s="16">
        <v>1655</v>
      </c>
      <c r="L28" s="16">
        <v>8893</v>
      </c>
      <c r="M28" s="16">
        <v>584</v>
      </c>
      <c r="N28" s="16">
        <v>464</v>
      </c>
      <c r="O28" s="16">
        <v>120</v>
      </c>
      <c r="P28" s="16">
        <v>2016</v>
      </c>
      <c r="Q28" s="16">
        <v>1656</v>
      </c>
      <c r="R28" s="16">
        <v>360</v>
      </c>
      <c r="S28" s="16">
        <v>654</v>
      </c>
      <c r="T28" s="16">
        <v>604</v>
      </c>
      <c r="U28" s="16">
        <v>50</v>
      </c>
      <c r="V28" s="16">
        <v>2079</v>
      </c>
      <c r="W28" s="16">
        <v>1774</v>
      </c>
      <c r="X28" s="16">
        <v>299</v>
      </c>
      <c r="Y28" s="16">
        <v>99</v>
      </c>
      <c r="Z28" s="16">
        <v>286</v>
      </c>
      <c r="AA28" s="16">
        <v>768</v>
      </c>
      <c r="AB28" s="16">
        <v>159</v>
      </c>
      <c r="AC28" s="16">
        <v>42</v>
      </c>
      <c r="AD28" s="16">
        <v>1607</v>
      </c>
      <c r="AE28" s="16">
        <v>1359</v>
      </c>
      <c r="AF28" s="16">
        <v>235</v>
      </c>
      <c r="AG28" s="16">
        <v>52</v>
      </c>
      <c r="AH28" s="16">
        <v>748</v>
      </c>
      <c r="AI28" s="16">
        <v>125</v>
      </c>
      <c r="AJ28" s="16">
        <v>1356</v>
      </c>
      <c r="AK28" s="22" t="s">
        <v>268</v>
      </c>
      <c r="AL28" s="16">
        <v>5900</v>
      </c>
      <c r="AM28" s="22" t="s">
        <v>268</v>
      </c>
      <c r="AN28" s="16">
        <v>202</v>
      </c>
      <c r="AO28" s="22" t="s">
        <v>268</v>
      </c>
      <c r="AP28" s="16">
        <v>93</v>
      </c>
      <c r="AQ28" s="16">
        <v>1576</v>
      </c>
      <c r="AR28" s="16">
        <v>1356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5" orientation="portrait" r:id="rId1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B41B610-CF09-4A2A-86F4-BB2DFB0ADE60}">
  <sheetPr>
    <pageSetUpPr fitToPage="1"/>
  </sheetPr>
  <dimension ref="A1:AQ13"/>
  <sheetViews>
    <sheetView zoomScaleNormal="100" workbookViewId="0">
      <pane xSplit="3" ySplit="10" topLeftCell="D11" activePane="bottomRight" state="frozen"/>
      <selection pane="topRight" activeCell="N1" sqref="N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16384" width="12.625" style="20"/>
  </cols>
  <sheetData>
    <row r="1" spans="1:43" s="11" customFormat="1">
      <c r="A1" s="11" t="s">
        <v>192</v>
      </c>
    </row>
    <row r="2" spans="1:43" s="11" customFormat="1">
      <c r="A2" s="11" t="s">
        <v>738</v>
      </c>
    </row>
    <row r="3" spans="1:43" s="11" customFormat="1"/>
    <row r="4" spans="1:43" s="11" customFormat="1" outlineLevel="1">
      <c r="A4" s="11" t="s">
        <v>556</v>
      </c>
    </row>
    <row r="5" spans="1:43" s="11" customFormat="1" ht="24">
      <c r="D5" s="12" t="s">
        <v>731</v>
      </c>
      <c r="E5" s="12" t="s">
        <v>731</v>
      </c>
      <c r="F5" s="12" t="s">
        <v>731</v>
      </c>
      <c r="G5" s="12" t="s">
        <v>731</v>
      </c>
      <c r="H5" s="12" t="s">
        <v>731</v>
      </c>
      <c r="I5" s="12" t="s">
        <v>731</v>
      </c>
      <c r="J5" s="12" t="s">
        <v>731</v>
      </c>
      <c r="K5" s="12" t="s">
        <v>731</v>
      </c>
      <c r="L5" s="12" t="s">
        <v>731</v>
      </c>
      <c r="M5" s="12" t="s">
        <v>731</v>
      </c>
      <c r="N5" s="12" t="s">
        <v>731</v>
      </c>
      <c r="O5" s="12" t="s">
        <v>731</v>
      </c>
      <c r="P5" s="12" t="s">
        <v>731</v>
      </c>
      <c r="Q5" s="12" t="s">
        <v>731</v>
      </c>
      <c r="R5" s="12" t="s">
        <v>731</v>
      </c>
      <c r="S5" s="12" t="s">
        <v>731</v>
      </c>
      <c r="T5" s="12" t="s">
        <v>731</v>
      </c>
      <c r="U5" s="12" t="s">
        <v>731</v>
      </c>
      <c r="V5" s="12" t="s">
        <v>731</v>
      </c>
      <c r="W5" s="12" t="s">
        <v>731</v>
      </c>
      <c r="X5" s="12" t="s">
        <v>731</v>
      </c>
      <c r="Y5" s="12" t="s">
        <v>731</v>
      </c>
      <c r="Z5" s="12" t="s">
        <v>731</v>
      </c>
      <c r="AA5" s="12" t="s">
        <v>731</v>
      </c>
      <c r="AB5" s="12" t="s">
        <v>731</v>
      </c>
      <c r="AC5" s="12" t="s">
        <v>731</v>
      </c>
      <c r="AD5" s="12" t="s">
        <v>731</v>
      </c>
      <c r="AE5" s="12" t="s">
        <v>731</v>
      </c>
      <c r="AF5" s="12" t="s">
        <v>731</v>
      </c>
      <c r="AG5" s="12" t="s">
        <v>731</v>
      </c>
      <c r="AH5" s="12" t="s">
        <v>731</v>
      </c>
      <c r="AI5" s="12" t="s">
        <v>731</v>
      </c>
      <c r="AJ5" s="12" t="s">
        <v>731</v>
      </c>
      <c r="AK5" s="12" t="s">
        <v>731</v>
      </c>
      <c r="AL5" s="12" t="s">
        <v>731</v>
      </c>
      <c r="AM5" s="12" t="s">
        <v>731</v>
      </c>
      <c r="AN5" s="12" t="s">
        <v>731</v>
      </c>
      <c r="AO5" s="12" t="s">
        <v>731</v>
      </c>
      <c r="AP5" s="12" t="s">
        <v>731</v>
      </c>
      <c r="AQ5" s="12" t="s">
        <v>731</v>
      </c>
    </row>
    <row r="6" spans="1:43" s="11" customFormat="1" ht="24">
      <c r="D6" s="12" t="s">
        <v>563</v>
      </c>
      <c r="E6" s="12" t="s">
        <v>563</v>
      </c>
      <c r="F6" s="12" t="s">
        <v>563</v>
      </c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  <c r="AE6" s="12" t="s">
        <v>563</v>
      </c>
      <c r="AF6" s="12" t="s">
        <v>563</v>
      </c>
      <c r="AG6" s="12" t="s">
        <v>563</v>
      </c>
      <c r="AH6" s="12" t="s">
        <v>563</v>
      </c>
      <c r="AI6" s="12" t="s">
        <v>563</v>
      </c>
      <c r="AJ6" s="12" t="s">
        <v>563</v>
      </c>
      <c r="AK6" s="12" t="s">
        <v>563</v>
      </c>
      <c r="AL6" s="12" t="s">
        <v>563</v>
      </c>
      <c r="AM6" s="12" t="s">
        <v>563</v>
      </c>
      <c r="AN6" s="12" t="s">
        <v>563</v>
      </c>
      <c r="AO6" s="12" t="s">
        <v>563</v>
      </c>
      <c r="AP6" s="12" t="s">
        <v>563</v>
      </c>
      <c r="AQ6" s="12" t="s">
        <v>563</v>
      </c>
    </row>
    <row r="7" spans="1:43" s="11" customFormat="1">
      <c r="D7" s="12">
        <v>1</v>
      </c>
      <c r="E7" s="12">
        <v>1</v>
      </c>
      <c r="F7" s="12">
        <v>2</v>
      </c>
      <c r="G7" s="12">
        <v>3</v>
      </c>
      <c r="H7" s="12">
        <v>3</v>
      </c>
      <c r="I7" s="12">
        <v>3</v>
      </c>
      <c r="J7" s="12">
        <v>3</v>
      </c>
      <c r="K7" s="12">
        <v>2</v>
      </c>
      <c r="L7" s="12">
        <v>3</v>
      </c>
      <c r="M7" s="12">
        <v>4</v>
      </c>
      <c r="N7" s="12">
        <v>4</v>
      </c>
      <c r="O7" s="12">
        <v>3</v>
      </c>
      <c r="P7" s="12">
        <v>4</v>
      </c>
      <c r="Q7" s="12">
        <v>4</v>
      </c>
      <c r="R7" s="12">
        <v>3</v>
      </c>
      <c r="S7" s="12">
        <v>4</v>
      </c>
      <c r="T7" s="12">
        <v>4</v>
      </c>
      <c r="U7" s="12">
        <v>3</v>
      </c>
      <c r="V7" s="12">
        <v>4</v>
      </c>
      <c r="W7" s="12">
        <v>4</v>
      </c>
      <c r="X7" s="12">
        <v>3</v>
      </c>
      <c r="Y7" s="12">
        <v>3</v>
      </c>
      <c r="Z7" s="12">
        <v>3</v>
      </c>
      <c r="AA7" s="12">
        <v>4</v>
      </c>
      <c r="AB7" s="12">
        <v>4</v>
      </c>
      <c r="AC7" s="12">
        <v>3</v>
      </c>
      <c r="AD7" s="12">
        <v>4</v>
      </c>
      <c r="AE7" s="12">
        <v>4</v>
      </c>
      <c r="AF7" s="12">
        <v>3</v>
      </c>
      <c r="AG7" s="12">
        <v>3</v>
      </c>
      <c r="AH7" s="12">
        <v>1</v>
      </c>
      <c r="AI7" s="12">
        <v>1</v>
      </c>
      <c r="AJ7" s="12">
        <v>1</v>
      </c>
      <c r="AK7" s="12">
        <v>1</v>
      </c>
      <c r="AL7" s="12">
        <v>1</v>
      </c>
      <c r="AM7" s="12">
        <v>1</v>
      </c>
      <c r="AN7" s="12">
        <v>1</v>
      </c>
      <c r="AO7" s="12">
        <v>1</v>
      </c>
      <c r="AP7" s="12">
        <v>1</v>
      </c>
      <c r="AQ7" s="12">
        <v>1</v>
      </c>
    </row>
    <row r="8" spans="1:43" s="11" customFormat="1" ht="60">
      <c r="D8" s="12" t="s">
        <v>214</v>
      </c>
      <c r="E8" s="12" t="s">
        <v>564</v>
      </c>
      <c r="F8" s="12" t="s">
        <v>565</v>
      </c>
      <c r="G8" s="12" t="s">
        <v>566</v>
      </c>
      <c r="H8" s="12" t="s">
        <v>567</v>
      </c>
      <c r="I8" s="12" t="s">
        <v>568</v>
      </c>
      <c r="J8" s="12" t="s">
        <v>569</v>
      </c>
      <c r="K8" s="12" t="s">
        <v>570</v>
      </c>
      <c r="L8" s="12" t="s">
        <v>571</v>
      </c>
      <c r="M8" s="12" t="s">
        <v>573</v>
      </c>
      <c r="N8" s="12" t="s">
        <v>574</v>
      </c>
      <c r="O8" s="12" t="s">
        <v>575</v>
      </c>
      <c r="P8" s="12" t="s">
        <v>576</v>
      </c>
      <c r="Q8" s="12" t="s">
        <v>577</v>
      </c>
      <c r="R8" s="12" t="s">
        <v>578</v>
      </c>
      <c r="S8" s="12" t="s">
        <v>579</v>
      </c>
      <c r="T8" s="12" t="s">
        <v>580</v>
      </c>
      <c r="U8" s="12" t="s">
        <v>581</v>
      </c>
      <c r="V8" s="12" t="s">
        <v>582</v>
      </c>
      <c r="W8" s="12" t="s">
        <v>583</v>
      </c>
      <c r="X8" s="12" t="s">
        <v>584</v>
      </c>
      <c r="Y8" s="12" t="s">
        <v>585</v>
      </c>
      <c r="Z8" s="12" t="s">
        <v>586</v>
      </c>
      <c r="AA8" s="12" t="s">
        <v>587</v>
      </c>
      <c r="AB8" s="12" t="s">
        <v>588</v>
      </c>
      <c r="AC8" s="12" t="s">
        <v>589</v>
      </c>
      <c r="AD8" s="12" t="s">
        <v>590</v>
      </c>
      <c r="AE8" s="12" t="s">
        <v>591</v>
      </c>
      <c r="AF8" s="12" t="s">
        <v>592</v>
      </c>
      <c r="AG8" s="12" t="s">
        <v>593</v>
      </c>
      <c r="AH8" s="12" t="s">
        <v>594</v>
      </c>
      <c r="AI8" s="12" t="s">
        <v>595</v>
      </c>
      <c r="AJ8" s="12" t="s">
        <v>596</v>
      </c>
      <c r="AK8" s="12" t="s">
        <v>597</v>
      </c>
      <c r="AL8" s="12" t="s">
        <v>598</v>
      </c>
      <c r="AM8" s="12" t="s">
        <v>599</v>
      </c>
      <c r="AN8" s="12" t="s">
        <v>600</v>
      </c>
      <c r="AO8" s="12" t="s">
        <v>601</v>
      </c>
      <c r="AP8" s="12" t="s">
        <v>602</v>
      </c>
      <c r="AQ8" s="12" t="s">
        <v>603</v>
      </c>
    </row>
    <row r="9" spans="1:43" s="11" customFormat="1">
      <c r="D9" s="13" t="s">
        <v>219</v>
      </c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  <c r="W9" s="13" t="s">
        <v>219</v>
      </c>
      <c r="X9" s="13" t="s">
        <v>219</v>
      </c>
      <c r="Y9" s="13" t="s">
        <v>219</v>
      </c>
      <c r="Z9" s="13" t="s">
        <v>219</v>
      </c>
      <c r="AA9" s="13" t="s">
        <v>219</v>
      </c>
      <c r="AB9" s="13" t="s">
        <v>219</v>
      </c>
      <c r="AC9" s="13" t="s">
        <v>219</v>
      </c>
      <c r="AD9" s="13" t="s">
        <v>219</v>
      </c>
      <c r="AE9" s="13" t="s">
        <v>219</v>
      </c>
      <c r="AF9" s="13" t="s">
        <v>219</v>
      </c>
      <c r="AG9" s="13" t="s">
        <v>219</v>
      </c>
      <c r="AH9" s="13" t="s">
        <v>219</v>
      </c>
      <c r="AI9" s="13" t="s">
        <v>219</v>
      </c>
      <c r="AJ9" s="13" t="s">
        <v>219</v>
      </c>
      <c r="AK9" s="13" t="s">
        <v>219</v>
      </c>
      <c r="AL9" s="13" t="s">
        <v>219</v>
      </c>
      <c r="AM9" s="13" t="s">
        <v>219</v>
      </c>
      <c r="AN9" s="13" t="s">
        <v>219</v>
      </c>
      <c r="AO9" s="13" t="s">
        <v>219</v>
      </c>
      <c r="AP9" s="13" t="s">
        <v>219</v>
      </c>
      <c r="AQ9" s="13" t="s">
        <v>219</v>
      </c>
    </row>
    <row r="10" spans="1:43" s="11" customFormat="1">
      <c r="A10" s="14" t="s">
        <v>224</v>
      </c>
      <c r="B10" s="14" t="s">
        <v>259</v>
      </c>
      <c r="C10" s="14" t="s">
        <v>230</v>
      </c>
      <c r="D10" s="14" t="s">
        <v>231</v>
      </c>
      <c r="E10" s="14"/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  <c r="AE10" s="14"/>
      <c r="AF10" s="14"/>
      <c r="AG10" s="14"/>
      <c r="AH10" s="14"/>
      <c r="AI10" s="14"/>
      <c r="AJ10" s="14"/>
      <c r="AK10" s="14"/>
      <c r="AL10" s="14"/>
      <c r="AM10" s="14"/>
      <c r="AN10" s="14"/>
      <c r="AO10" s="14"/>
      <c r="AP10" s="14"/>
      <c r="AQ10" s="14"/>
    </row>
    <row r="11" spans="1:43">
      <c r="A11" s="15" t="s">
        <v>232</v>
      </c>
      <c r="B11" s="15" t="s">
        <v>233</v>
      </c>
      <c r="C11" s="15" t="s">
        <v>262</v>
      </c>
      <c r="D11" s="16">
        <v>33115696</v>
      </c>
      <c r="E11" s="16">
        <v>26194818</v>
      </c>
      <c r="F11" s="16">
        <v>20981814</v>
      </c>
      <c r="G11" s="16">
        <v>12678875</v>
      </c>
      <c r="H11" s="16">
        <v>5501127</v>
      </c>
      <c r="I11" s="16">
        <v>468712</v>
      </c>
      <c r="J11" s="16">
        <v>2333100</v>
      </c>
      <c r="K11" s="16">
        <v>5213004</v>
      </c>
      <c r="L11" s="16">
        <v>320248</v>
      </c>
      <c r="M11" s="16">
        <v>252518</v>
      </c>
      <c r="N11" s="16">
        <v>67730</v>
      </c>
      <c r="O11" s="16">
        <v>978035</v>
      </c>
      <c r="P11" s="16">
        <v>692449</v>
      </c>
      <c r="Q11" s="16">
        <v>285586</v>
      </c>
      <c r="R11" s="16">
        <v>906742</v>
      </c>
      <c r="S11" s="16">
        <v>734310</v>
      </c>
      <c r="T11" s="16">
        <v>172272</v>
      </c>
      <c r="U11" s="16">
        <v>1080098</v>
      </c>
      <c r="V11" s="16">
        <v>790889</v>
      </c>
      <c r="W11" s="16">
        <v>286960</v>
      </c>
      <c r="X11" s="16">
        <v>188158</v>
      </c>
      <c r="Y11" s="16">
        <v>545677</v>
      </c>
      <c r="Z11" s="16">
        <v>106519</v>
      </c>
      <c r="AA11" s="16">
        <v>55177</v>
      </c>
      <c r="AB11" s="16">
        <v>17820</v>
      </c>
      <c r="AC11" s="16">
        <v>297875</v>
      </c>
      <c r="AD11" s="16">
        <v>228007</v>
      </c>
      <c r="AE11" s="16">
        <v>64335</v>
      </c>
      <c r="AF11" s="16">
        <v>278507</v>
      </c>
      <c r="AG11" s="16">
        <v>511145</v>
      </c>
      <c r="AH11" s="16">
        <v>204072</v>
      </c>
      <c r="AI11" s="16">
        <v>6716806</v>
      </c>
      <c r="AJ11" s="22" t="s">
        <v>268</v>
      </c>
      <c r="AK11" s="16">
        <v>3215747</v>
      </c>
      <c r="AL11" s="16">
        <v>299</v>
      </c>
      <c r="AM11" s="16">
        <v>279024</v>
      </c>
      <c r="AN11" s="16">
        <v>1275</v>
      </c>
      <c r="AO11" s="16">
        <v>83300</v>
      </c>
      <c r="AP11" s="16">
        <v>12364729</v>
      </c>
      <c r="AQ11" s="16">
        <v>6716806</v>
      </c>
    </row>
    <row r="12" spans="1:43">
      <c r="A12" s="21" t="s">
        <v>232</v>
      </c>
      <c r="B12" s="21" t="s">
        <v>237</v>
      </c>
      <c r="C12" s="21" t="s">
        <v>264</v>
      </c>
      <c r="D12" s="16">
        <v>495748</v>
      </c>
      <c r="E12" s="16">
        <v>400409</v>
      </c>
      <c r="F12" s="16">
        <v>298110</v>
      </c>
      <c r="G12" s="16">
        <v>182194</v>
      </c>
      <c r="H12" s="16">
        <v>74226</v>
      </c>
      <c r="I12" s="16">
        <v>6695</v>
      </c>
      <c r="J12" s="16">
        <v>34995</v>
      </c>
      <c r="K12" s="16">
        <v>102299</v>
      </c>
      <c r="L12" s="16">
        <v>7454</v>
      </c>
      <c r="M12" s="16">
        <v>6129</v>
      </c>
      <c r="N12" s="16">
        <v>1325</v>
      </c>
      <c r="O12" s="16">
        <v>19489</v>
      </c>
      <c r="P12" s="16">
        <v>14736</v>
      </c>
      <c r="Q12" s="16">
        <v>4753</v>
      </c>
      <c r="R12" s="16">
        <v>17510</v>
      </c>
      <c r="S12" s="16">
        <v>14674</v>
      </c>
      <c r="T12" s="16">
        <v>2828</v>
      </c>
      <c r="U12" s="16">
        <v>17535</v>
      </c>
      <c r="V12" s="16">
        <v>13421</v>
      </c>
      <c r="W12" s="16">
        <v>4067</v>
      </c>
      <c r="X12" s="16">
        <v>4184</v>
      </c>
      <c r="Y12" s="16">
        <v>11188</v>
      </c>
      <c r="Z12" s="16">
        <v>2791</v>
      </c>
      <c r="AA12" s="16">
        <v>1383</v>
      </c>
      <c r="AB12" s="16">
        <v>437</v>
      </c>
      <c r="AC12" s="16">
        <v>7358</v>
      </c>
      <c r="AD12" s="16">
        <v>5752</v>
      </c>
      <c r="AE12" s="16">
        <v>1501</v>
      </c>
      <c r="AF12" s="16">
        <v>5269</v>
      </c>
      <c r="AG12" s="16">
        <v>9521</v>
      </c>
      <c r="AH12" s="16">
        <v>2929</v>
      </c>
      <c r="AI12" s="16">
        <v>92410</v>
      </c>
      <c r="AJ12" s="22" t="s">
        <v>268</v>
      </c>
      <c r="AK12" s="16">
        <v>60788</v>
      </c>
      <c r="AL12" s="16">
        <v>6</v>
      </c>
      <c r="AM12" s="16">
        <v>5748</v>
      </c>
      <c r="AN12" s="16">
        <v>24</v>
      </c>
      <c r="AO12" s="16">
        <v>1819</v>
      </c>
      <c r="AP12" s="16">
        <v>177546</v>
      </c>
      <c r="AQ12" s="16">
        <v>92410</v>
      </c>
    </row>
    <row r="13" spans="1:43">
      <c r="A13" s="21" t="s">
        <v>240</v>
      </c>
      <c r="B13" s="21" t="s">
        <v>237</v>
      </c>
      <c r="C13" s="21" t="s">
        <v>265</v>
      </c>
      <c r="D13" s="16">
        <v>38276</v>
      </c>
      <c r="E13" s="16">
        <v>31297</v>
      </c>
      <c r="F13" s="16">
        <v>21885</v>
      </c>
      <c r="G13" s="16">
        <v>13038</v>
      </c>
      <c r="H13" s="16">
        <v>5556</v>
      </c>
      <c r="I13" s="16">
        <v>543</v>
      </c>
      <c r="J13" s="16">
        <v>2748</v>
      </c>
      <c r="K13" s="16">
        <v>9412</v>
      </c>
      <c r="L13" s="16">
        <v>783</v>
      </c>
      <c r="M13" s="16">
        <v>652</v>
      </c>
      <c r="N13" s="16">
        <v>131</v>
      </c>
      <c r="O13" s="16">
        <v>1645</v>
      </c>
      <c r="P13" s="16">
        <v>1298</v>
      </c>
      <c r="Q13" s="16">
        <v>347</v>
      </c>
      <c r="R13" s="16">
        <v>1693</v>
      </c>
      <c r="S13" s="16">
        <v>1459</v>
      </c>
      <c r="T13" s="16">
        <v>234</v>
      </c>
      <c r="U13" s="16">
        <v>1531</v>
      </c>
      <c r="V13" s="16">
        <v>1222</v>
      </c>
      <c r="W13" s="16">
        <v>308</v>
      </c>
      <c r="X13" s="16">
        <v>372</v>
      </c>
      <c r="Y13" s="16">
        <v>973</v>
      </c>
      <c r="Z13" s="16">
        <v>396</v>
      </c>
      <c r="AA13" s="16">
        <v>135</v>
      </c>
      <c r="AB13" s="16">
        <v>36</v>
      </c>
      <c r="AC13" s="16">
        <v>795</v>
      </c>
      <c r="AD13" s="16">
        <v>651</v>
      </c>
      <c r="AE13" s="16">
        <v>133</v>
      </c>
      <c r="AF13" s="16">
        <v>397</v>
      </c>
      <c r="AG13" s="16">
        <v>827</v>
      </c>
      <c r="AH13" s="16">
        <v>240</v>
      </c>
      <c r="AI13" s="16">
        <v>6739</v>
      </c>
      <c r="AJ13" s="22" t="s">
        <v>268</v>
      </c>
      <c r="AK13" s="16">
        <v>5790</v>
      </c>
      <c r="AL13" s="22" t="s">
        <v>268</v>
      </c>
      <c r="AM13" s="16">
        <v>565</v>
      </c>
      <c r="AN13" s="16">
        <v>3</v>
      </c>
      <c r="AO13" s="16">
        <v>174</v>
      </c>
      <c r="AP13" s="16">
        <v>12711</v>
      </c>
      <c r="AQ13" s="16">
        <v>6739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6" orientation="portrait" r:id="rId1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94B50A-7782-448C-9961-B30A0536AC85}">
  <sheetPr>
    <pageSetUpPr fitToPage="1"/>
  </sheetPr>
  <dimension ref="A1:AQ13"/>
  <sheetViews>
    <sheetView zoomScaleNormal="100" workbookViewId="0">
      <pane xSplit="3" ySplit="10" topLeftCell="D11" activePane="bottomRight" state="frozen"/>
      <selection pane="topRight" activeCell="N1" sqref="N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16384" width="12.625" style="20"/>
  </cols>
  <sheetData>
    <row r="1" spans="1:43" s="11" customFormat="1">
      <c r="A1" s="11" t="s">
        <v>192</v>
      </c>
    </row>
    <row r="2" spans="1:43" s="11" customFormat="1">
      <c r="A2" s="11" t="s">
        <v>739</v>
      </c>
    </row>
    <row r="3" spans="1:43" s="11" customFormat="1"/>
    <row r="4" spans="1:43" s="11" customFormat="1" outlineLevel="1">
      <c r="A4" s="11" t="s">
        <v>556</v>
      </c>
    </row>
    <row r="5" spans="1:43" s="11" customFormat="1" ht="24">
      <c r="D5" s="12" t="s">
        <v>740</v>
      </c>
      <c r="E5" s="12" t="s">
        <v>740</v>
      </c>
      <c r="F5" s="12" t="s">
        <v>740</v>
      </c>
      <c r="G5" s="12" t="s">
        <v>740</v>
      </c>
      <c r="H5" s="12" t="s">
        <v>740</v>
      </c>
      <c r="I5" s="12" t="s">
        <v>740</v>
      </c>
      <c r="J5" s="12" t="s">
        <v>740</v>
      </c>
      <c r="K5" s="12" t="s">
        <v>740</v>
      </c>
      <c r="L5" s="12" t="s">
        <v>740</v>
      </c>
      <c r="M5" s="12" t="s">
        <v>740</v>
      </c>
      <c r="N5" s="12" t="s">
        <v>740</v>
      </c>
      <c r="O5" s="12" t="s">
        <v>740</v>
      </c>
      <c r="P5" s="12" t="s">
        <v>740</v>
      </c>
      <c r="Q5" s="12" t="s">
        <v>740</v>
      </c>
      <c r="R5" s="12" t="s">
        <v>740</v>
      </c>
      <c r="S5" s="12" t="s">
        <v>740</v>
      </c>
      <c r="T5" s="12" t="s">
        <v>740</v>
      </c>
      <c r="U5" s="12" t="s">
        <v>740</v>
      </c>
      <c r="V5" s="12" t="s">
        <v>740</v>
      </c>
      <c r="W5" s="12" t="s">
        <v>740</v>
      </c>
      <c r="X5" s="12" t="s">
        <v>740</v>
      </c>
      <c r="Y5" s="12" t="s">
        <v>740</v>
      </c>
      <c r="Z5" s="12" t="s">
        <v>740</v>
      </c>
      <c r="AA5" s="12" t="s">
        <v>740</v>
      </c>
      <c r="AB5" s="12" t="s">
        <v>740</v>
      </c>
      <c r="AC5" s="12" t="s">
        <v>740</v>
      </c>
      <c r="AD5" s="12" t="s">
        <v>740</v>
      </c>
      <c r="AE5" s="12" t="s">
        <v>740</v>
      </c>
      <c r="AF5" s="12" t="s">
        <v>740</v>
      </c>
      <c r="AG5" s="12" t="s">
        <v>740</v>
      </c>
      <c r="AH5" s="12" t="s">
        <v>740</v>
      </c>
      <c r="AI5" s="12" t="s">
        <v>740</v>
      </c>
      <c r="AJ5" s="12" t="s">
        <v>740</v>
      </c>
      <c r="AK5" s="12" t="s">
        <v>740</v>
      </c>
      <c r="AL5" s="12" t="s">
        <v>740</v>
      </c>
      <c r="AM5" s="12" t="s">
        <v>740</v>
      </c>
      <c r="AN5" s="12" t="s">
        <v>740</v>
      </c>
      <c r="AO5" s="12" t="s">
        <v>740</v>
      </c>
      <c r="AP5" s="12" t="s">
        <v>740</v>
      </c>
      <c r="AQ5" s="12" t="s">
        <v>740</v>
      </c>
    </row>
    <row r="6" spans="1:43" s="11" customFormat="1" ht="24">
      <c r="D6" s="12" t="s">
        <v>563</v>
      </c>
      <c r="E6" s="12" t="s">
        <v>563</v>
      </c>
      <c r="F6" s="12" t="s">
        <v>563</v>
      </c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  <c r="AE6" s="12" t="s">
        <v>563</v>
      </c>
      <c r="AF6" s="12" t="s">
        <v>563</v>
      </c>
      <c r="AG6" s="12" t="s">
        <v>563</v>
      </c>
      <c r="AH6" s="12" t="s">
        <v>563</v>
      </c>
      <c r="AI6" s="12" t="s">
        <v>563</v>
      </c>
      <c r="AJ6" s="12" t="s">
        <v>563</v>
      </c>
      <c r="AK6" s="12" t="s">
        <v>563</v>
      </c>
      <c r="AL6" s="12" t="s">
        <v>563</v>
      </c>
      <c r="AM6" s="12" t="s">
        <v>563</v>
      </c>
      <c r="AN6" s="12" t="s">
        <v>563</v>
      </c>
      <c r="AO6" s="12" t="s">
        <v>563</v>
      </c>
      <c r="AP6" s="12" t="s">
        <v>563</v>
      </c>
      <c r="AQ6" s="12" t="s">
        <v>563</v>
      </c>
    </row>
    <row r="7" spans="1:43" s="11" customFormat="1">
      <c r="D7" s="12">
        <v>1</v>
      </c>
      <c r="E7" s="12">
        <v>1</v>
      </c>
      <c r="F7" s="12">
        <v>2</v>
      </c>
      <c r="G7" s="12">
        <v>3</v>
      </c>
      <c r="H7" s="12">
        <v>3</v>
      </c>
      <c r="I7" s="12">
        <v>3</v>
      </c>
      <c r="J7" s="12">
        <v>3</v>
      </c>
      <c r="K7" s="12">
        <v>2</v>
      </c>
      <c r="L7" s="12">
        <v>3</v>
      </c>
      <c r="M7" s="12">
        <v>4</v>
      </c>
      <c r="N7" s="12">
        <v>4</v>
      </c>
      <c r="O7" s="12">
        <v>3</v>
      </c>
      <c r="P7" s="12">
        <v>4</v>
      </c>
      <c r="Q7" s="12">
        <v>4</v>
      </c>
      <c r="R7" s="12">
        <v>3</v>
      </c>
      <c r="S7" s="12">
        <v>4</v>
      </c>
      <c r="T7" s="12">
        <v>4</v>
      </c>
      <c r="U7" s="12">
        <v>3</v>
      </c>
      <c r="V7" s="12">
        <v>4</v>
      </c>
      <c r="W7" s="12">
        <v>4</v>
      </c>
      <c r="X7" s="12">
        <v>3</v>
      </c>
      <c r="Y7" s="12">
        <v>3</v>
      </c>
      <c r="Z7" s="12">
        <v>3</v>
      </c>
      <c r="AA7" s="12">
        <v>4</v>
      </c>
      <c r="AB7" s="12">
        <v>4</v>
      </c>
      <c r="AC7" s="12">
        <v>3</v>
      </c>
      <c r="AD7" s="12">
        <v>4</v>
      </c>
      <c r="AE7" s="12">
        <v>4</v>
      </c>
      <c r="AF7" s="12">
        <v>3</v>
      </c>
      <c r="AG7" s="12">
        <v>3</v>
      </c>
      <c r="AH7" s="12">
        <v>1</v>
      </c>
      <c r="AI7" s="12">
        <v>1</v>
      </c>
      <c r="AJ7" s="12">
        <v>1</v>
      </c>
      <c r="AK7" s="12">
        <v>1</v>
      </c>
      <c r="AL7" s="12">
        <v>1</v>
      </c>
      <c r="AM7" s="12">
        <v>1</v>
      </c>
      <c r="AN7" s="12">
        <v>1</v>
      </c>
      <c r="AO7" s="12">
        <v>1</v>
      </c>
      <c r="AP7" s="12">
        <v>1</v>
      </c>
      <c r="AQ7" s="12">
        <v>1</v>
      </c>
    </row>
    <row r="8" spans="1:43" s="11" customFormat="1" ht="60">
      <c r="D8" s="12" t="s">
        <v>214</v>
      </c>
      <c r="E8" s="12" t="s">
        <v>564</v>
      </c>
      <c r="F8" s="12" t="s">
        <v>565</v>
      </c>
      <c r="G8" s="12" t="s">
        <v>566</v>
      </c>
      <c r="H8" s="12" t="s">
        <v>567</v>
      </c>
      <c r="I8" s="12" t="s">
        <v>568</v>
      </c>
      <c r="J8" s="12" t="s">
        <v>569</v>
      </c>
      <c r="K8" s="12" t="s">
        <v>570</v>
      </c>
      <c r="L8" s="12" t="s">
        <v>571</v>
      </c>
      <c r="M8" s="12" t="s">
        <v>573</v>
      </c>
      <c r="N8" s="12" t="s">
        <v>574</v>
      </c>
      <c r="O8" s="12" t="s">
        <v>575</v>
      </c>
      <c r="P8" s="12" t="s">
        <v>576</v>
      </c>
      <c r="Q8" s="12" t="s">
        <v>577</v>
      </c>
      <c r="R8" s="12" t="s">
        <v>578</v>
      </c>
      <c r="S8" s="12" t="s">
        <v>579</v>
      </c>
      <c r="T8" s="12" t="s">
        <v>580</v>
      </c>
      <c r="U8" s="12" t="s">
        <v>581</v>
      </c>
      <c r="V8" s="12" t="s">
        <v>582</v>
      </c>
      <c r="W8" s="12" t="s">
        <v>583</v>
      </c>
      <c r="X8" s="12" t="s">
        <v>584</v>
      </c>
      <c r="Y8" s="12" t="s">
        <v>585</v>
      </c>
      <c r="Z8" s="12" t="s">
        <v>586</v>
      </c>
      <c r="AA8" s="12" t="s">
        <v>587</v>
      </c>
      <c r="AB8" s="12" t="s">
        <v>588</v>
      </c>
      <c r="AC8" s="12" t="s">
        <v>589</v>
      </c>
      <c r="AD8" s="12" t="s">
        <v>590</v>
      </c>
      <c r="AE8" s="12" t="s">
        <v>591</v>
      </c>
      <c r="AF8" s="12" t="s">
        <v>592</v>
      </c>
      <c r="AG8" s="12" t="s">
        <v>593</v>
      </c>
      <c r="AH8" s="12" t="s">
        <v>594</v>
      </c>
      <c r="AI8" s="12" t="s">
        <v>595</v>
      </c>
      <c r="AJ8" s="12" t="s">
        <v>596</v>
      </c>
      <c r="AK8" s="12" t="s">
        <v>597</v>
      </c>
      <c r="AL8" s="12" t="s">
        <v>598</v>
      </c>
      <c r="AM8" s="12" t="s">
        <v>599</v>
      </c>
      <c r="AN8" s="12" t="s">
        <v>600</v>
      </c>
      <c r="AO8" s="12" t="s">
        <v>601</v>
      </c>
      <c r="AP8" s="12" t="s">
        <v>602</v>
      </c>
      <c r="AQ8" s="12" t="s">
        <v>603</v>
      </c>
    </row>
    <row r="9" spans="1:43" s="11" customFormat="1">
      <c r="D9" s="13" t="s">
        <v>219</v>
      </c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  <c r="W9" s="13" t="s">
        <v>219</v>
      </c>
      <c r="X9" s="13" t="s">
        <v>219</v>
      </c>
      <c r="Y9" s="13" t="s">
        <v>219</v>
      </c>
      <c r="Z9" s="13" t="s">
        <v>219</v>
      </c>
      <c r="AA9" s="13" t="s">
        <v>219</v>
      </c>
      <c r="AB9" s="13" t="s">
        <v>219</v>
      </c>
      <c r="AC9" s="13" t="s">
        <v>219</v>
      </c>
      <c r="AD9" s="13" t="s">
        <v>219</v>
      </c>
      <c r="AE9" s="13" t="s">
        <v>219</v>
      </c>
      <c r="AF9" s="13" t="s">
        <v>219</v>
      </c>
      <c r="AG9" s="13" t="s">
        <v>219</v>
      </c>
      <c r="AH9" s="13" t="s">
        <v>219</v>
      </c>
      <c r="AI9" s="13" t="s">
        <v>219</v>
      </c>
      <c r="AJ9" s="13" t="s">
        <v>219</v>
      </c>
      <c r="AK9" s="13" t="s">
        <v>219</v>
      </c>
      <c r="AL9" s="13" t="s">
        <v>219</v>
      </c>
      <c r="AM9" s="13" t="s">
        <v>219</v>
      </c>
      <c r="AN9" s="13" t="s">
        <v>219</v>
      </c>
      <c r="AO9" s="13" t="s">
        <v>219</v>
      </c>
      <c r="AP9" s="13" t="s">
        <v>219</v>
      </c>
      <c r="AQ9" s="13" t="s">
        <v>219</v>
      </c>
    </row>
    <row r="10" spans="1:43" s="11" customFormat="1">
      <c r="A10" s="14" t="s">
        <v>224</v>
      </c>
      <c r="B10" s="14" t="s">
        <v>259</v>
      </c>
      <c r="C10" s="14" t="s">
        <v>230</v>
      </c>
      <c r="D10" s="14" t="s">
        <v>231</v>
      </c>
      <c r="E10" s="14"/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  <c r="AE10" s="14"/>
      <c r="AF10" s="14"/>
      <c r="AG10" s="14"/>
      <c r="AH10" s="14"/>
      <c r="AI10" s="14"/>
      <c r="AJ10" s="14"/>
      <c r="AK10" s="14"/>
      <c r="AL10" s="14"/>
      <c r="AM10" s="14"/>
      <c r="AN10" s="14"/>
      <c r="AO10" s="14"/>
      <c r="AP10" s="14"/>
      <c r="AQ10" s="14"/>
    </row>
    <row r="11" spans="1:43">
      <c r="A11" s="15" t="s">
        <v>232</v>
      </c>
      <c r="B11" s="15" t="s">
        <v>233</v>
      </c>
      <c r="C11" s="15" t="s">
        <v>262</v>
      </c>
      <c r="D11" s="16">
        <v>16315470</v>
      </c>
      <c r="E11" s="16">
        <v>12422159</v>
      </c>
      <c r="F11" s="16">
        <v>9453409</v>
      </c>
      <c r="G11" s="16">
        <v>5577098</v>
      </c>
      <c r="H11" s="16">
        <v>2124433</v>
      </c>
      <c r="I11" s="16">
        <v>287003</v>
      </c>
      <c r="J11" s="16">
        <v>1464875</v>
      </c>
      <c r="K11" s="16">
        <v>2968750</v>
      </c>
      <c r="L11" s="16">
        <v>236461</v>
      </c>
      <c r="M11" s="16">
        <v>189342</v>
      </c>
      <c r="N11" s="16">
        <v>47119</v>
      </c>
      <c r="O11" s="16">
        <v>581849</v>
      </c>
      <c r="P11" s="16">
        <v>417654</v>
      </c>
      <c r="Q11" s="16">
        <v>164195</v>
      </c>
      <c r="R11" s="16">
        <v>489838</v>
      </c>
      <c r="S11" s="16">
        <v>407602</v>
      </c>
      <c r="T11" s="16">
        <v>82115</v>
      </c>
      <c r="U11" s="16">
        <v>694132</v>
      </c>
      <c r="V11" s="16">
        <v>524908</v>
      </c>
      <c r="W11" s="16">
        <v>168045</v>
      </c>
      <c r="X11" s="16">
        <v>88387</v>
      </c>
      <c r="Y11" s="16">
        <v>238584</v>
      </c>
      <c r="Z11" s="16">
        <v>66750</v>
      </c>
      <c r="AA11" s="16">
        <v>31912</v>
      </c>
      <c r="AB11" s="16">
        <v>9900</v>
      </c>
      <c r="AC11" s="16">
        <v>156913</v>
      </c>
      <c r="AD11" s="16">
        <v>119810</v>
      </c>
      <c r="AE11" s="16">
        <v>33228</v>
      </c>
      <c r="AF11" s="16">
        <v>93329</v>
      </c>
      <c r="AG11" s="16">
        <v>322507</v>
      </c>
      <c r="AH11" s="16">
        <v>85603</v>
      </c>
      <c r="AI11" s="16">
        <v>3807708</v>
      </c>
      <c r="AJ11" s="22" t="s">
        <v>268</v>
      </c>
      <c r="AK11" s="16">
        <v>1844302</v>
      </c>
      <c r="AL11" s="16">
        <v>31</v>
      </c>
      <c r="AM11" s="16">
        <v>90528</v>
      </c>
      <c r="AN11" s="16">
        <v>73</v>
      </c>
      <c r="AO11" s="16">
        <v>31111</v>
      </c>
      <c r="AP11" s="16">
        <v>5560789</v>
      </c>
      <c r="AQ11" s="16">
        <v>3807708</v>
      </c>
    </row>
    <row r="12" spans="1:43">
      <c r="A12" s="21" t="s">
        <v>232</v>
      </c>
      <c r="B12" s="21" t="s">
        <v>237</v>
      </c>
      <c r="C12" s="21" t="s">
        <v>264</v>
      </c>
      <c r="D12" s="16">
        <v>243581</v>
      </c>
      <c r="E12" s="16">
        <v>190573</v>
      </c>
      <c r="F12" s="16">
        <v>133045</v>
      </c>
      <c r="G12" s="16">
        <v>77324</v>
      </c>
      <c r="H12" s="16">
        <v>29420</v>
      </c>
      <c r="I12" s="16">
        <v>4041</v>
      </c>
      <c r="J12" s="16">
        <v>22260</v>
      </c>
      <c r="K12" s="16">
        <v>57528</v>
      </c>
      <c r="L12" s="16">
        <v>5763</v>
      </c>
      <c r="M12" s="16">
        <v>4812</v>
      </c>
      <c r="N12" s="16">
        <v>951</v>
      </c>
      <c r="O12" s="16">
        <v>11594</v>
      </c>
      <c r="P12" s="16">
        <v>8856</v>
      </c>
      <c r="Q12" s="16">
        <v>2738</v>
      </c>
      <c r="R12" s="16">
        <v>9173</v>
      </c>
      <c r="S12" s="16">
        <v>7971</v>
      </c>
      <c r="T12" s="16">
        <v>1198</v>
      </c>
      <c r="U12" s="16">
        <v>11108</v>
      </c>
      <c r="V12" s="16">
        <v>8742</v>
      </c>
      <c r="W12" s="16">
        <v>2338</v>
      </c>
      <c r="X12" s="16">
        <v>1900</v>
      </c>
      <c r="Y12" s="16">
        <v>4594</v>
      </c>
      <c r="Z12" s="16">
        <v>1787</v>
      </c>
      <c r="AA12" s="16">
        <v>821</v>
      </c>
      <c r="AB12" s="16">
        <v>237</v>
      </c>
      <c r="AC12" s="16">
        <v>3968</v>
      </c>
      <c r="AD12" s="16">
        <v>3124</v>
      </c>
      <c r="AE12" s="16">
        <v>769</v>
      </c>
      <c r="AF12" s="16">
        <v>1811</v>
      </c>
      <c r="AG12" s="16">
        <v>5830</v>
      </c>
      <c r="AH12" s="16">
        <v>1204</v>
      </c>
      <c r="AI12" s="16">
        <v>51804</v>
      </c>
      <c r="AJ12" s="22" t="s">
        <v>268</v>
      </c>
      <c r="AK12" s="16">
        <v>33712</v>
      </c>
      <c r="AL12" s="22" t="s">
        <v>268</v>
      </c>
      <c r="AM12" s="16">
        <v>1738</v>
      </c>
      <c r="AN12" s="16">
        <v>1</v>
      </c>
      <c r="AO12" s="16">
        <v>608</v>
      </c>
      <c r="AP12" s="16">
        <v>77130</v>
      </c>
      <c r="AQ12" s="16">
        <v>51804</v>
      </c>
    </row>
    <row r="13" spans="1:43">
      <c r="A13" s="21" t="s">
        <v>240</v>
      </c>
      <c r="B13" s="21" t="s">
        <v>237</v>
      </c>
      <c r="C13" s="21" t="s">
        <v>265</v>
      </c>
      <c r="D13" s="16">
        <v>19286</v>
      </c>
      <c r="E13" s="16">
        <v>15400</v>
      </c>
      <c r="F13" s="16">
        <v>10143</v>
      </c>
      <c r="G13" s="16">
        <v>5650</v>
      </c>
      <c r="H13" s="16">
        <v>2360</v>
      </c>
      <c r="I13" s="16">
        <v>338</v>
      </c>
      <c r="J13" s="16">
        <v>1795</v>
      </c>
      <c r="K13" s="16">
        <v>5257</v>
      </c>
      <c r="L13" s="16">
        <v>598</v>
      </c>
      <c r="M13" s="16">
        <v>496</v>
      </c>
      <c r="N13" s="16">
        <v>102</v>
      </c>
      <c r="O13" s="16">
        <v>1012</v>
      </c>
      <c r="P13" s="16">
        <v>814</v>
      </c>
      <c r="Q13" s="16">
        <v>198</v>
      </c>
      <c r="R13" s="16">
        <v>847</v>
      </c>
      <c r="S13" s="16">
        <v>749</v>
      </c>
      <c r="T13" s="16">
        <v>98</v>
      </c>
      <c r="U13" s="16">
        <v>950</v>
      </c>
      <c r="V13" s="16">
        <v>789</v>
      </c>
      <c r="W13" s="16">
        <v>160</v>
      </c>
      <c r="X13" s="16">
        <v>144</v>
      </c>
      <c r="Y13" s="16">
        <v>383</v>
      </c>
      <c r="Z13" s="16">
        <v>266</v>
      </c>
      <c r="AA13" s="16">
        <v>83</v>
      </c>
      <c r="AB13" s="16">
        <v>20</v>
      </c>
      <c r="AC13" s="16">
        <v>420</v>
      </c>
      <c r="AD13" s="16">
        <v>348</v>
      </c>
      <c r="AE13" s="16">
        <v>65</v>
      </c>
      <c r="AF13" s="16">
        <v>128</v>
      </c>
      <c r="AG13" s="16">
        <v>509</v>
      </c>
      <c r="AH13" s="16">
        <v>101</v>
      </c>
      <c r="AI13" s="16">
        <v>3785</v>
      </c>
      <c r="AJ13" s="22" t="s">
        <v>268</v>
      </c>
      <c r="AK13" s="16">
        <v>3145</v>
      </c>
      <c r="AL13" s="22" t="s">
        <v>268</v>
      </c>
      <c r="AM13" s="16">
        <v>148</v>
      </c>
      <c r="AN13" s="22" t="s">
        <v>268</v>
      </c>
      <c r="AO13" s="16">
        <v>69</v>
      </c>
      <c r="AP13" s="16">
        <v>5639</v>
      </c>
      <c r="AQ13" s="16">
        <v>3785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6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300AB8E-CEEE-42A4-8773-A3C1C27DADAE}">
  <sheetPr>
    <pageSetUpPr fitToPage="1"/>
  </sheetPr>
  <dimension ref="A1:AR30"/>
  <sheetViews>
    <sheetView zoomScaleNormal="100" workbookViewId="0">
      <pane xSplit="5" ySplit="12" topLeftCell="F13" activePane="bottomRight" state="frozen"/>
      <selection pane="topRight" activeCell="V1" sqref="V1"/>
      <selection pane="bottomLeft" activeCell="A23" sqref="A23"/>
      <selection pane="bottomRight" activeCell="A10" sqref="A10"/>
    </sheetView>
  </sheetViews>
  <sheetFormatPr defaultColWidth="12.625" defaultRowHeight="12" outlineLevelRow="1"/>
  <cols>
    <col min="1" max="1" width="17.5" style="20" customWidth="1"/>
    <col min="2" max="2" width="8.75" style="20" customWidth="1"/>
    <col min="3" max="3" width="2.375" style="20" bestFit="1" customWidth="1"/>
    <col min="4" max="4" width="11.25" style="20" bestFit="1" customWidth="1"/>
    <col min="5" max="5" width="21.875" style="20" bestFit="1" customWidth="1"/>
    <col min="6" max="16384" width="12.625" style="20"/>
  </cols>
  <sheetData>
    <row r="1" spans="1:44" s="11" customFormat="1">
      <c r="A1" s="11" t="s">
        <v>192</v>
      </c>
    </row>
    <row r="2" spans="1:44" s="11" customFormat="1">
      <c r="A2" s="11" t="s">
        <v>432</v>
      </c>
    </row>
    <row r="3" spans="1:44" s="11" customFormat="1"/>
    <row r="4" spans="1:44" s="11" customFormat="1" outlineLevel="1">
      <c r="A4" s="11" t="s">
        <v>399</v>
      </c>
    </row>
    <row r="5" spans="1:44" s="11" customFormat="1" outlineLevel="1">
      <c r="A5" s="11" t="s">
        <v>278</v>
      </c>
    </row>
    <row r="6" spans="1:44" s="11" customFormat="1" outlineLevel="1">
      <c r="A6" s="11" t="s">
        <v>397</v>
      </c>
    </row>
    <row r="7" spans="1:44" s="11" customFormat="1" ht="24">
      <c r="F7" s="12" t="s">
        <v>200</v>
      </c>
      <c r="G7" s="12" t="s">
        <v>200</v>
      </c>
      <c r="H7" s="12" t="s">
        <v>200</v>
      </c>
      <c r="I7" s="12" t="s">
        <v>200</v>
      </c>
      <c r="J7" s="12" t="s">
        <v>200</v>
      </c>
      <c r="K7" s="12" t="s">
        <v>200</v>
      </c>
      <c r="L7" s="12" t="s">
        <v>200</v>
      </c>
      <c r="M7" s="12" t="s">
        <v>200</v>
      </c>
      <c r="N7" s="12" t="s">
        <v>200</v>
      </c>
      <c r="O7" s="12" t="s">
        <v>200</v>
      </c>
      <c r="P7" s="12" t="s">
        <v>200</v>
      </c>
      <c r="Q7" s="12" t="s">
        <v>200</v>
      </c>
      <c r="R7" s="12" t="s">
        <v>200</v>
      </c>
      <c r="S7" s="12" t="s">
        <v>200</v>
      </c>
      <c r="T7" s="12" t="s">
        <v>200</v>
      </c>
      <c r="U7" s="12" t="s">
        <v>200</v>
      </c>
      <c r="V7" s="12" t="s">
        <v>200</v>
      </c>
      <c r="W7" s="12" t="s">
        <v>200</v>
      </c>
      <c r="X7" s="12" t="s">
        <v>200</v>
      </c>
      <c r="Y7" s="12" t="s">
        <v>200</v>
      </c>
      <c r="Z7" s="12" t="s">
        <v>200</v>
      </c>
      <c r="AA7" s="12" t="s">
        <v>200</v>
      </c>
      <c r="AB7" s="12" t="s">
        <v>200</v>
      </c>
      <c r="AC7" s="12" t="s">
        <v>200</v>
      </c>
      <c r="AD7" s="12" t="s">
        <v>200</v>
      </c>
      <c r="AE7" s="12" t="s">
        <v>200</v>
      </c>
      <c r="AF7" s="12" t="s">
        <v>200</v>
      </c>
      <c r="AG7" s="12" t="s">
        <v>200</v>
      </c>
      <c r="AH7" s="12" t="s">
        <v>200</v>
      </c>
      <c r="AI7" s="12" t="s">
        <v>400</v>
      </c>
      <c r="AJ7" s="12" t="s">
        <v>400</v>
      </c>
      <c r="AK7" s="12" t="s">
        <v>400</v>
      </c>
      <c r="AL7" s="12" t="s">
        <v>400</v>
      </c>
      <c r="AM7" s="12" t="s">
        <v>400</v>
      </c>
      <c r="AN7" s="12" t="s">
        <v>400</v>
      </c>
      <c r="AO7" s="12" t="s">
        <v>400</v>
      </c>
      <c r="AP7" s="12" t="s">
        <v>400</v>
      </c>
      <c r="AQ7" s="12" t="s">
        <v>280</v>
      </c>
      <c r="AR7" s="12" t="s">
        <v>281</v>
      </c>
    </row>
    <row r="8" spans="1:44" s="11" customFormat="1">
      <c r="F8" s="12" t="s">
        <v>282</v>
      </c>
      <c r="G8" s="12" t="s">
        <v>282</v>
      </c>
      <c r="H8" s="12" t="s">
        <v>282</v>
      </c>
      <c r="I8" s="12" t="s">
        <v>282</v>
      </c>
      <c r="J8" s="12" t="s">
        <v>282</v>
      </c>
      <c r="K8" s="12" t="s">
        <v>282</v>
      </c>
      <c r="L8" s="12" t="s">
        <v>282</v>
      </c>
      <c r="M8" s="12" t="s">
        <v>282</v>
      </c>
      <c r="N8" s="12" t="s">
        <v>282</v>
      </c>
      <c r="O8" s="12" t="s">
        <v>282</v>
      </c>
      <c r="P8" s="12" t="s">
        <v>282</v>
      </c>
      <c r="Q8" s="12" t="s">
        <v>282</v>
      </c>
      <c r="R8" s="12" t="s">
        <v>282</v>
      </c>
      <c r="S8" s="12" t="s">
        <v>282</v>
      </c>
      <c r="T8" s="12" t="s">
        <v>282</v>
      </c>
      <c r="U8" s="12" t="s">
        <v>282</v>
      </c>
      <c r="V8" s="12" t="s">
        <v>282</v>
      </c>
      <c r="W8" s="12" t="s">
        <v>282</v>
      </c>
      <c r="X8" s="12" t="s">
        <v>282</v>
      </c>
      <c r="Y8" s="12" t="s">
        <v>282</v>
      </c>
      <c r="Z8" s="12" t="s">
        <v>282</v>
      </c>
      <c r="AA8" s="12" t="s">
        <v>282</v>
      </c>
      <c r="AB8" s="12" t="s">
        <v>282</v>
      </c>
      <c r="AC8" s="12" t="s">
        <v>282</v>
      </c>
      <c r="AD8" s="12" t="s">
        <v>282</v>
      </c>
      <c r="AE8" s="12" t="s">
        <v>282</v>
      </c>
      <c r="AF8" s="12" t="s">
        <v>282</v>
      </c>
      <c r="AG8" s="12" t="s">
        <v>282</v>
      </c>
      <c r="AH8" s="12" t="s">
        <v>282</v>
      </c>
      <c r="AI8" s="12" t="s">
        <v>282</v>
      </c>
      <c r="AJ8" s="12" t="s">
        <v>282</v>
      </c>
      <c r="AK8" s="12" t="s">
        <v>282</v>
      </c>
      <c r="AL8" s="12" t="s">
        <v>282</v>
      </c>
      <c r="AM8" s="12" t="s">
        <v>282</v>
      </c>
      <c r="AN8" s="12" t="s">
        <v>282</v>
      </c>
      <c r="AO8" s="12" t="s">
        <v>282</v>
      </c>
      <c r="AP8" s="12" t="s">
        <v>282</v>
      </c>
      <c r="AQ8" s="12"/>
      <c r="AR8" s="12"/>
    </row>
    <row r="9" spans="1:44" s="11" customFormat="1">
      <c r="F9" s="12">
        <v>1</v>
      </c>
      <c r="G9" s="12">
        <v>1</v>
      </c>
      <c r="H9" s="12">
        <v>1</v>
      </c>
      <c r="I9" s="12">
        <v>1</v>
      </c>
      <c r="J9" s="12">
        <v>1</v>
      </c>
      <c r="K9" s="12">
        <v>1</v>
      </c>
      <c r="L9" s="12">
        <v>1</v>
      </c>
      <c r="M9" s="12">
        <v>1</v>
      </c>
      <c r="N9" s="12">
        <v>1</v>
      </c>
      <c r="O9" s="12">
        <v>1</v>
      </c>
      <c r="P9" s="12">
        <v>1</v>
      </c>
      <c r="Q9" s="12">
        <v>1</v>
      </c>
      <c r="R9" s="12">
        <v>1</v>
      </c>
      <c r="S9" s="12">
        <v>1</v>
      </c>
      <c r="T9" s="12">
        <v>1</v>
      </c>
      <c r="U9" s="12">
        <v>1</v>
      </c>
      <c r="V9" s="12">
        <v>1</v>
      </c>
      <c r="W9" s="12">
        <v>1</v>
      </c>
      <c r="X9" s="12">
        <v>1</v>
      </c>
      <c r="Y9" s="12">
        <v>1</v>
      </c>
      <c r="Z9" s="12">
        <v>1</v>
      </c>
      <c r="AA9" s="12">
        <v>1</v>
      </c>
      <c r="AB9" s="12">
        <v>1</v>
      </c>
      <c r="AC9" s="12">
        <v>1</v>
      </c>
      <c r="AD9" s="12">
        <v>1</v>
      </c>
      <c r="AE9" s="12">
        <v>1</v>
      </c>
      <c r="AF9" s="12">
        <v>1</v>
      </c>
      <c r="AG9" s="12">
        <v>1</v>
      </c>
      <c r="AH9" s="12">
        <v>1</v>
      </c>
      <c r="AI9" s="12">
        <v>1</v>
      </c>
      <c r="AJ9" s="12">
        <v>1</v>
      </c>
      <c r="AK9" s="12">
        <v>1</v>
      </c>
      <c r="AL9" s="12">
        <v>1</v>
      </c>
      <c r="AM9" s="12">
        <v>1</v>
      </c>
      <c r="AN9" s="12">
        <v>1</v>
      </c>
      <c r="AO9" s="12">
        <v>1</v>
      </c>
      <c r="AP9" s="12">
        <v>1</v>
      </c>
      <c r="AQ9" s="12"/>
      <c r="AR9" s="12"/>
    </row>
    <row r="10" spans="1:44" s="11" customFormat="1" ht="24">
      <c r="F10" s="12" t="s">
        <v>401</v>
      </c>
      <c r="G10" s="12" t="s">
        <v>402</v>
      </c>
      <c r="H10" s="12" t="s">
        <v>403</v>
      </c>
      <c r="I10" s="12" t="s">
        <v>404</v>
      </c>
      <c r="J10" s="12" t="s">
        <v>405</v>
      </c>
      <c r="K10" s="12" t="s">
        <v>406</v>
      </c>
      <c r="L10" s="12" t="s">
        <v>407</v>
      </c>
      <c r="M10" s="12" t="s">
        <v>408</v>
      </c>
      <c r="N10" s="12" t="s">
        <v>409</v>
      </c>
      <c r="O10" s="12" t="s">
        <v>410</v>
      </c>
      <c r="P10" s="12" t="s">
        <v>411</v>
      </c>
      <c r="Q10" s="12" t="s">
        <v>412</v>
      </c>
      <c r="R10" s="12" t="s">
        <v>413</v>
      </c>
      <c r="S10" s="12" t="s">
        <v>414</v>
      </c>
      <c r="T10" s="12" t="s">
        <v>415</v>
      </c>
      <c r="U10" s="12" t="s">
        <v>416</v>
      </c>
      <c r="V10" s="12" t="s">
        <v>417</v>
      </c>
      <c r="W10" s="12" t="s">
        <v>418</v>
      </c>
      <c r="X10" s="12" t="s">
        <v>419</v>
      </c>
      <c r="Y10" s="12" t="s">
        <v>420</v>
      </c>
      <c r="Z10" s="12" t="s">
        <v>421</v>
      </c>
      <c r="AA10" s="12" t="s">
        <v>422</v>
      </c>
      <c r="AB10" s="12" t="s">
        <v>423</v>
      </c>
      <c r="AC10" s="12" t="s">
        <v>386</v>
      </c>
      <c r="AD10" s="12" t="s">
        <v>387</v>
      </c>
      <c r="AE10" s="12" t="s">
        <v>388</v>
      </c>
      <c r="AF10" s="12" t="s">
        <v>389</v>
      </c>
      <c r="AG10" s="12" t="s">
        <v>390</v>
      </c>
      <c r="AH10" s="12" t="s">
        <v>391</v>
      </c>
      <c r="AI10" s="12" t="s">
        <v>424</v>
      </c>
      <c r="AJ10" s="12" t="s">
        <v>425</v>
      </c>
      <c r="AK10" s="12" t="s">
        <v>426</v>
      </c>
      <c r="AL10" s="12" t="s">
        <v>427</v>
      </c>
      <c r="AM10" s="12" t="s">
        <v>428</v>
      </c>
      <c r="AN10" s="12" t="s">
        <v>429</v>
      </c>
      <c r="AO10" s="12" t="s">
        <v>430</v>
      </c>
      <c r="AP10" s="12" t="s">
        <v>431</v>
      </c>
      <c r="AQ10" s="12"/>
      <c r="AR10" s="12"/>
    </row>
    <row r="11" spans="1:44" s="11" customFormat="1">
      <c r="F11" s="13" t="s">
        <v>219</v>
      </c>
      <c r="G11" s="13" t="s">
        <v>219</v>
      </c>
      <c r="H11" s="13" t="s">
        <v>219</v>
      </c>
      <c r="I11" s="13" t="s">
        <v>219</v>
      </c>
      <c r="J11" s="13" t="s">
        <v>219</v>
      </c>
      <c r="K11" s="13" t="s">
        <v>219</v>
      </c>
      <c r="L11" s="13" t="s">
        <v>219</v>
      </c>
      <c r="M11" s="13" t="s">
        <v>219</v>
      </c>
      <c r="N11" s="13" t="s">
        <v>219</v>
      </c>
      <c r="O11" s="13" t="s">
        <v>219</v>
      </c>
      <c r="P11" s="13" t="s">
        <v>219</v>
      </c>
      <c r="Q11" s="13" t="s">
        <v>219</v>
      </c>
      <c r="R11" s="13" t="s">
        <v>219</v>
      </c>
      <c r="S11" s="13" t="s">
        <v>219</v>
      </c>
      <c r="T11" s="13" t="s">
        <v>219</v>
      </c>
      <c r="U11" s="13" t="s">
        <v>219</v>
      </c>
      <c r="V11" s="13" t="s">
        <v>219</v>
      </c>
      <c r="W11" s="13" t="s">
        <v>219</v>
      </c>
      <c r="X11" s="13" t="s">
        <v>219</v>
      </c>
      <c r="Y11" s="13" t="s">
        <v>219</v>
      </c>
      <c r="Z11" s="13" t="s">
        <v>219</v>
      </c>
      <c r="AA11" s="13" t="s">
        <v>219</v>
      </c>
      <c r="AB11" s="13" t="s">
        <v>219</v>
      </c>
      <c r="AC11" s="13" t="s">
        <v>219</v>
      </c>
      <c r="AD11" s="13" t="s">
        <v>219</v>
      </c>
      <c r="AE11" s="13" t="s">
        <v>219</v>
      </c>
      <c r="AF11" s="13" t="s">
        <v>219</v>
      </c>
      <c r="AG11" s="13" t="s">
        <v>219</v>
      </c>
      <c r="AH11" s="13" t="s">
        <v>219</v>
      </c>
      <c r="AI11" s="13" t="s">
        <v>220</v>
      </c>
      <c r="AJ11" s="13" t="s">
        <v>220</v>
      </c>
      <c r="AK11" s="13" t="s">
        <v>220</v>
      </c>
      <c r="AL11" s="13" t="s">
        <v>220</v>
      </c>
      <c r="AM11" s="13" t="s">
        <v>220</v>
      </c>
      <c r="AN11" s="13" t="s">
        <v>220</v>
      </c>
      <c r="AO11" s="13" t="s">
        <v>220</v>
      </c>
      <c r="AP11" s="13" t="s">
        <v>220</v>
      </c>
      <c r="AQ11" s="13" t="s">
        <v>392</v>
      </c>
      <c r="AR11" s="13" t="s">
        <v>392</v>
      </c>
    </row>
    <row r="12" spans="1:44" s="11" customFormat="1">
      <c r="A12" s="14" t="s">
        <v>393</v>
      </c>
      <c r="B12" s="14" t="s">
        <v>212</v>
      </c>
      <c r="C12" s="14" t="s">
        <v>224</v>
      </c>
      <c r="D12" s="14" t="s">
        <v>259</v>
      </c>
      <c r="E12" s="14" t="s">
        <v>260</v>
      </c>
      <c r="F12" s="14" t="s">
        <v>231</v>
      </c>
      <c r="G12" s="14"/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S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E12" s="14"/>
      <c r="AF12" s="14"/>
      <c r="AG12" s="14"/>
      <c r="AH12" s="14"/>
      <c r="AI12" s="14"/>
      <c r="AJ12" s="14"/>
      <c r="AK12" s="14"/>
      <c r="AL12" s="14"/>
      <c r="AM12" s="14"/>
      <c r="AN12" s="14"/>
      <c r="AO12" s="14"/>
      <c r="AP12" s="14"/>
      <c r="AQ12" s="14"/>
      <c r="AR12" s="14"/>
    </row>
    <row r="13" spans="1:44">
      <c r="A13" s="15" t="s">
        <v>394</v>
      </c>
      <c r="B13" s="15" t="s">
        <v>214</v>
      </c>
      <c r="C13" s="15" t="s">
        <v>232</v>
      </c>
      <c r="D13" s="15" t="s">
        <v>233</v>
      </c>
      <c r="E13" s="15" t="s">
        <v>262</v>
      </c>
      <c r="F13" s="16">
        <v>88285927</v>
      </c>
      <c r="G13" s="16">
        <v>3316968</v>
      </c>
      <c r="H13" s="16">
        <v>3612399</v>
      </c>
      <c r="I13" s="16">
        <v>3731424</v>
      </c>
      <c r="J13" s="16">
        <v>3973139</v>
      </c>
      <c r="K13" s="16">
        <v>4542266</v>
      </c>
      <c r="L13" s="16">
        <v>4637686</v>
      </c>
      <c r="M13" s="16">
        <v>4861469</v>
      </c>
      <c r="N13" s="16">
        <v>5365617</v>
      </c>
      <c r="O13" s="16">
        <v>6024226</v>
      </c>
      <c r="P13" s="16">
        <v>7056057</v>
      </c>
      <c r="Q13" s="16">
        <v>6229185</v>
      </c>
      <c r="R13" s="16">
        <v>5422520</v>
      </c>
      <c r="S13" s="16">
        <v>4724151</v>
      </c>
      <c r="T13" s="16">
        <v>5046796</v>
      </c>
      <c r="U13" s="16">
        <v>5786980</v>
      </c>
      <c r="V13" s="16">
        <v>4549961</v>
      </c>
      <c r="W13" s="16">
        <v>3370406</v>
      </c>
      <c r="X13" s="16">
        <v>2202466</v>
      </c>
      <c r="Y13" s="16">
        <v>983383</v>
      </c>
      <c r="Z13" s="16">
        <v>253476</v>
      </c>
      <c r="AA13" s="16">
        <v>39738</v>
      </c>
      <c r="AB13" s="16">
        <v>2555614</v>
      </c>
      <c r="AC13" s="16">
        <v>10660791</v>
      </c>
      <c r="AD13" s="16">
        <v>52836316</v>
      </c>
      <c r="AE13" s="16">
        <v>22233206</v>
      </c>
      <c r="AF13" s="16">
        <v>11399430</v>
      </c>
      <c r="AG13" s="16">
        <v>3479063</v>
      </c>
      <c r="AH13" s="16">
        <v>53909973</v>
      </c>
      <c r="AI13" s="17">
        <v>12.43526</v>
      </c>
      <c r="AJ13" s="17">
        <v>61.630839999999999</v>
      </c>
      <c r="AK13" s="17">
        <v>25.933890000000002</v>
      </c>
      <c r="AL13" s="17">
        <v>31.444369999999999</v>
      </c>
      <c r="AM13" s="17">
        <v>13.296849999999999</v>
      </c>
      <c r="AN13" s="17">
        <v>4.0581500000000004</v>
      </c>
      <c r="AO13" s="17">
        <v>4.6350000000000002E-2</v>
      </c>
      <c r="AP13" s="17">
        <v>62.883209999999998</v>
      </c>
      <c r="AQ13" s="17">
        <v>46.275820000000003</v>
      </c>
      <c r="AR13" s="17">
        <v>47.018999999999998</v>
      </c>
    </row>
    <row r="14" spans="1:44">
      <c r="A14" s="21" t="s">
        <v>394</v>
      </c>
      <c r="B14" s="21" t="s">
        <v>214</v>
      </c>
      <c r="C14" s="21" t="s">
        <v>232</v>
      </c>
      <c r="D14" s="21" t="s">
        <v>237</v>
      </c>
      <c r="E14" s="21" t="s">
        <v>264</v>
      </c>
      <c r="F14" s="16">
        <v>865846</v>
      </c>
      <c r="G14" s="16">
        <v>37207</v>
      </c>
      <c r="H14" s="16">
        <v>40434</v>
      </c>
      <c r="I14" s="16">
        <v>41991</v>
      </c>
      <c r="J14" s="16">
        <v>45165</v>
      </c>
      <c r="K14" s="16">
        <v>42753</v>
      </c>
      <c r="L14" s="16">
        <v>41542</v>
      </c>
      <c r="M14" s="16">
        <v>45540</v>
      </c>
      <c r="N14" s="16">
        <v>51957</v>
      </c>
      <c r="O14" s="16">
        <v>57889</v>
      </c>
      <c r="P14" s="16">
        <v>62793</v>
      </c>
      <c r="Q14" s="16">
        <v>54628</v>
      </c>
      <c r="R14" s="16">
        <v>52198</v>
      </c>
      <c r="S14" s="16">
        <v>51360</v>
      </c>
      <c r="T14" s="16">
        <v>54026</v>
      </c>
      <c r="U14" s="16">
        <v>54947</v>
      </c>
      <c r="V14" s="16">
        <v>39627</v>
      </c>
      <c r="W14" s="16">
        <v>31984</v>
      </c>
      <c r="X14" s="16">
        <v>23454</v>
      </c>
      <c r="Y14" s="16">
        <v>11778</v>
      </c>
      <c r="Z14" s="16">
        <v>3373</v>
      </c>
      <c r="AA14" s="16">
        <v>542</v>
      </c>
      <c r="AB14" s="16">
        <v>20658</v>
      </c>
      <c r="AC14" s="16">
        <v>119632</v>
      </c>
      <c r="AD14" s="16">
        <v>505825</v>
      </c>
      <c r="AE14" s="16">
        <v>219731</v>
      </c>
      <c r="AF14" s="16">
        <v>110758</v>
      </c>
      <c r="AG14" s="16">
        <v>39147</v>
      </c>
      <c r="AH14" s="16">
        <v>514686</v>
      </c>
      <c r="AI14" s="17">
        <v>14.15448</v>
      </c>
      <c r="AJ14" s="17">
        <v>59.847630000000002</v>
      </c>
      <c r="AK14" s="17">
        <v>25.997879999999999</v>
      </c>
      <c r="AL14" s="17">
        <v>32.074640000000002</v>
      </c>
      <c r="AM14" s="17">
        <v>13.10454</v>
      </c>
      <c r="AN14" s="17">
        <v>4.6317500000000003</v>
      </c>
      <c r="AO14" s="17">
        <v>6.4130000000000006E-2</v>
      </c>
      <c r="AP14" s="17">
        <v>60.896039999999999</v>
      </c>
      <c r="AQ14" s="17">
        <v>45.685769999999998</v>
      </c>
      <c r="AR14" s="17">
        <v>46.437370000000001</v>
      </c>
    </row>
    <row r="15" spans="1:44">
      <c r="A15" s="21" t="s">
        <v>394</v>
      </c>
      <c r="B15" s="21" t="s">
        <v>214</v>
      </c>
      <c r="C15" s="21" t="s">
        <v>240</v>
      </c>
      <c r="D15" s="21" t="s">
        <v>237</v>
      </c>
      <c r="E15" s="21" t="s">
        <v>265</v>
      </c>
      <c r="F15" s="16">
        <v>54592</v>
      </c>
      <c r="G15" s="16">
        <v>2049</v>
      </c>
      <c r="H15" s="16">
        <v>2461</v>
      </c>
      <c r="I15" s="16">
        <v>2622</v>
      </c>
      <c r="J15" s="16">
        <v>2921</v>
      </c>
      <c r="K15" s="16">
        <v>1920</v>
      </c>
      <c r="L15" s="16">
        <v>2134</v>
      </c>
      <c r="M15" s="16">
        <v>2521</v>
      </c>
      <c r="N15" s="16">
        <v>3022</v>
      </c>
      <c r="O15" s="16">
        <v>3355</v>
      </c>
      <c r="P15" s="16">
        <v>3677</v>
      </c>
      <c r="Q15" s="16">
        <v>3426</v>
      </c>
      <c r="R15" s="16">
        <v>3425</v>
      </c>
      <c r="S15" s="16">
        <v>3619</v>
      </c>
      <c r="T15" s="16">
        <v>3949</v>
      </c>
      <c r="U15" s="16">
        <v>4114</v>
      </c>
      <c r="V15" s="16">
        <v>3108</v>
      </c>
      <c r="W15" s="16">
        <v>2480</v>
      </c>
      <c r="X15" s="16">
        <v>1890</v>
      </c>
      <c r="Y15" s="16">
        <v>880</v>
      </c>
      <c r="Z15" s="16">
        <v>228</v>
      </c>
      <c r="AA15" s="16">
        <v>36</v>
      </c>
      <c r="AB15" s="16">
        <v>755</v>
      </c>
      <c r="AC15" s="16">
        <v>7132</v>
      </c>
      <c r="AD15" s="16">
        <v>30020</v>
      </c>
      <c r="AE15" s="16">
        <v>16685</v>
      </c>
      <c r="AF15" s="16">
        <v>8622</v>
      </c>
      <c r="AG15" s="16">
        <v>3034</v>
      </c>
      <c r="AH15" s="16">
        <v>31048</v>
      </c>
      <c r="AI15" s="17">
        <v>13.247389999999999</v>
      </c>
      <c r="AJ15" s="17">
        <v>55.760910000000003</v>
      </c>
      <c r="AK15" s="17">
        <v>30.991700000000002</v>
      </c>
      <c r="AL15" s="17">
        <v>37.713839999999998</v>
      </c>
      <c r="AM15" s="17">
        <v>16.01501</v>
      </c>
      <c r="AN15" s="17">
        <v>5.6355300000000002</v>
      </c>
      <c r="AO15" s="17">
        <v>6.6869999999999999E-2</v>
      </c>
      <c r="AP15" s="17">
        <v>57.670380000000002</v>
      </c>
      <c r="AQ15" s="17">
        <v>48.415990000000001</v>
      </c>
      <c r="AR15" s="17">
        <v>50.333100000000002</v>
      </c>
    </row>
    <row r="16" spans="1:44">
      <c r="A16" s="21" t="s">
        <v>394</v>
      </c>
      <c r="B16" s="21" t="s">
        <v>215</v>
      </c>
      <c r="C16" s="21" t="s">
        <v>232</v>
      </c>
      <c r="D16" s="21" t="s">
        <v>233</v>
      </c>
      <c r="E16" s="21" t="s">
        <v>262</v>
      </c>
      <c r="F16" s="16">
        <v>42973052</v>
      </c>
      <c r="G16" s="16">
        <v>1697046</v>
      </c>
      <c r="H16" s="16">
        <v>1848330</v>
      </c>
      <c r="I16" s="16">
        <v>1908134</v>
      </c>
      <c r="J16" s="16">
        <v>2025156</v>
      </c>
      <c r="K16" s="16">
        <v>2291005</v>
      </c>
      <c r="L16" s="16">
        <v>2337208</v>
      </c>
      <c r="M16" s="16">
        <v>2454389</v>
      </c>
      <c r="N16" s="16">
        <v>2697285</v>
      </c>
      <c r="O16" s="16">
        <v>3020633</v>
      </c>
      <c r="P16" s="16">
        <v>3531177</v>
      </c>
      <c r="Q16" s="16">
        <v>3116160</v>
      </c>
      <c r="R16" s="16">
        <v>2704275</v>
      </c>
      <c r="S16" s="16">
        <v>2323739</v>
      </c>
      <c r="T16" s="16">
        <v>2418826</v>
      </c>
      <c r="U16" s="16">
        <v>2681509</v>
      </c>
      <c r="V16" s="16">
        <v>2010222</v>
      </c>
      <c r="W16" s="16">
        <v>1397965</v>
      </c>
      <c r="X16" s="16">
        <v>794910</v>
      </c>
      <c r="Y16" s="16">
        <v>280661</v>
      </c>
      <c r="Z16" s="16">
        <v>50084</v>
      </c>
      <c r="AA16" s="16">
        <v>5142</v>
      </c>
      <c r="AB16" s="16">
        <v>1379196</v>
      </c>
      <c r="AC16" s="16">
        <v>5453510</v>
      </c>
      <c r="AD16" s="16">
        <v>26501027</v>
      </c>
      <c r="AE16" s="16">
        <v>9639319</v>
      </c>
      <c r="AF16" s="16">
        <v>4538984</v>
      </c>
      <c r="AG16" s="16">
        <v>1130797</v>
      </c>
      <c r="AH16" s="16">
        <v>26894697</v>
      </c>
      <c r="AI16" s="17">
        <v>13.11134</v>
      </c>
      <c r="AJ16" s="17">
        <v>63.713799999999999</v>
      </c>
      <c r="AK16" s="17">
        <v>23.174859999999999</v>
      </c>
      <c r="AL16" s="17">
        <v>28.761600000000001</v>
      </c>
      <c r="AM16" s="17">
        <v>10.91263</v>
      </c>
      <c r="AN16" s="17">
        <v>2.7186599999999999</v>
      </c>
      <c r="AO16" s="17">
        <v>1.2359999999999999E-2</v>
      </c>
      <c r="AP16" s="17">
        <v>64.660259999999994</v>
      </c>
      <c r="AQ16" s="17">
        <v>44.798110000000001</v>
      </c>
      <c r="AR16" s="17">
        <v>45.76755</v>
      </c>
    </row>
    <row r="17" spans="1:44">
      <c r="A17" s="21" t="s">
        <v>394</v>
      </c>
      <c r="B17" s="21" t="s">
        <v>215</v>
      </c>
      <c r="C17" s="21" t="s">
        <v>232</v>
      </c>
      <c r="D17" s="21" t="s">
        <v>237</v>
      </c>
      <c r="E17" s="21" t="s">
        <v>264</v>
      </c>
      <c r="F17" s="16">
        <v>409254</v>
      </c>
      <c r="G17" s="16">
        <v>18987</v>
      </c>
      <c r="H17" s="16">
        <v>20745</v>
      </c>
      <c r="I17" s="16">
        <v>21270</v>
      </c>
      <c r="J17" s="16">
        <v>23179</v>
      </c>
      <c r="K17" s="16">
        <v>21387</v>
      </c>
      <c r="L17" s="16">
        <v>20161</v>
      </c>
      <c r="M17" s="16">
        <v>22221</v>
      </c>
      <c r="N17" s="16">
        <v>25202</v>
      </c>
      <c r="O17" s="16">
        <v>27981</v>
      </c>
      <c r="P17" s="16">
        <v>30223</v>
      </c>
      <c r="Q17" s="16">
        <v>25690</v>
      </c>
      <c r="R17" s="16">
        <v>24609</v>
      </c>
      <c r="S17" s="16">
        <v>24433</v>
      </c>
      <c r="T17" s="16">
        <v>25362</v>
      </c>
      <c r="U17" s="16">
        <v>24913</v>
      </c>
      <c r="V17" s="16">
        <v>16756</v>
      </c>
      <c r="W17" s="16">
        <v>12562</v>
      </c>
      <c r="X17" s="16">
        <v>8206</v>
      </c>
      <c r="Y17" s="16">
        <v>3288</v>
      </c>
      <c r="Z17" s="16">
        <v>647</v>
      </c>
      <c r="AA17" s="16">
        <v>65</v>
      </c>
      <c r="AB17" s="16">
        <v>11367</v>
      </c>
      <c r="AC17" s="16">
        <v>61002</v>
      </c>
      <c r="AD17" s="16">
        <v>245086</v>
      </c>
      <c r="AE17" s="16">
        <v>91799</v>
      </c>
      <c r="AF17" s="16">
        <v>41524</v>
      </c>
      <c r="AG17" s="16">
        <v>12206</v>
      </c>
      <c r="AH17" s="16">
        <v>247269</v>
      </c>
      <c r="AI17" s="17">
        <v>15.331490000000001</v>
      </c>
      <c r="AJ17" s="17">
        <v>61.596890000000002</v>
      </c>
      <c r="AK17" s="17">
        <v>23.071629999999999</v>
      </c>
      <c r="AL17" s="17">
        <v>29.212309999999999</v>
      </c>
      <c r="AM17" s="17">
        <v>10.43613</v>
      </c>
      <c r="AN17" s="17">
        <v>3.0677099999999999</v>
      </c>
      <c r="AO17" s="17">
        <v>1.634E-2</v>
      </c>
      <c r="AP17" s="17">
        <v>62.145530000000001</v>
      </c>
      <c r="AQ17" s="17">
        <v>43.802399999999999</v>
      </c>
      <c r="AR17" s="17">
        <v>44.634230000000002</v>
      </c>
    </row>
    <row r="18" spans="1:44">
      <c r="A18" s="21" t="s">
        <v>394</v>
      </c>
      <c r="B18" s="21" t="s">
        <v>215</v>
      </c>
      <c r="C18" s="21" t="s">
        <v>240</v>
      </c>
      <c r="D18" s="21" t="s">
        <v>237</v>
      </c>
      <c r="E18" s="21" t="s">
        <v>265</v>
      </c>
      <c r="F18" s="16">
        <v>25564</v>
      </c>
      <c r="G18" s="16">
        <v>1028</v>
      </c>
      <c r="H18" s="16">
        <v>1210</v>
      </c>
      <c r="I18" s="16">
        <v>1329</v>
      </c>
      <c r="J18" s="16">
        <v>1561</v>
      </c>
      <c r="K18" s="16">
        <v>987</v>
      </c>
      <c r="L18" s="16">
        <v>1077</v>
      </c>
      <c r="M18" s="16">
        <v>1235</v>
      </c>
      <c r="N18" s="16">
        <v>1469</v>
      </c>
      <c r="O18" s="16">
        <v>1596</v>
      </c>
      <c r="P18" s="16">
        <v>1774</v>
      </c>
      <c r="Q18" s="16">
        <v>1626</v>
      </c>
      <c r="R18" s="16">
        <v>1616</v>
      </c>
      <c r="S18" s="16">
        <v>1727</v>
      </c>
      <c r="T18" s="16">
        <v>1848</v>
      </c>
      <c r="U18" s="16">
        <v>1877</v>
      </c>
      <c r="V18" s="16">
        <v>1309</v>
      </c>
      <c r="W18" s="16">
        <v>950</v>
      </c>
      <c r="X18" s="16">
        <v>677</v>
      </c>
      <c r="Y18" s="16">
        <v>251</v>
      </c>
      <c r="Z18" s="16">
        <v>33</v>
      </c>
      <c r="AA18" s="16">
        <v>3</v>
      </c>
      <c r="AB18" s="16">
        <v>381</v>
      </c>
      <c r="AC18" s="16">
        <v>3567</v>
      </c>
      <c r="AD18" s="16">
        <v>14668</v>
      </c>
      <c r="AE18" s="16">
        <v>6948</v>
      </c>
      <c r="AF18" s="16">
        <v>3223</v>
      </c>
      <c r="AG18" s="16">
        <v>964</v>
      </c>
      <c r="AH18" s="16">
        <v>14955</v>
      </c>
      <c r="AI18" s="17">
        <v>14.16432</v>
      </c>
      <c r="AJ18" s="17">
        <v>58.245640000000002</v>
      </c>
      <c r="AK18" s="17">
        <v>27.590039999999998</v>
      </c>
      <c r="AL18" s="17">
        <v>34.447839999999999</v>
      </c>
      <c r="AM18" s="17">
        <v>12.79832</v>
      </c>
      <c r="AN18" s="17">
        <v>3.8279800000000002</v>
      </c>
      <c r="AO18" s="17">
        <v>1.191E-2</v>
      </c>
      <c r="AP18" s="17">
        <v>59.385300000000001</v>
      </c>
      <c r="AQ18" s="17">
        <v>46.33699</v>
      </c>
      <c r="AR18" s="17">
        <v>48.121079999999999</v>
      </c>
    </row>
    <row r="19" spans="1:44">
      <c r="A19" s="21" t="s">
        <v>394</v>
      </c>
      <c r="B19" s="21" t="s">
        <v>216</v>
      </c>
      <c r="C19" s="21" t="s">
        <v>232</v>
      </c>
      <c r="D19" s="21" t="s">
        <v>233</v>
      </c>
      <c r="E19" s="21" t="s">
        <v>262</v>
      </c>
      <c r="F19" s="16">
        <v>45312875</v>
      </c>
      <c r="G19" s="16">
        <v>1619922</v>
      </c>
      <c r="H19" s="16">
        <v>1764069</v>
      </c>
      <c r="I19" s="16">
        <v>1823290</v>
      </c>
      <c r="J19" s="16">
        <v>1947983</v>
      </c>
      <c r="K19" s="16">
        <v>2251261</v>
      </c>
      <c r="L19" s="16">
        <v>2300478</v>
      </c>
      <c r="M19" s="16">
        <v>2407080</v>
      </c>
      <c r="N19" s="16">
        <v>2668332</v>
      </c>
      <c r="O19" s="16">
        <v>3003593</v>
      </c>
      <c r="P19" s="16">
        <v>3524880</v>
      </c>
      <c r="Q19" s="16">
        <v>3113025</v>
      </c>
      <c r="R19" s="16">
        <v>2718245</v>
      </c>
      <c r="S19" s="16">
        <v>2400412</v>
      </c>
      <c r="T19" s="16">
        <v>2627970</v>
      </c>
      <c r="U19" s="16">
        <v>3105471</v>
      </c>
      <c r="V19" s="16">
        <v>2539739</v>
      </c>
      <c r="W19" s="16">
        <v>1972441</v>
      </c>
      <c r="X19" s="16">
        <v>1407556</v>
      </c>
      <c r="Y19" s="16">
        <v>702722</v>
      </c>
      <c r="Z19" s="16">
        <v>203392</v>
      </c>
      <c r="AA19" s="16">
        <v>34596</v>
      </c>
      <c r="AB19" s="16">
        <v>1176418</v>
      </c>
      <c r="AC19" s="16">
        <v>5207281</v>
      </c>
      <c r="AD19" s="16">
        <v>26335289</v>
      </c>
      <c r="AE19" s="16">
        <v>12593887</v>
      </c>
      <c r="AF19" s="16">
        <v>6860446</v>
      </c>
      <c r="AG19" s="16">
        <v>2348266</v>
      </c>
      <c r="AH19" s="16">
        <v>27015276</v>
      </c>
      <c r="AI19" s="17">
        <v>11.79814</v>
      </c>
      <c r="AJ19" s="17">
        <v>59.667879999999997</v>
      </c>
      <c r="AK19" s="17">
        <v>28.53398</v>
      </c>
      <c r="AL19" s="17">
        <v>33.972589999999997</v>
      </c>
      <c r="AM19" s="17">
        <v>15.54372</v>
      </c>
      <c r="AN19" s="17">
        <v>5.3204700000000003</v>
      </c>
      <c r="AO19" s="17">
        <v>7.8380000000000005E-2</v>
      </c>
      <c r="AP19" s="17">
        <v>61.208530000000003</v>
      </c>
      <c r="AQ19" s="17">
        <v>47.668399999999998</v>
      </c>
      <c r="AR19" s="17">
        <v>48.237220000000001</v>
      </c>
    </row>
    <row r="20" spans="1:44">
      <c r="A20" s="21" t="s">
        <v>394</v>
      </c>
      <c r="B20" s="21" t="s">
        <v>216</v>
      </c>
      <c r="C20" s="21" t="s">
        <v>232</v>
      </c>
      <c r="D20" s="21" t="s">
        <v>237</v>
      </c>
      <c r="E20" s="21" t="s">
        <v>264</v>
      </c>
      <c r="F20" s="16">
        <v>456592</v>
      </c>
      <c r="G20" s="16">
        <v>18220</v>
      </c>
      <c r="H20" s="16">
        <v>19689</v>
      </c>
      <c r="I20" s="16">
        <v>20721</v>
      </c>
      <c r="J20" s="16">
        <v>21986</v>
      </c>
      <c r="K20" s="16">
        <v>21366</v>
      </c>
      <c r="L20" s="16">
        <v>21381</v>
      </c>
      <c r="M20" s="16">
        <v>23319</v>
      </c>
      <c r="N20" s="16">
        <v>26755</v>
      </c>
      <c r="O20" s="16">
        <v>29908</v>
      </c>
      <c r="P20" s="16">
        <v>32570</v>
      </c>
      <c r="Q20" s="16">
        <v>28938</v>
      </c>
      <c r="R20" s="16">
        <v>27589</v>
      </c>
      <c r="S20" s="16">
        <v>26927</v>
      </c>
      <c r="T20" s="16">
        <v>28664</v>
      </c>
      <c r="U20" s="16">
        <v>30034</v>
      </c>
      <c r="V20" s="16">
        <v>22871</v>
      </c>
      <c r="W20" s="16">
        <v>19422</v>
      </c>
      <c r="X20" s="16">
        <v>15248</v>
      </c>
      <c r="Y20" s="16">
        <v>8490</v>
      </c>
      <c r="Z20" s="16">
        <v>2726</v>
      </c>
      <c r="AA20" s="16">
        <v>477</v>
      </c>
      <c r="AB20" s="16">
        <v>9291</v>
      </c>
      <c r="AC20" s="16">
        <v>58630</v>
      </c>
      <c r="AD20" s="16">
        <v>260739</v>
      </c>
      <c r="AE20" s="16">
        <v>127932</v>
      </c>
      <c r="AF20" s="16">
        <v>69234</v>
      </c>
      <c r="AG20" s="16">
        <v>26941</v>
      </c>
      <c r="AH20" s="16">
        <v>267417</v>
      </c>
      <c r="AI20" s="17">
        <v>13.1075</v>
      </c>
      <c r="AJ20" s="17">
        <v>58.291620000000002</v>
      </c>
      <c r="AK20" s="17">
        <v>28.60088</v>
      </c>
      <c r="AL20" s="17">
        <v>34.620759999999997</v>
      </c>
      <c r="AM20" s="17">
        <v>15.47817</v>
      </c>
      <c r="AN20" s="17">
        <v>6.0230100000000002</v>
      </c>
      <c r="AO20" s="17">
        <v>0.10664</v>
      </c>
      <c r="AP20" s="17">
        <v>59.784570000000002</v>
      </c>
      <c r="AQ20" s="17">
        <v>47.361069999999998</v>
      </c>
      <c r="AR20" s="17">
        <v>48.054209999999998</v>
      </c>
    </row>
    <row r="21" spans="1:44">
      <c r="A21" s="21" t="s">
        <v>394</v>
      </c>
      <c r="B21" s="21" t="s">
        <v>216</v>
      </c>
      <c r="C21" s="21" t="s">
        <v>240</v>
      </c>
      <c r="D21" s="21" t="s">
        <v>237</v>
      </c>
      <c r="E21" s="21" t="s">
        <v>265</v>
      </c>
      <c r="F21" s="16">
        <v>29028</v>
      </c>
      <c r="G21" s="16">
        <v>1021</v>
      </c>
      <c r="H21" s="16">
        <v>1251</v>
      </c>
      <c r="I21" s="16">
        <v>1293</v>
      </c>
      <c r="J21" s="16">
        <v>1360</v>
      </c>
      <c r="K21" s="16">
        <v>933</v>
      </c>
      <c r="L21" s="16">
        <v>1057</v>
      </c>
      <c r="M21" s="16">
        <v>1286</v>
      </c>
      <c r="N21" s="16">
        <v>1553</v>
      </c>
      <c r="O21" s="16">
        <v>1759</v>
      </c>
      <c r="P21" s="16">
        <v>1903</v>
      </c>
      <c r="Q21" s="16">
        <v>1800</v>
      </c>
      <c r="R21" s="16">
        <v>1809</v>
      </c>
      <c r="S21" s="16">
        <v>1892</v>
      </c>
      <c r="T21" s="16">
        <v>2101</v>
      </c>
      <c r="U21" s="16">
        <v>2237</v>
      </c>
      <c r="V21" s="16">
        <v>1799</v>
      </c>
      <c r="W21" s="16">
        <v>1530</v>
      </c>
      <c r="X21" s="16">
        <v>1213</v>
      </c>
      <c r="Y21" s="16">
        <v>629</v>
      </c>
      <c r="Z21" s="16">
        <v>195</v>
      </c>
      <c r="AA21" s="16">
        <v>33</v>
      </c>
      <c r="AB21" s="16">
        <v>374</v>
      </c>
      <c r="AC21" s="16">
        <v>3565</v>
      </c>
      <c r="AD21" s="16">
        <v>15352</v>
      </c>
      <c r="AE21" s="16">
        <v>9737</v>
      </c>
      <c r="AF21" s="16">
        <v>5399</v>
      </c>
      <c r="AG21" s="16">
        <v>2070</v>
      </c>
      <c r="AH21" s="16">
        <v>16093</v>
      </c>
      <c r="AI21" s="17">
        <v>12.44154</v>
      </c>
      <c r="AJ21" s="17">
        <v>53.577159999999999</v>
      </c>
      <c r="AK21" s="17">
        <v>33.981290000000001</v>
      </c>
      <c r="AL21" s="17">
        <v>40.584209999999999</v>
      </c>
      <c r="AM21" s="17">
        <v>18.84205</v>
      </c>
      <c r="AN21" s="17">
        <v>7.2241200000000001</v>
      </c>
      <c r="AO21" s="17">
        <v>0.11516999999999999</v>
      </c>
      <c r="AP21" s="17">
        <v>56.16319</v>
      </c>
      <c r="AQ21" s="17">
        <v>50.243139999999997</v>
      </c>
      <c r="AR21" s="17">
        <v>52.505319999999998</v>
      </c>
    </row>
    <row r="22" spans="1:44">
      <c r="A22" s="21" t="s">
        <v>395</v>
      </c>
      <c r="B22" s="21" t="s">
        <v>214</v>
      </c>
      <c r="C22" s="21" t="s">
        <v>232</v>
      </c>
      <c r="D22" s="21" t="s">
        <v>233</v>
      </c>
      <c r="E22" s="21" t="s">
        <v>262</v>
      </c>
      <c r="F22" s="16">
        <v>84387079</v>
      </c>
      <c r="G22" s="16">
        <v>3237599</v>
      </c>
      <c r="H22" s="16">
        <v>3539172</v>
      </c>
      <c r="I22" s="16">
        <v>3672257</v>
      </c>
      <c r="J22" s="16">
        <v>3901743</v>
      </c>
      <c r="K22" s="16">
        <v>4290069</v>
      </c>
      <c r="L22" s="16">
        <v>4355899</v>
      </c>
      <c r="M22" s="16">
        <v>4618104</v>
      </c>
      <c r="N22" s="16">
        <v>5167007</v>
      </c>
      <c r="O22" s="16">
        <v>5862966</v>
      </c>
      <c r="P22" s="16">
        <v>6914097</v>
      </c>
      <c r="Q22" s="16">
        <v>6103219</v>
      </c>
      <c r="R22" s="16">
        <v>5325014</v>
      </c>
      <c r="S22" s="16">
        <v>4655964</v>
      </c>
      <c r="T22" s="16">
        <v>4994996</v>
      </c>
      <c r="U22" s="16">
        <v>5747558</v>
      </c>
      <c r="V22" s="16">
        <v>4521985</v>
      </c>
      <c r="W22" s="16">
        <v>3351678</v>
      </c>
      <c r="X22" s="16">
        <v>2191946</v>
      </c>
      <c r="Y22" s="16">
        <v>978985</v>
      </c>
      <c r="Z22" s="16">
        <v>252420</v>
      </c>
      <c r="AA22" s="16">
        <v>39569</v>
      </c>
      <c r="AB22" s="16">
        <v>664832</v>
      </c>
      <c r="AC22" s="16">
        <v>10449028</v>
      </c>
      <c r="AD22" s="16">
        <v>51194082</v>
      </c>
      <c r="AE22" s="16">
        <v>22079137</v>
      </c>
      <c r="AF22" s="16">
        <v>11336583</v>
      </c>
      <c r="AG22" s="16">
        <v>3462920</v>
      </c>
      <c r="AH22" s="16">
        <v>52287335</v>
      </c>
      <c r="AI22" s="17">
        <v>12.480589999999999</v>
      </c>
      <c r="AJ22" s="17">
        <v>61.147530000000003</v>
      </c>
      <c r="AK22" s="17">
        <v>26.37189</v>
      </c>
      <c r="AL22" s="17">
        <v>31.93309</v>
      </c>
      <c r="AM22" s="17">
        <v>13.540710000000001</v>
      </c>
      <c r="AN22" s="17">
        <v>4.1361999999999997</v>
      </c>
      <c r="AO22" s="17">
        <v>4.7260000000000003E-2</v>
      </c>
      <c r="AP22" s="17">
        <v>62.453330000000001</v>
      </c>
      <c r="AQ22" s="17">
        <v>46.513269999999999</v>
      </c>
      <c r="AR22" s="17">
        <v>47.35042</v>
      </c>
    </row>
    <row r="23" spans="1:44">
      <c r="A23" s="21" t="s">
        <v>395</v>
      </c>
      <c r="B23" s="21" t="s">
        <v>214</v>
      </c>
      <c r="C23" s="21" t="s">
        <v>232</v>
      </c>
      <c r="D23" s="21" t="s">
        <v>237</v>
      </c>
      <c r="E23" s="21" t="s">
        <v>264</v>
      </c>
      <c r="F23" s="16">
        <v>843379</v>
      </c>
      <c r="G23" s="16">
        <v>36994</v>
      </c>
      <c r="H23" s="16">
        <v>40242</v>
      </c>
      <c r="I23" s="16">
        <v>41829</v>
      </c>
      <c r="J23" s="16">
        <v>44936</v>
      </c>
      <c r="K23" s="16">
        <v>41349</v>
      </c>
      <c r="L23" s="16">
        <v>40268</v>
      </c>
      <c r="M23" s="16">
        <v>44740</v>
      </c>
      <c r="N23" s="16">
        <v>51355</v>
      </c>
      <c r="O23" s="16">
        <v>57407</v>
      </c>
      <c r="P23" s="16">
        <v>62322</v>
      </c>
      <c r="Q23" s="16">
        <v>54240</v>
      </c>
      <c r="R23" s="16">
        <v>51953</v>
      </c>
      <c r="S23" s="16">
        <v>51156</v>
      </c>
      <c r="T23" s="16">
        <v>53895</v>
      </c>
      <c r="U23" s="16">
        <v>54818</v>
      </c>
      <c r="V23" s="16">
        <v>39560</v>
      </c>
      <c r="W23" s="16">
        <v>31900</v>
      </c>
      <c r="X23" s="16">
        <v>23415</v>
      </c>
      <c r="Y23" s="16">
        <v>11746</v>
      </c>
      <c r="Z23" s="16">
        <v>3370</v>
      </c>
      <c r="AA23" s="16">
        <v>542</v>
      </c>
      <c r="AB23" s="16">
        <v>5342</v>
      </c>
      <c r="AC23" s="16">
        <v>119065</v>
      </c>
      <c r="AD23" s="16">
        <v>499726</v>
      </c>
      <c r="AE23" s="16">
        <v>219246</v>
      </c>
      <c r="AF23" s="16">
        <v>110533</v>
      </c>
      <c r="AG23" s="16">
        <v>39073</v>
      </c>
      <c r="AH23" s="16">
        <v>508685</v>
      </c>
      <c r="AI23" s="17">
        <v>14.207610000000001</v>
      </c>
      <c r="AJ23" s="17">
        <v>59.630540000000003</v>
      </c>
      <c r="AK23" s="17">
        <v>26.161850000000001</v>
      </c>
      <c r="AL23" s="17">
        <v>32.266120000000001</v>
      </c>
      <c r="AM23" s="17">
        <v>13.18951</v>
      </c>
      <c r="AN23" s="17">
        <v>4.6624400000000001</v>
      </c>
      <c r="AO23" s="17">
        <v>6.4670000000000005E-2</v>
      </c>
      <c r="AP23" s="17">
        <v>60.699590000000001</v>
      </c>
      <c r="AQ23" s="17">
        <v>45.777140000000003</v>
      </c>
      <c r="AR23" s="17">
        <v>46.585439999999998</v>
      </c>
    </row>
    <row r="24" spans="1:44">
      <c r="A24" s="21" t="s">
        <v>395</v>
      </c>
      <c r="B24" s="21" t="s">
        <v>214</v>
      </c>
      <c r="C24" s="21" t="s">
        <v>240</v>
      </c>
      <c r="D24" s="21" t="s">
        <v>237</v>
      </c>
      <c r="E24" s="21" t="s">
        <v>265</v>
      </c>
      <c r="F24" s="16">
        <v>53519</v>
      </c>
      <c r="G24" s="16">
        <v>2040</v>
      </c>
      <c r="H24" s="16">
        <v>2456</v>
      </c>
      <c r="I24" s="16">
        <v>2616</v>
      </c>
      <c r="J24" s="16">
        <v>2904</v>
      </c>
      <c r="K24" s="16">
        <v>1849</v>
      </c>
      <c r="L24" s="16">
        <v>2042</v>
      </c>
      <c r="M24" s="16">
        <v>2449</v>
      </c>
      <c r="N24" s="16">
        <v>2973</v>
      </c>
      <c r="O24" s="16">
        <v>3320</v>
      </c>
      <c r="P24" s="16">
        <v>3640</v>
      </c>
      <c r="Q24" s="16">
        <v>3383</v>
      </c>
      <c r="R24" s="16">
        <v>3406</v>
      </c>
      <c r="S24" s="16">
        <v>3609</v>
      </c>
      <c r="T24" s="16">
        <v>3940</v>
      </c>
      <c r="U24" s="16">
        <v>4109</v>
      </c>
      <c r="V24" s="16">
        <v>3106</v>
      </c>
      <c r="W24" s="16">
        <v>2478</v>
      </c>
      <c r="X24" s="16">
        <v>1889</v>
      </c>
      <c r="Y24" s="16">
        <v>880</v>
      </c>
      <c r="Z24" s="16">
        <v>228</v>
      </c>
      <c r="AA24" s="16">
        <v>36</v>
      </c>
      <c r="AB24" s="16">
        <v>166</v>
      </c>
      <c r="AC24" s="16">
        <v>7112</v>
      </c>
      <c r="AD24" s="16">
        <v>29575</v>
      </c>
      <c r="AE24" s="16">
        <v>16666</v>
      </c>
      <c r="AF24" s="16">
        <v>8617</v>
      </c>
      <c r="AG24" s="16">
        <v>3033</v>
      </c>
      <c r="AH24" s="16">
        <v>30611</v>
      </c>
      <c r="AI24" s="17">
        <v>13.330080000000001</v>
      </c>
      <c r="AJ24" s="17">
        <v>55.432679999999998</v>
      </c>
      <c r="AK24" s="17">
        <v>31.23723</v>
      </c>
      <c r="AL24" s="17">
        <v>38.001609999999999</v>
      </c>
      <c r="AM24" s="17">
        <v>16.150919999999999</v>
      </c>
      <c r="AN24" s="17">
        <v>5.6847799999999999</v>
      </c>
      <c r="AO24" s="17">
        <v>6.7479999999999998E-2</v>
      </c>
      <c r="AP24" s="17">
        <v>57.374470000000002</v>
      </c>
      <c r="AQ24" s="17">
        <v>48.531210000000002</v>
      </c>
      <c r="AR24" s="17">
        <v>50.556750000000001</v>
      </c>
    </row>
    <row r="25" spans="1:44">
      <c r="A25" s="21" t="s">
        <v>395</v>
      </c>
      <c r="B25" s="21" t="s">
        <v>215</v>
      </c>
      <c r="C25" s="21" t="s">
        <v>232</v>
      </c>
      <c r="D25" s="21" t="s">
        <v>233</v>
      </c>
      <c r="E25" s="21" t="s">
        <v>262</v>
      </c>
      <c r="F25" s="16">
        <v>41040166</v>
      </c>
      <c r="G25" s="16">
        <v>1656442</v>
      </c>
      <c r="H25" s="16">
        <v>1810459</v>
      </c>
      <c r="I25" s="16">
        <v>1877762</v>
      </c>
      <c r="J25" s="16">
        <v>1988490</v>
      </c>
      <c r="K25" s="16">
        <v>2156632</v>
      </c>
      <c r="L25" s="16">
        <v>2185903</v>
      </c>
      <c r="M25" s="16">
        <v>2328672</v>
      </c>
      <c r="N25" s="16">
        <v>2603604</v>
      </c>
      <c r="O25" s="16">
        <v>2949703</v>
      </c>
      <c r="P25" s="16">
        <v>3471831</v>
      </c>
      <c r="Q25" s="16">
        <v>3066166</v>
      </c>
      <c r="R25" s="16">
        <v>2664118</v>
      </c>
      <c r="S25" s="16">
        <v>2294995</v>
      </c>
      <c r="T25" s="16">
        <v>2396014</v>
      </c>
      <c r="U25" s="16">
        <v>2663542</v>
      </c>
      <c r="V25" s="16">
        <v>1998623</v>
      </c>
      <c r="W25" s="16">
        <v>1390843</v>
      </c>
      <c r="X25" s="16">
        <v>791397</v>
      </c>
      <c r="Y25" s="16">
        <v>279225</v>
      </c>
      <c r="Z25" s="16">
        <v>49819</v>
      </c>
      <c r="AA25" s="16">
        <v>5101</v>
      </c>
      <c r="AB25" s="16">
        <v>410825</v>
      </c>
      <c r="AC25" s="16">
        <v>5344663</v>
      </c>
      <c r="AD25" s="16">
        <v>25710114</v>
      </c>
      <c r="AE25" s="16">
        <v>9574564</v>
      </c>
      <c r="AF25" s="16">
        <v>4515008</v>
      </c>
      <c r="AG25" s="16">
        <v>1125542</v>
      </c>
      <c r="AH25" s="16">
        <v>26117638</v>
      </c>
      <c r="AI25" s="17">
        <v>13.15469</v>
      </c>
      <c r="AJ25" s="17">
        <v>63.279670000000003</v>
      </c>
      <c r="AK25" s="17">
        <v>23.565639999999998</v>
      </c>
      <c r="AL25" s="17">
        <v>29.21425</v>
      </c>
      <c r="AM25" s="17">
        <v>11.112679999999999</v>
      </c>
      <c r="AN25" s="17">
        <v>2.77027</v>
      </c>
      <c r="AO25" s="17">
        <v>1.255E-2</v>
      </c>
      <c r="AP25" s="17">
        <v>64.282700000000006</v>
      </c>
      <c r="AQ25" s="17">
        <v>45.036499999999997</v>
      </c>
      <c r="AR25" s="17">
        <v>46.134740000000001</v>
      </c>
    </row>
    <row r="26" spans="1:44">
      <c r="A26" s="21" t="s">
        <v>395</v>
      </c>
      <c r="B26" s="21" t="s">
        <v>215</v>
      </c>
      <c r="C26" s="21" t="s">
        <v>232</v>
      </c>
      <c r="D26" s="21" t="s">
        <v>237</v>
      </c>
      <c r="E26" s="21" t="s">
        <v>264</v>
      </c>
      <c r="F26" s="16">
        <v>397991</v>
      </c>
      <c r="G26" s="16">
        <v>18871</v>
      </c>
      <c r="H26" s="16">
        <v>20663</v>
      </c>
      <c r="I26" s="16">
        <v>21189</v>
      </c>
      <c r="J26" s="16">
        <v>23067</v>
      </c>
      <c r="K26" s="16">
        <v>20590</v>
      </c>
      <c r="L26" s="16">
        <v>19469</v>
      </c>
      <c r="M26" s="16">
        <v>21809</v>
      </c>
      <c r="N26" s="16">
        <v>24943</v>
      </c>
      <c r="O26" s="16">
        <v>27817</v>
      </c>
      <c r="P26" s="16">
        <v>30101</v>
      </c>
      <c r="Q26" s="16">
        <v>25578</v>
      </c>
      <c r="R26" s="16">
        <v>24524</v>
      </c>
      <c r="S26" s="16">
        <v>24345</v>
      </c>
      <c r="T26" s="16">
        <v>25305</v>
      </c>
      <c r="U26" s="16">
        <v>24865</v>
      </c>
      <c r="V26" s="16">
        <v>16727</v>
      </c>
      <c r="W26" s="16">
        <v>12530</v>
      </c>
      <c r="X26" s="16">
        <v>8186</v>
      </c>
      <c r="Y26" s="16">
        <v>3278</v>
      </c>
      <c r="Z26" s="16">
        <v>646</v>
      </c>
      <c r="AA26" s="16">
        <v>65</v>
      </c>
      <c r="AB26" s="16">
        <v>3423</v>
      </c>
      <c r="AC26" s="16">
        <v>60723</v>
      </c>
      <c r="AD26" s="16">
        <v>242243</v>
      </c>
      <c r="AE26" s="16">
        <v>91602</v>
      </c>
      <c r="AF26" s="16">
        <v>41432</v>
      </c>
      <c r="AG26" s="16">
        <v>12175</v>
      </c>
      <c r="AH26" s="16">
        <v>244481</v>
      </c>
      <c r="AI26" s="17">
        <v>15.38974</v>
      </c>
      <c r="AJ26" s="17">
        <v>61.394489999999998</v>
      </c>
      <c r="AK26" s="17">
        <v>23.215769999999999</v>
      </c>
      <c r="AL26" s="17">
        <v>29.385809999999999</v>
      </c>
      <c r="AM26" s="17">
        <v>10.5006</v>
      </c>
      <c r="AN26" s="17">
        <v>3.0856499999999998</v>
      </c>
      <c r="AO26" s="17">
        <v>1.6469999999999999E-2</v>
      </c>
      <c r="AP26" s="17">
        <v>61.961689999999997</v>
      </c>
      <c r="AQ26" s="17">
        <v>43.897239999999996</v>
      </c>
      <c r="AR26" s="17">
        <v>44.809699999999999</v>
      </c>
    </row>
    <row r="27" spans="1:44">
      <c r="A27" s="21" t="s">
        <v>395</v>
      </c>
      <c r="B27" s="21" t="s">
        <v>215</v>
      </c>
      <c r="C27" s="21" t="s">
        <v>240</v>
      </c>
      <c r="D27" s="21" t="s">
        <v>237</v>
      </c>
      <c r="E27" s="21" t="s">
        <v>265</v>
      </c>
      <c r="F27" s="16">
        <v>25122</v>
      </c>
      <c r="G27" s="16">
        <v>1022</v>
      </c>
      <c r="H27" s="16">
        <v>1209</v>
      </c>
      <c r="I27" s="16">
        <v>1325</v>
      </c>
      <c r="J27" s="16">
        <v>1550</v>
      </c>
      <c r="K27" s="16">
        <v>946</v>
      </c>
      <c r="L27" s="16">
        <v>1027</v>
      </c>
      <c r="M27" s="16">
        <v>1203</v>
      </c>
      <c r="N27" s="16">
        <v>1457</v>
      </c>
      <c r="O27" s="16">
        <v>1588</v>
      </c>
      <c r="P27" s="16">
        <v>1770</v>
      </c>
      <c r="Q27" s="16">
        <v>1624</v>
      </c>
      <c r="R27" s="16">
        <v>1616</v>
      </c>
      <c r="S27" s="16">
        <v>1724</v>
      </c>
      <c r="T27" s="16">
        <v>1844</v>
      </c>
      <c r="U27" s="16">
        <v>1874</v>
      </c>
      <c r="V27" s="16">
        <v>1308</v>
      </c>
      <c r="W27" s="16">
        <v>949</v>
      </c>
      <c r="X27" s="16">
        <v>677</v>
      </c>
      <c r="Y27" s="16">
        <v>251</v>
      </c>
      <c r="Z27" s="16">
        <v>33</v>
      </c>
      <c r="AA27" s="16">
        <v>3</v>
      </c>
      <c r="AB27" s="16">
        <v>122</v>
      </c>
      <c r="AC27" s="16">
        <v>3556</v>
      </c>
      <c r="AD27" s="16">
        <v>14505</v>
      </c>
      <c r="AE27" s="16">
        <v>6939</v>
      </c>
      <c r="AF27" s="16">
        <v>3221</v>
      </c>
      <c r="AG27" s="16">
        <v>964</v>
      </c>
      <c r="AH27" s="16">
        <v>14799</v>
      </c>
      <c r="AI27" s="17">
        <v>14.224</v>
      </c>
      <c r="AJ27" s="17">
        <v>58.02</v>
      </c>
      <c r="AK27" s="17">
        <v>27.756</v>
      </c>
      <c r="AL27" s="17">
        <v>34.652000000000001</v>
      </c>
      <c r="AM27" s="17">
        <v>12.884</v>
      </c>
      <c r="AN27" s="17">
        <v>3.8559999999999999</v>
      </c>
      <c r="AO27" s="17">
        <v>1.2E-2</v>
      </c>
      <c r="AP27" s="17">
        <v>59.195999999999998</v>
      </c>
      <c r="AQ27" s="17">
        <v>46.455919999999999</v>
      </c>
      <c r="AR27" s="17">
        <v>48.341880000000003</v>
      </c>
    </row>
    <row r="28" spans="1:44">
      <c r="A28" s="21" t="s">
        <v>395</v>
      </c>
      <c r="B28" s="21" t="s">
        <v>216</v>
      </c>
      <c r="C28" s="21" t="s">
        <v>232</v>
      </c>
      <c r="D28" s="21" t="s">
        <v>233</v>
      </c>
      <c r="E28" s="21" t="s">
        <v>262</v>
      </c>
      <c r="F28" s="16">
        <v>43346913</v>
      </c>
      <c r="G28" s="16">
        <v>1581157</v>
      </c>
      <c r="H28" s="16">
        <v>1728713</v>
      </c>
      <c r="I28" s="16">
        <v>1794495</v>
      </c>
      <c r="J28" s="16">
        <v>1913253</v>
      </c>
      <c r="K28" s="16">
        <v>2133437</v>
      </c>
      <c r="L28" s="16">
        <v>2169996</v>
      </c>
      <c r="M28" s="16">
        <v>2289432</v>
      </c>
      <c r="N28" s="16">
        <v>2563403</v>
      </c>
      <c r="O28" s="16">
        <v>2913263</v>
      </c>
      <c r="P28" s="16">
        <v>3442266</v>
      </c>
      <c r="Q28" s="16">
        <v>3037053</v>
      </c>
      <c r="R28" s="16">
        <v>2660896</v>
      </c>
      <c r="S28" s="16">
        <v>2360969</v>
      </c>
      <c r="T28" s="16">
        <v>2598982</v>
      </c>
      <c r="U28" s="16">
        <v>3084016</v>
      </c>
      <c r="V28" s="16">
        <v>2523362</v>
      </c>
      <c r="W28" s="16">
        <v>1960835</v>
      </c>
      <c r="X28" s="16">
        <v>1400549</v>
      </c>
      <c r="Y28" s="16">
        <v>699760</v>
      </c>
      <c r="Z28" s="16">
        <v>202601</v>
      </c>
      <c r="AA28" s="16">
        <v>34468</v>
      </c>
      <c r="AB28" s="16">
        <v>254007</v>
      </c>
      <c r="AC28" s="16">
        <v>5104365</v>
      </c>
      <c r="AD28" s="16">
        <v>25483968</v>
      </c>
      <c r="AE28" s="16">
        <v>12504573</v>
      </c>
      <c r="AF28" s="16">
        <v>6821575</v>
      </c>
      <c r="AG28" s="16">
        <v>2337378</v>
      </c>
      <c r="AH28" s="16">
        <v>26169697</v>
      </c>
      <c r="AI28" s="17">
        <v>11.84502</v>
      </c>
      <c r="AJ28" s="17">
        <v>59.137270000000001</v>
      </c>
      <c r="AK28" s="17">
        <v>29.017710000000001</v>
      </c>
      <c r="AL28" s="17">
        <v>34.496490000000001</v>
      </c>
      <c r="AM28" s="17">
        <v>15.829929999999999</v>
      </c>
      <c r="AN28" s="17">
        <v>5.4240399999999998</v>
      </c>
      <c r="AO28" s="17">
        <v>7.9990000000000006E-2</v>
      </c>
      <c r="AP28" s="17">
        <v>60.728549999999998</v>
      </c>
      <c r="AQ28" s="17">
        <v>47.905630000000002</v>
      </c>
      <c r="AR28" s="17">
        <v>48.566429999999997</v>
      </c>
    </row>
    <row r="29" spans="1:44">
      <c r="A29" s="21" t="s">
        <v>395</v>
      </c>
      <c r="B29" s="21" t="s">
        <v>216</v>
      </c>
      <c r="C29" s="21" t="s">
        <v>232</v>
      </c>
      <c r="D29" s="21" t="s">
        <v>237</v>
      </c>
      <c r="E29" s="21" t="s">
        <v>264</v>
      </c>
      <c r="F29" s="16">
        <v>445388</v>
      </c>
      <c r="G29" s="16">
        <v>18123</v>
      </c>
      <c r="H29" s="16">
        <v>19579</v>
      </c>
      <c r="I29" s="16">
        <v>20640</v>
      </c>
      <c r="J29" s="16">
        <v>21869</v>
      </c>
      <c r="K29" s="16">
        <v>20759</v>
      </c>
      <c r="L29" s="16">
        <v>20799</v>
      </c>
      <c r="M29" s="16">
        <v>22931</v>
      </c>
      <c r="N29" s="16">
        <v>26412</v>
      </c>
      <c r="O29" s="16">
        <v>29590</v>
      </c>
      <c r="P29" s="16">
        <v>32221</v>
      </c>
      <c r="Q29" s="16">
        <v>28662</v>
      </c>
      <c r="R29" s="16">
        <v>27429</v>
      </c>
      <c r="S29" s="16">
        <v>26811</v>
      </c>
      <c r="T29" s="16">
        <v>28590</v>
      </c>
      <c r="U29" s="16">
        <v>29953</v>
      </c>
      <c r="V29" s="16">
        <v>22833</v>
      </c>
      <c r="W29" s="16">
        <v>19370</v>
      </c>
      <c r="X29" s="16">
        <v>15229</v>
      </c>
      <c r="Y29" s="16">
        <v>8468</v>
      </c>
      <c r="Z29" s="16">
        <v>2724</v>
      </c>
      <c r="AA29" s="16">
        <v>477</v>
      </c>
      <c r="AB29" s="16">
        <v>1919</v>
      </c>
      <c r="AC29" s="16">
        <v>58342</v>
      </c>
      <c r="AD29" s="16">
        <v>257483</v>
      </c>
      <c r="AE29" s="16">
        <v>127644</v>
      </c>
      <c r="AF29" s="16">
        <v>69101</v>
      </c>
      <c r="AG29" s="16">
        <v>26898</v>
      </c>
      <c r="AH29" s="16">
        <v>264204</v>
      </c>
      <c r="AI29" s="17">
        <v>13.15582</v>
      </c>
      <c r="AJ29" s="17">
        <v>58.061100000000003</v>
      </c>
      <c r="AK29" s="17">
        <v>28.783069999999999</v>
      </c>
      <c r="AL29" s="17">
        <v>34.82882</v>
      </c>
      <c r="AM29" s="17">
        <v>15.58192</v>
      </c>
      <c r="AN29" s="17">
        <v>6.0653600000000001</v>
      </c>
      <c r="AO29" s="17">
        <v>0.10756</v>
      </c>
      <c r="AP29" s="17">
        <v>59.576659999999997</v>
      </c>
      <c r="AQ29" s="17">
        <v>47.449739999999998</v>
      </c>
      <c r="AR29" s="17">
        <v>48.200229999999998</v>
      </c>
    </row>
    <row r="30" spans="1:44">
      <c r="A30" s="21" t="s">
        <v>395</v>
      </c>
      <c r="B30" s="21" t="s">
        <v>216</v>
      </c>
      <c r="C30" s="21" t="s">
        <v>240</v>
      </c>
      <c r="D30" s="21" t="s">
        <v>237</v>
      </c>
      <c r="E30" s="21" t="s">
        <v>265</v>
      </c>
      <c r="F30" s="16">
        <v>28397</v>
      </c>
      <c r="G30" s="16">
        <v>1018</v>
      </c>
      <c r="H30" s="16">
        <v>1247</v>
      </c>
      <c r="I30" s="16">
        <v>1291</v>
      </c>
      <c r="J30" s="16">
        <v>1354</v>
      </c>
      <c r="K30" s="16">
        <v>903</v>
      </c>
      <c r="L30" s="16">
        <v>1015</v>
      </c>
      <c r="M30" s="16">
        <v>1246</v>
      </c>
      <c r="N30" s="16">
        <v>1516</v>
      </c>
      <c r="O30" s="16">
        <v>1732</v>
      </c>
      <c r="P30" s="16">
        <v>1870</v>
      </c>
      <c r="Q30" s="16">
        <v>1759</v>
      </c>
      <c r="R30" s="16">
        <v>1790</v>
      </c>
      <c r="S30" s="16">
        <v>1885</v>
      </c>
      <c r="T30" s="16">
        <v>2096</v>
      </c>
      <c r="U30" s="16">
        <v>2235</v>
      </c>
      <c r="V30" s="16">
        <v>1798</v>
      </c>
      <c r="W30" s="16">
        <v>1529</v>
      </c>
      <c r="X30" s="16">
        <v>1212</v>
      </c>
      <c r="Y30" s="16">
        <v>629</v>
      </c>
      <c r="Z30" s="16">
        <v>195</v>
      </c>
      <c r="AA30" s="16">
        <v>33</v>
      </c>
      <c r="AB30" s="16">
        <v>44</v>
      </c>
      <c r="AC30" s="16">
        <v>3556</v>
      </c>
      <c r="AD30" s="16">
        <v>15070</v>
      </c>
      <c r="AE30" s="16">
        <v>9727</v>
      </c>
      <c r="AF30" s="16">
        <v>5396</v>
      </c>
      <c r="AG30" s="16">
        <v>2069</v>
      </c>
      <c r="AH30" s="16">
        <v>15812</v>
      </c>
      <c r="AI30" s="17">
        <v>12.541880000000001</v>
      </c>
      <c r="AJ30" s="17">
        <v>53.151339999999998</v>
      </c>
      <c r="AK30" s="17">
        <v>34.306780000000003</v>
      </c>
      <c r="AL30" s="17">
        <v>40.955100000000002</v>
      </c>
      <c r="AM30" s="17">
        <v>19.031500000000001</v>
      </c>
      <c r="AN30" s="17">
        <v>7.2972900000000003</v>
      </c>
      <c r="AO30" s="17">
        <v>0.11638999999999999</v>
      </c>
      <c r="AP30" s="17">
        <v>55.768349999999998</v>
      </c>
      <c r="AQ30" s="17">
        <v>50.361069999999998</v>
      </c>
      <c r="AR30" s="17">
        <v>52.77284999999999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6" orientation="portrait" r:id="rId1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1538EA-7943-4C38-9CFA-C3BA56F1FBD2}">
  <sheetPr>
    <pageSetUpPr fitToPage="1"/>
  </sheetPr>
  <dimension ref="A1:AQ13"/>
  <sheetViews>
    <sheetView zoomScaleNormal="100" workbookViewId="0">
      <pane xSplit="3" ySplit="10" topLeftCell="D11" activePane="bottomRight" state="frozen"/>
      <selection pane="topRight" activeCell="N1" sqref="N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16384" width="12.625" style="20"/>
  </cols>
  <sheetData>
    <row r="1" spans="1:43" s="11" customFormat="1">
      <c r="A1" s="11" t="s">
        <v>192</v>
      </c>
    </row>
    <row r="2" spans="1:43" s="11" customFormat="1">
      <c r="A2" s="11" t="s">
        <v>741</v>
      </c>
    </row>
    <row r="3" spans="1:43" s="11" customFormat="1"/>
    <row r="4" spans="1:43" s="11" customFormat="1" outlineLevel="1">
      <c r="A4" s="11" t="s">
        <v>556</v>
      </c>
    </row>
    <row r="5" spans="1:43" s="11" customFormat="1" ht="24">
      <c r="D5" s="12" t="s">
        <v>742</v>
      </c>
      <c r="E5" s="12" t="s">
        <v>742</v>
      </c>
      <c r="F5" s="12" t="s">
        <v>742</v>
      </c>
      <c r="G5" s="12" t="s">
        <v>742</v>
      </c>
      <c r="H5" s="12" t="s">
        <v>742</v>
      </c>
      <c r="I5" s="12" t="s">
        <v>742</v>
      </c>
      <c r="J5" s="12" t="s">
        <v>742</v>
      </c>
      <c r="K5" s="12" t="s">
        <v>742</v>
      </c>
      <c r="L5" s="12" t="s">
        <v>742</v>
      </c>
      <c r="M5" s="12" t="s">
        <v>742</v>
      </c>
      <c r="N5" s="12" t="s">
        <v>742</v>
      </c>
      <c r="O5" s="12" t="s">
        <v>742</v>
      </c>
      <c r="P5" s="12" t="s">
        <v>742</v>
      </c>
      <c r="Q5" s="12" t="s">
        <v>742</v>
      </c>
      <c r="R5" s="12" t="s">
        <v>742</v>
      </c>
      <c r="S5" s="12" t="s">
        <v>742</v>
      </c>
      <c r="T5" s="12" t="s">
        <v>742</v>
      </c>
      <c r="U5" s="12" t="s">
        <v>742</v>
      </c>
      <c r="V5" s="12" t="s">
        <v>742</v>
      </c>
      <c r="W5" s="12" t="s">
        <v>742</v>
      </c>
      <c r="X5" s="12" t="s">
        <v>742</v>
      </c>
      <c r="Y5" s="12" t="s">
        <v>742</v>
      </c>
      <c r="Z5" s="12" t="s">
        <v>742</v>
      </c>
      <c r="AA5" s="12" t="s">
        <v>742</v>
      </c>
      <c r="AB5" s="12" t="s">
        <v>742</v>
      </c>
      <c r="AC5" s="12" t="s">
        <v>742</v>
      </c>
      <c r="AD5" s="12" t="s">
        <v>742</v>
      </c>
      <c r="AE5" s="12" t="s">
        <v>742</v>
      </c>
      <c r="AF5" s="12" t="s">
        <v>742</v>
      </c>
      <c r="AG5" s="12" t="s">
        <v>742</v>
      </c>
      <c r="AH5" s="12" t="s">
        <v>742</v>
      </c>
      <c r="AI5" s="12" t="s">
        <v>742</v>
      </c>
      <c r="AJ5" s="12" t="s">
        <v>742</v>
      </c>
      <c r="AK5" s="12" t="s">
        <v>742</v>
      </c>
      <c r="AL5" s="12" t="s">
        <v>742</v>
      </c>
      <c r="AM5" s="12" t="s">
        <v>742</v>
      </c>
      <c r="AN5" s="12" t="s">
        <v>742</v>
      </c>
      <c r="AO5" s="12" t="s">
        <v>742</v>
      </c>
      <c r="AP5" s="12" t="s">
        <v>742</v>
      </c>
      <c r="AQ5" s="12" t="s">
        <v>742</v>
      </c>
    </row>
    <row r="6" spans="1:43" s="11" customFormat="1" ht="24">
      <c r="D6" s="12" t="s">
        <v>563</v>
      </c>
      <c r="E6" s="12" t="s">
        <v>563</v>
      </c>
      <c r="F6" s="12" t="s">
        <v>563</v>
      </c>
      <c r="G6" s="12" t="s">
        <v>563</v>
      </c>
      <c r="H6" s="12" t="s">
        <v>563</v>
      </c>
      <c r="I6" s="12" t="s">
        <v>563</v>
      </c>
      <c r="J6" s="12" t="s">
        <v>563</v>
      </c>
      <c r="K6" s="12" t="s">
        <v>563</v>
      </c>
      <c r="L6" s="12" t="s">
        <v>563</v>
      </c>
      <c r="M6" s="12" t="s">
        <v>563</v>
      </c>
      <c r="N6" s="12" t="s">
        <v>563</v>
      </c>
      <c r="O6" s="12" t="s">
        <v>563</v>
      </c>
      <c r="P6" s="12" t="s">
        <v>563</v>
      </c>
      <c r="Q6" s="12" t="s">
        <v>563</v>
      </c>
      <c r="R6" s="12" t="s">
        <v>563</v>
      </c>
      <c r="S6" s="12" t="s">
        <v>563</v>
      </c>
      <c r="T6" s="12" t="s">
        <v>563</v>
      </c>
      <c r="U6" s="12" t="s">
        <v>563</v>
      </c>
      <c r="V6" s="12" t="s">
        <v>563</v>
      </c>
      <c r="W6" s="12" t="s">
        <v>563</v>
      </c>
      <c r="X6" s="12" t="s">
        <v>563</v>
      </c>
      <c r="Y6" s="12" t="s">
        <v>563</v>
      </c>
      <c r="Z6" s="12" t="s">
        <v>563</v>
      </c>
      <c r="AA6" s="12" t="s">
        <v>563</v>
      </c>
      <c r="AB6" s="12" t="s">
        <v>563</v>
      </c>
      <c r="AC6" s="12" t="s">
        <v>563</v>
      </c>
      <c r="AD6" s="12" t="s">
        <v>563</v>
      </c>
      <c r="AE6" s="12" t="s">
        <v>563</v>
      </c>
      <c r="AF6" s="12" t="s">
        <v>563</v>
      </c>
      <c r="AG6" s="12" t="s">
        <v>563</v>
      </c>
      <c r="AH6" s="12" t="s">
        <v>563</v>
      </c>
      <c r="AI6" s="12" t="s">
        <v>563</v>
      </c>
      <c r="AJ6" s="12" t="s">
        <v>563</v>
      </c>
      <c r="AK6" s="12" t="s">
        <v>563</v>
      </c>
      <c r="AL6" s="12" t="s">
        <v>563</v>
      </c>
      <c r="AM6" s="12" t="s">
        <v>563</v>
      </c>
      <c r="AN6" s="12" t="s">
        <v>563</v>
      </c>
      <c r="AO6" s="12" t="s">
        <v>563</v>
      </c>
      <c r="AP6" s="12" t="s">
        <v>563</v>
      </c>
      <c r="AQ6" s="12" t="s">
        <v>563</v>
      </c>
    </row>
    <row r="7" spans="1:43" s="11" customFormat="1">
      <c r="D7" s="12">
        <v>1</v>
      </c>
      <c r="E7" s="12">
        <v>1</v>
      </c>
      <c r="F7" s="12">
        <v>2</v>
      </c>
      <c r="G7" s="12">
        <v>3</v>
      </c>
      <c r="H7" s="12">
        <v>3</v>
      </c>
      <c r="I7" s="12">
        <v>3</v>
      </c>
      <c r="J7" s="12">
        <v>3</v>
      </c>
      <c r="K7" s="12">
        <v>2</v>
      </c>
      <c r="L7" s="12">
        <v>3</v>
      </c>
      <c r="M7" s="12">
        <v>4</v>
      </c>
      <c r="N7" s="12">
        <v>4</v>
      </c>
      <c r="O7" s="12">
        <v>3</v>
      </c>
      <c r="P7" s="12">
        <v>4</v>
      </c>
      <c r="Q7" s="12">
        <v>4</v>
      </c>
      <c r="R7" s="12">
        <v>3</v>
      </c>
      <c r="S7" s="12">
        <v>4</v>
      </c>
      <c r="T7" s="12">
        <v>4</v>
      </c>
      <c r="U7" s="12">
        <v>3</v>
      </c>
      <c r="V7" s="12">
        <v>4</v>
      </c>
      <c r="W7" s="12">
        <v>4</v>
      </c>
      <c r="X7" s="12">
        <v>3</v>
      </c>
      <c r="Y7" s="12">
        <v>3</v>
      </c>
      <c r="Z7" s="12">
        <v>3</v>
      </c>
      <c r="AA7" s="12">
        <v>4</v>
      </c>
      <c r="AB7" s="12">
        <v>4</v>
      </c>
      <c r="AC7" s="12">
        <v>3</v>
      </c>
      <c r="AD7" s="12">
        <v>4</v>
      </c>
      <c r="AE7" s="12">
        <v>4</v>
      </c>
      <c r="AF7" s="12">
        <v>3</v>
      </c>
      <c r="AG7" s="12">
        <v>3</v>
      </c>
      <c r="AH7" s="12">
        <v>1</v>
      </c>
      <c r="AI7" s="12">
        <v>1</v>
      </c>
      <c r="AJ7" s="12">
        <v>1</v>
      </c>
      <c r="AK7" s="12">
        <v>1</v>
      </c>
      <c r="AL7" s="12">
        <v>1</v>
      </c>
      <c r="AM7" s="12">
        <v>1</v>
      </c>
      <c r="AN7" s="12">
        <v>1</v>
      </c>
      <c r="AO7" s="12">
        <v>1</v>
      </c>
      <c r="AP7" s="12">
        <v>1</v>
      </c>
      <c r="AQ7" s="12">
        <v>1</v>
      </c>
    </row>
    <row r="8" spans="1:43" s="11" customFormat="1" ht="60">
      <c r="D8" s="12" t="s">
        <v>214</v>
      </c>
      <c r="E8" s="12" t="s">
        <v>564</v>
      </c>
      <c r="F8" s="12" t="s">
        <v>565</v>
      </c>
      <c r="G8" s="12" t="s">
        <v>566</v>
      </c>
      <c r="H8" s="12" t="s">
        <v>567</v>
      </c>
      <c r="I8" s="12" t="s">
        <v>568</v>
      </c>
      <c r="J8" s="12" t="s">
        <v>569</v>
      </c>
      <c r="K8" s="12" t="s">
        <v>570</v>
      </c>
      <c r="L8" s="12" t="s">
        <v>571</v>
      </c>
      <c r="M8" s="12" t="s">
        <v>573</v>
      </c>
      <c r="N8" s="12" t="s">
        <v>574</v>
      </c>
      <c r="O8" s="12" t="s">
        <v>575</v>
      </c>
      <c r="P8" s="12" t="s">
        <v>576</v>
      </c>
      <c r="Q8" s="12" t="s">
        <v>577</v>
      </c>
      <c r="R8" s="12" t="s">
        <v>578</v>
      </c>
      <c r="S8" s="12" t="s">
        <v>579</v>
      </c>
      <c r="T8" s="12" t="s">
        <v>580</v>
      </c>
      <c r="U8" s="12" t="s">
        <v>581</v>
      </c>
      <c r="V8" s="12" t="s">
        <v>582</v>
      </c>
      <c r="W8" s="12" t="s">
        <v>583</v>
      </c>
      <c r="X8" s="12" t="s">
        <v>584</v>
      </c>
      <c r="Y8" s="12" t="s">
        <v>585</v>
      </c>
      <c r="Z8" s="12" t="s">
        <v>586</v>
      </c>
      <c r="AA8" s="12" t="s">
        <v>587</v>
      </c>
      <c r="AB8" s="12" t="s">
        <v>588</v>
      </c>
      <c r="AC8" s="12" t="s">
        <v>589</v>
      </c>
      <c r="AD8" s="12" t="s">
        <v>590</v>
      </c>
      <c r="AE8" s="12" t="s">
        <v>591</v>
      </c>
      <c r="AF8" s="12" t="s">
        <v>592</v>
      </c>
      <c r="AG8" s="12" t="s">
        <v>593</v>
      </c>
      <c r="AH8" s="12" t="s">
        <v>594</v>
      </c>
      <c r="AI8" s="12" t="s">
        <v>595</v>
      </c>
      <c r="AJ8" s="12" t="s">
        <v>596</v>
      </c>
      <c r="AK8" s="12" t="s">
        <v>597</v>
      </c>
      <c r="AL8" s="12" t="s">
        <v>598</v>
      </c>
      <c r="AM8" s="12" t="s">
        <v>599</v>
      </c>
      <c r="AN8" s="12" t="s">
        <v>600</v>
      </c>
      <c r="AO8" s="12" t="s">
        <v>601</v>
      </c>
      <c r="AP8" s="12" t="s">
        <v>602</v>
      </c>
      <c r="AQ8" s="12" t="s">
        <v>603</v>
      </c>
    </row>
    <row r="9" spans="1:43" s="11" customFormat="1">
      <c r="D9" s="13" t="s">
        <v>219</v>
      </c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  <c r="V9" s="13" t="s">
        <v>219</v>
      </c>
      <c r="W9" s="13" t="s">
        <v>219</v>
      </c>
      <c r="X9" s="13" t="s">
        <v>219</v>
      </c>
      <c r="Y9" s="13" t="s">
        <v>219</v>
      </c>
      <c r="Z9" s="13" t="s">
        <v>219</v>
      </c>
      <c r="AA9" s="13" t="s">
        <v>219</v>
      </c>
      <c r="AB9" s="13" t="s">
        <v>219</v>
      </c>
      <c r="AC9" s="13" t="s">
        <v>219</v>
      </c>
      <c r="AD9" s="13" t="s">
        <v>219</v>
      </c>
      <c r="AE9" s="13" t="s">
        <v>219</v>
      </c>
      <c r="AF9" s="13" t="s">
        <v>219</v>
      </c>
      <c r="AG9" s="13" t="s">
        <v>219</v>
      </c>
      <c r="AH9" s="13" t="s">
        <v>219</v>
      </c>
      <c r="AI9" s="13" t="s">
        <v>219</v>
      </c>
      <c r="AJ9" s="13" t="s">
        <v>219</v>
      </c>
      <c r="AK9" s="13" t="s">
        <v>219</v>
      </c>
      <c r="AL9" s="13" t="s">
        <v>219</v>
      </c>
      <c r="AM9" s="13" t="s">
        <v>219</v>
      </c>
      <c r="AN9" s="13" t="s">
        <v>219</v>
      </c>
      <c r="AO9" s="13" t="s">
        <v>219</v>
      </c>
      <c r="AP9" s="13" t="s">
        <v>219</v>
      </c>
      <c r="AQ9" s="13" t="s">
        <v>219</v>
      </c>
    </row>
    <row r="10" spans="1:43" s="11" customFormat="1">
      <c r="A10" s="14" t="s">
        <v>224</v>
      </c>
      <c r="B10" s="14" t="s">
        <v>259</v>
      </c>
      <c r="C10" s="14" t="s">
        <v>230</v>
      </c>
      <c r="D10" s="14" t="s">
        <v>231</v>
      </c>
      <c r="E10" s="14"/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  <c r="AE10" s="14"/>
      <c r="AF10" s="14"/>
      <c r="AG10" s="14"/>
      <c r="AH10" s="14"/>
      <c r="AI10" s="14"/>
      <c r="AJ10" s="14"/>
      <c r="AK10" s="14"/>
      <c r="AL10" s="14"/>
      <c r="AM10" s="14"/>
      <c r="AN10" s="14"/>
      <c r="AO10" s="14"/>
      <c r="AP10" s="14"/>
      <c r="AQ10" s="14"/>
    </row>
    <row r="11" spans="1:43">
      <c r="A11" s="15" t="s">
        <v>232</v>
      </c>
      <c r="B11" s="15" t="s">
        <v>233</v>
      </c>
      <c r="C11" s="15" t="s">
        <v>262</v>
      </c>
      <c r="D11" s="16">
        <v>4695695</v>
      </c>
      <c r="E11" s="16">
        <v>3338297</v>
      </c>
      <c r="F11" s="16">
        <v>2032478</v>
      </c>
      <c r="G11" s="16">
        <v>991548</v>
      </c>
      <c r="H11" s="16">
        <v>337585</v>
      </c>
      <c r="I11" s="16">
        <v>112051</v>
      </c>
      <c r="J11" s="16">
        <v>591294</v>
      </c>
      <c r="K11" s="16">
        <v>1305819</v>
      </c>
      <c r="L11" s="16">
        <v>101649</v>
      </c>
      <c r="M11" s="16">
        <v>82466</v>
      </c>
      <c r="N11" s="16">
        <v>19183</v>
      </c>
      <c r="O11" s="16">
        <v>401197</v>
      </c>
      <c r="P11" s="16">
        <v>295599</v>
      </c>
      <c r="Q11" s="16">
        <v>105598</v>
      </c>
      <c r="R11" s="16">
        <v>113329</v>
      </c>
      <c r="S11" s="16">
        <v>96023</v>
      </c>
      <c r="T11" s="16">
        <v>17231</v>
      </c>
      <c r="U11" s="16">
        <v>342998</v>
      </c>
      <c r="V11" s="16">
        <v>265900</v>
      </c>
      <c r="W11" s="16">
        <v>76262</v>
      </c>
      <c r="X11" s="16">
        <v>18479</v>
      </c>
      <c r="Y11" s="16">
        <v>44468</v>
      </c>
      <c r="Z11" s="16">
        <v>35998</v>
      </c>
      <c r="AA11" s="16">
        <v>17139</v>
      </c>
      <c r="AB11" s="16">
        <v>5158</v>
      </c>
      <c r="AC11" s="16">
        <v>89771</v>
      </c>
      <c r="AD11" s="16">
        <v>68906</v>
      </c>
      <c r="AE11" s="16">
        <v>18886</v>
      </c>
      <c r="AF11" s="16">
        <v>20416</v>
      </c>
      <c r="AG11" s="16">
        <v>137514</v>
      </c>
      <c r="AH11" s="16">
        <v>23077</v>
      </c>
      <c r="AI11" s="16">
        <v>1334321</v>
      </c>
      <c r="AJ11" s="22" t="s">
        <v>268</v>
      </c>
      <c r="AK11" s="16">
        <v>716832</v>
      </c>
      <c r="AL11" s="16">
        <v>3</v>
      </c>
      <c r="AM11" s="16">
        <v>17905</v>
      </c>
      <c r="AN11" s="16">
        <v>3</v>
      </c>
      <c r="AO11" s="16">
        <v>6507</v>
      </c>
      <c r="AP11" s="16">
        <v>990672</v>
      </c>
      <c r="AQ11" s="16">
        <v>1334321</v>
      </c>
    </row>
    <row r="12" spans="1:43">
      <c r="A12" s="21" t="s">
        <v>232</v>
      </c>
      <c r="B12" s="21" t="s">
        <v>237</v>
      </c>
      <c r="C12" s="21" t="s">
        <v>264</v>
      </c>
      <c r="D12" s="16">
        <v>80898</v>
      </c>
      <c r="E12" s="16">
        <v>61041</v>
      </c>
      <c r="F12" s="16">
        <v>34313</v>
      </c>
      <c r="G12" s="16">
        <v>15605</v>
      </c>
      <c r="H12" s="16">
        <v>6056</v>
      </c>
      <c r="I12" s="16">
        <v>1910</v>
      </c>
      <c r="J12" s="16">
        <v>10742</v>
      </c>
      <c r="K12" s="16">
        <v>26728</v>
      </c>
      <c r="L12" s="16">
        <v>2697</v>
      </c>
      <c r="M12" s="16">
        <v>2244</v>
      </c>
      <c r="N12" s="16">
        <v>453</v>
      </c>
      <c r="O12" s="16">
        <v>8162</v>
      </c>
      <c r="P12" s="16">
        <v>6390</v>
      </c>
      <c r="Q12" s="16">
        <v>1772</v>
      </c>
      <c r="R12" s="16">
        <v>2300</v>
      </c>
      <c r="S12" s="16">
        <v>2051</v>
      </c>
      <c r="T12" s="16">
        <v>245</v>
      </c>
      <c r="U12" s="16">
        <v>5726</v>
      </c>
      <c r="V12" s="16">
        <v>4618</v>
      </c>
      <c r="W12" s="16">
        <v>1089</v>
      </c>
      <c r="X12" s="16">
        <v>445</v>
      </c>
      <c r="Y12" s="16">
        <v>950</v>
      </c>
      <c r="Z12" s="16">
        <v>980</v>
      </c>
      <c r="AA12" s="16">
        <v>450</v>
      </c>
      <c r="AB12" s="16">
        <v>134</v>
      </c>
      <c r="AC12" s="16">
        <v>2314</v>
      </c>
      <c r="AD12" s="16">
        <v>1826</v>
      </c>
      <c r="AE12" s="16">
        <v>452</v>
      </c>
      <c r="AF12" s="16">
        <v>432</v>
      </c>
      <c r="AG12" s="16">
        <v>2722</v>
      </c>
      <c r="AH12" s="16">
        <v>340</v>
      </c>
      <c r="AI12" s="16">
        <v>19517</v>
      </c>
      <c r="AJ12" s="22" t="s">
        <v>268</v>
      </c>
      <c r="AK12" s="16">
        <v>13818</v>
      </c>
      <c r="AL12" s="22" t="s">
        <v>268</v>
      </c>
      <c r="AM12" s="16">
        <v>443</v>
      </c>
      <c r="AN12" s="22" t="s">
        <v>268</v>
      </c>
      <c r="AO12" s="16">
        <v>151</v>
      </c>
      <c r="AP12" s="16">
        <v>15596</v>
      </c>
      <c r="AQ12" s="16">
        <v>19517</v>
      </c>
    </row>
    <row r="13" spans="1:43">
      <c r="A13" s="21" t="s">
        <v>240</v>
      </c>
      <c r="B13" s="21" t="s">
        <v>237</v>
      </c>
      <c r="C13" s="21" t="s">
        <v>265</v>
      </c>
      <c r="D13" s="16">
        <v>6184</v>
      </c>
      <c r="E13" s="16">
        <v>4802</v>
      </c>
      <c r="F13" s="16">
        <v>2474</v>
      </c>
      <c r="G13" s="16">
        <v>1081</v>
      </c>
      <c r="H13" s="16">
        <v>447</v>
      </c>
      <c r="I13" s="16">
        <v>160</v>
      </c>
      <c r="J13" s="16">
        <v>786</v>
      </c>
      <c r="K13" s="16">
        <v>2328</v>
      </c>
      <c r="L13" s="16">
        <v>232</v>
      </c>
      <c r="M13" s="16">
        <v>184</v>
      </c>
      <c r="N13" s="16">
        <v>48</v>
      </c>
      <c r="O13" s="16">
        <v>672</v>
      </c>
      <c r="P13" s="16">
        <v>552</v>
      </c>
      <c r="Q13" s="16">
        <v>120</v>
      </c>
      <c r="R13" s="16">
        <v>162</v>
      </c>
      <c r="S13" s="16">
        <v>151</v>
      </c>
      <c r="T13" s="16">
        <v>11</v>
      </c>
      <c r="U13" s="16">
        <v>478</v>
      </c>
      <c r="V13" s="16">
        <v>407</v>
      </c>
      <c r="W13" s="16">
        <v>70</v>
      </c>
      <c r="X13" s="16">
        <v>36</v>
      </c>
      <c r="Y13" s="16">
        <v>80</v>
      </c>
      <c r="Z13" s="16">
        <v>144</v>
      </c>
      <c r="AA13" s="16">
        <v>41</v>
      </c>
      <c r="AB13" s="16">
        <v>10</v>
      </c>
      <c r="AC13" s="16">
        <v>256</v>
      </c>
      <c r="AD13" s="16">
        <v>216</v>
      </c>
      <c r="AE13" s="16">
        <v>38</v>
      </c>
      <c r="AF13" s="16">
        <v>31</v>
      </c>
      <c r="AG13" s="16">
        <v>237</v>
      </c>
      <c r="AH13" s="16">
        <v>26</v>
      </c>
      <c r="AI13" s="16">
        <v>1356</v>
      </c>
      <c r="AJ13" s="22" t="s">
        <v>268</v>
      </c>
      <c r="AK13" s="16">
        <v>1258</v>
      </c>
      <c r="AL13" s="22" t="s">
        <v>268</v>
      </c>
      <c r="AM13" s="16">
        <v>43</v>
      </c>
      <c r="AN13" s="22" t="s">
        <v>268</v>
      </c>
      <c r="AO13" s="16">
        <v>20</v>
      </c>
      <c r="AP13" s="16">
        <v>1080</v>
      </c>
      <c r="AQ13" s="16">
        <v>1356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6" orientation="portrait" r:id="rId1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84CBE7F-0796-4D11-A23A-4446FEF5CC20}">
  <sheetPr>
    <pageSetUpPr fitToPage="1"/>
  </sheetPr>
  <dimension ref="A1:N16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35" style="20" customWidth="1"/>
    <col min="2" max="2" width="2.375" style="20" bestFit="1" customWidth="1"/>
    <col min="3" max="3" width="11.25" style="20" bestFit="1" customWidth="1"/>
    <col min="4" max="16384" width="12.625" style="20"/>
  </cols>
  <sheetData>
    <row r="1" spans="1:14" s="11" customFormat="1">
      <c r="A1" s="11" t="s">
        <v>192</v>
      </c>
    </row>
    <row r="2" spans="1:14" s="11" customFormat="1">
      <c r="A2" s="11" t="s">
        <v>743</v>
      </c>
    </row>
    <row r="3" spans="1:14" s="11" customFormat="1"/>
    <row r="4" spans="1:14" s="11" customFormat="1" hidden="1"/>
    <row r="5" spans="1:14" s="11" customFormat="1"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</row>
    <row r="6" spans="1:14" s="11" customFormat="1" ht="24">
      <c r="E6" s="12" t="s">
        <v>680</v>
      </c>
      <c r="F6" s="12" t="s">
        <v>680</v>
      </c>
      <c r="G6" s="12" t="s">
        <v>680</v>
      </c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  <c r="N6" s="12" t="s">
        <v>680</v>
      </c>
    </row>
    <row r="7" spans="1:14" s="11" customFormat="1">
      <c r="E7" s="12">
        <v>1</v>
      </c>
      <c r="F7" s="12">
        <v>1</v>
      </c>
      <c r="G7" s="12">
        <v>2</v>
      </c>
      <c r="H7" s="12">
        <v>3</v>
      </c>
      <c r="I7" s="12">
        <v>3</v>
      </c>
      <c r="J7" s="12">
        <v>3</v>
      </c>
      <c r="K7" s="12">
        <v>3</v>
      </c>
      <c r="L7" s="12">
        <v>2</v>
      </c>
      <c r="M7" s="12">
        <v>1</v>
      </c>
      <c r="N7" s="12">
        <v>1</v>
      </c>
    </row>
    <row r="8" spans="1:14" s="11" customFormat="1" ht="36">
      <c r="E8" s="12" t="s">
        <v>214</v>
      </c>
      <c r="F8" s="12" t="s">
        <v>681</v>
      </c>
      <c r="G8" s="12" t="s">
        <v>682</v>
      </c>
      <c r="H8" s="12" t="s">
        <v>683</v>
      </c>
      <c r="I8" s="12" t="s">
        <v>684</v>
      </c>
      <c r="J8" s="12" t="s">
        <v>685</v>
      </c>
      <c r="K8" s="12" t="s">
        <v>686</v>
      </c>
      <c r="L8" s="12" t="s">
        <v>687</v>
      </c>
      <c r="M8" s="12" t="s">
        <v>688</v>
      </c>
      <c r="N8" s="12" t="s">
        <v>689</v>
      </c>
    </row>
    <row r="9" spans="1:14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</row>
    <row r="10" spans="1:14" s="11" customFormat="1">
      <c r="A10" s="14" t="s">
        <v>727</v>
      </c>
      <c r="B10" s="14" t="s">
        <v>224</v>
      </c>
      <c r="C10" s="14" t="s">
        <v>259</v>
      </c>
      <c r="D10" s="14" t="s">
        <v>23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</row>
    <row r="11" spans="1:14">
      <c r="A11" s="15" t="s">
        <v>214</v>
      </c>
      <c r="B11" s="15" t="s">
        <v>232</v>
      </c>
      <c r="C11" s="15" t="s">
        <v>233</v>
      </c>
      <c r="D11" s="15" t="s">
        <v>262</v>
      </c>
      <c r="E11" s="16">
        <v>55704949</v>
      </c>
      <c r="F11" s="16">
        <v>54953523</v>
      </c>
      <c r="G11" s="16">
        <v>54261580</v>
      </c>
      <c r="H11" s="16">
        <v>33729416</v>
      </c>
      <c r="I11" s="16">
        <v>2649041</v>
      </c>
      <c r="J11" s="16">
        <v>16331426</v>
      </c>
      <c r="K11" s="16">
        <v>1551697</v>
      </c>
      <c r="L11" s="16">
        <v>691943</v>
      </c>
      <c r="M11" s="16">
        <v>751370</v>
      </c>
      <c r="N11" s="16">
        <v>56</v>
      </c>
    </row>
    <row r="12" spans="1:14">
      <c r="A12" s="21" t="s">
        <v>214</v>
      </c>
      <c r="B12" s="21" t="s">
        <v>232</v>
      </c>
      <c r="C12" s="21" t="s">
        <v>237</v>
      </c>
      <c r="D12" s="21" t="s">
        <v>264</v>
      </c>
      <c r="E12" s="16">
        <v>716740</v>
      </c>
      <c r="F12" s="16">
        <v>706446</v>
      </c>
      <c r="G12" s="16">
        <v>698728</v>
      </c>
      <c r="H12" s="16">
        <v>445753</v>
      </c>
      <c r="I12" s="16">
        <v>38359</v>
      </c>
      <c r="J12" s="16">
        <v>197019</v>
      </c>
      <c r="K12" s="16">
        <v>17597</v>
      </c>
      <c r="L12" s="16">
        <v>7718</v>
      </c>
      <c r="M12" s="16">
        <v>10294</v>
      </c>
      <c r="N12" s="22" t="s">
        <v>268</v>
      </c>
    </row>
    <row r="13" spans="1:14">
      <c r="A13" s="21" t="s">
        <v>214</v>
      </c>
      <c r="B13" s="21" t="s">
        <v>240</v>
      </c>
      <c r="C13" s="21" t="s">
        <v>237</v>
      </c>
      <c r="D13" s="21" t="s">
        <v>265</v>
      </c>
      <c r="E13" s="16">
        <v>48996</v>
      </c>
      <c r="F13" s="16">
        <v>47687</v>
      </c>
      <c r="G13" s="16">
        <v>47055</v>
      </c>
      <c r="H13" s="16">
        <v>32370</v>
      </c>
      <c r="I13" s="16">
        <v>1113</v>
      </c>
      <c r="J13" s="16">
        <v>12390</v>
      </c>
      <c r="K13" s="16">
        <v>1182</v>
      </c>
      <c r="L13" s="16">
        <v>632</v>
      </c>
      <c r="M13" s="16">
        <v>1309</v>
      </c>
      <c r="N13" s="22" t="s">
        <v>268</v>
      </c>
    </row>
    <row r="14" spans="1:14">
      <c r="A14" s="21" t="s">
        <v>728</v>
      </c>
      <c r="B14" s="21" t="s">
        <v>232</v>
      </c>
      <c r="C14" s="21" t="s">
        <v>233</v>
      </c>
      <c r="D14" s="21" t="s">
        <v>262</v>
      </c>
      <c r="E14" s="16">
        <v>22655031</v>
      </c>
      <c r="F14" s="16">
        <v>22587221</v>
      </c>
      <c r="G14" s="16">
        <v>22428191</v>
      </c>
      <c r="H14" s="16">
        <v>18543619</v>
      </c>
      <c r="I14" s="16">
        <v>1457842</v>
      </c>
      <c r="J14" s="16">
        <v>2364626</v>
      </c>
      <c r="K14" s="16">
        <v>62104</v>
      </c>
      <c r="L14" s="16">
        <v>159030</v>
      </c>
      <c r="M14" s="16">
        <v>67791</v>
      </c>
      <c r="N14" s="16">
        <v>19</v>
      </c>
    </row>
    <row r="15" spans="1:14">
      <c r="A15" s="21" t="s">
        <v>728</v>
      </c>
      <c r="B15" s="21" t="s">
        <v>232</v>
      </c>
      <c r="C15" s="21" t="s">
        <v>237</v>
      </c>
      <c r="D15" s="21" t="s">
        <v>264</v>
      </c>
      <c r="E15" s="16">
        <v>334262</v>
      </c>
      <c r="F15" s="16">
        <v>333111</v>
      </c>
      <c r="G15" s="16">
        <v>331476</v>
      </c>
      <c r="H15" s="16">
        <v>278801</v>
      </c>
      <c r="I15" s="16">
        <v>21170</v>
      </c>
      <c r="J15" s="16">
        <v>30720</v>
      </c>
      <c r="K15" s="16">
        <v>785</v>
      </c>
      <c r="L15" s="16">
        <v>1635</v>
      </c>
      <c r="M15" s="16">
        <v>1151</v>
      </c>
      <c r="N15" s="22" t="s">
        <v>268</v>
      </c>
    </row>
    <row r="16" spans="1:14">
      <c r="A16" s="21" t="s">
        <v>728</v>
      </c>
      <c r="B16" s="21" t="s">
        <v>240</v>
      </c>
      <c r="C16" s="21" t="s">
        <v>237</v>
      </c>
      <c r="D16" s="21" t="s">
        <v>265</v>
      </c>
      <c r="E16" s="16">
        <v>25723</v>
      </c>
      <c r="F16" s="16">
        <v>25595</v>
      </c>
      <c r="G16" s="16">
        <v>25484</v>
      </c>
      <c r="H16" s="16">
        <v>22115</v>
      </c>
      <c r="I16" s="16">
        <v>619</v>
      </c>
      <c r="J16" s="16">
        <v>2697</v>
      </c>
      <c r="K16" s="16">
        <v>53</v>
      </c>
      <c r="L16" s="16">
        <v>111</v>
      </c>
      <c r="M16" s="16">
        <v>128</v>
      </c>
      <c r="N16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7" orientation="portrait" r:id="rId1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350270E-154D-486A-AA76-7F2B6FBF612C}">
  <sheetPr>
    <pageSetUpPr fitToPage="1"/>
  </sheetPr>
  <dimension ref="A1:N16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35" style="20" customWidth="1"/>
    <col min="2" max="2" width="2.375" style="20" bestFit="1" customWidth="1"/>
    <col min="3" max="3" width="11.25" style="20" bestFit="1" customWidth="1"/>
    <col min="4" max="16384" width="12.625" style="20"/>
  </cols>
  <sheetData>
    <row r="1" spans="1:14" s="11" customFormat="1">
      <c r="A1" s="11" t="s">
        <v>192</v>
      </c>
    </row>
    <row r="2" spans="1:14" s="11" customFormat="1">
      <c r="A2" s="11" t="s">
        <v>744</v>
      </c>
    </row>
    <row r="3" spans="1:14" s="11" customFormat="1"/>
    <row r="4" spans="1:14" s="11" customFormat="1" hidden="1"/>
    <row r="5" spans="1:14" s="11" customFormat="1">
      <c r="E5" s="12" t="s">
        <v>495</v>
      </c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</row>
    <row r="6" spans="1:14" s="11" customFormat="1" ht="24">
      <c r="E6" s="12" t="s">
        <v>680</v>
      </c>
      <c r="F6" s="12" t="s">
        <v>680</v>
      </c>
      <c r="G6" s="12" t="s">
        <v>680</v>
      </c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  <c r="N6" s="12" t="s">
        <v>680</v>
      </c>
    </row>
    <row r="7" spans="1:14" s="11" customFormat="1">
      <c r="E7" s="12">
        <v>1</v>
      </c>
      <c r="F7" s="12">
        <v>1</v>
      </c>
      <c r="G7" s="12">
        <v>2</v>
      </c>
      <c r="H7" s="12">
        <v>3</v>
      </c>
      <c r="I7" s="12">
        <v>3</v>
      </c>
      <c r="J7" s="12">
        <v>3</v>
      </c>
      <c r="K7" s="12">
        <v>3</v>
      </c>
      <c r="L7" s="12">
        <v>2</v>
      </c>
      <c r="M7" s="12">
        <v>1</v>
      </c>
      <c r="N7" s="12">
        <v>1</v>
      </c>
    </row>
    <row r="8" spans="1:14" s="11" customFormat="1" ht="36">
      <c r="E8" s="12" t="s">
        <v>214</v>
      </c>
      <c r="F8" s="12" t="s">
        <v>681</v>
      </c>
      <c r="G8" s="12" t="s">
        <v>682</v>
      </c>
      <c r="H8" s="12" t="s">
        <v>683</v>
      </c>
      <c r="I8" s="12" t="s">
        <v>684</v>
      </c>
      <c r="J8" s="12" t="s">
        <v>685</v>
      </c>
      <c r="K8" s="12" t="s">
        <v>686</v>
      </c>
      <c r="L8" s="12" t="s">
        <v>687</v>
      </c>
      <c r="M8" s="12" t="s">
        <v>688</v>
      </c>
      <c r="N8" s="12" t="s">
        <v>689</v>
      </c>
    </row>
    <row r="9" spans="1:14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</row>
    <row r="10" spans="1:14" s="11" customFormat="1">
      <c r="A10" s="14" t="s">
        <v>727</v>
      </c>
      <c r="B10" s="14" t="s">
        <v>224</v>
      </c>
      <c r="C10" s="14" t="s">
        <v>259</v>
      </c>
      <c r="D10" s="14" t="s">
        <v>23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</row>
    <row r="11" spans="1:14">
      <c r="A11" s="15" t="s">
        <v>214</v>
      </c>
      <c r="B11" s="15" t="s">
        <v>232</v>
      </c>
      <c r="C11" s="15" t="s">
        <v>233</v>
      </c>
      <c r="D11" s="15" t="s">
        <v>262</v>
      </c>
      <c r="E11" s="16">
        <v>123162995</v>
      </c>
      <c r="F11" s="16">
        <v>122165633</v>
      </c>
      <c r="G11" s="16">
        <v>120994071</v>
      </c>
      <c r="H11" s="16">
        <v>87023174</v>
      </c>
      <c r="I11" s="16">
        <v>5015325</v>
      </c>
      <c r="J11" s="16">
        <v>26272767</v>
      </c>
      <c r="K11" s="16">
        <v>2682805</v>
      </c>
      <c r="L11" s="16">
        <v>1171562</v>
      </c>
      <c r="M11" s="16">
        <v>997209</v>
      </c>
      <c r="N11" s="16">
        <v>153</v>
      </c>
    </row>
    <row r="12" spans="1:14">
      <c r="A12" s="21" t="s">
        <v>214</v>
      </c>
      <c r="B12" s="21" t="s">
        <v>232</v>
      </c>
      <c r="C12" s="21" t="s">
        <v>237</v>
      </c>
      <c r="D12" s="21" t="s">
        <v>264</v>
      </c>
      <c r="E12" s="16">
        <v>1678793</v>
      </c>
      <c r="F12" s="16">
        <v>1663762</v>
      </c>
      <c r="G12" s="16">
        <v>1649776</v>
      </c>
      <c r="H12" s="16">
        <v>1180571</v>
      </c>
      <c r="I12" s="16">
        <v>76782</v>
      </c>
      <c r="J12" s="16">
        <v>359747</v>
      </c>
      <c r="K12" s="16">
        <v>32676</v>
      </c>
      <c r="L12" s="16">
        <v>13986</v>
      </c>
      <c r="M12" s="16">
        <v>15031</v>
      </c>
      <c r="N12" s="22" t="s">
        <v>268</v>
      </c>
    </row>
    <row r="13" spans="1:14">
      <c r="A13" s="21" t="s">
        <v>214</v>
      </c>
      <c r="B13" s="21" t="s">
        <v>240</v>
      </c>
      <c r="C13" s="21" t="s">
        <v>237</v>
      </c>
      <c r="D13" s="21" t="s">
        <v>265</v>
      </c>
      <c r="E13" s="16">
        <v>117827</v>
      </c>
      <c r="F13" s="16">
        <v>116099</v>
      </c>
      <c r="G13" s="16">
        <v>115128</v>
      </c>
      <c r="H13" s="16">
        <v>86323</v>
      </c>
      <c r="I13" s="16">
        <v>2187</v>
      </c>
      <c r="J13" s="16">
        <v>24550</v>
      </c>
      <c r="K13" s="16">
        <v>2068</v>
      </c>
      <c r="L13" s="16">
        <v>971</v>
      </c>
      <c r="M13" s="16">
        <v>1728</v>
      </c>
      <c r="N13" s="22" t="s">
        <v>268</v>
      </c>
    </row>
    <row r="14" spans="1:14">
      <c r="A14" s="21" t="s">
        <v>728</v>
      </c>
      <c r="B14" s="21" t="s">
        <v>232</v>
      </c>
      <c r="C14" s="21" t="s">
        <v>233</v>
      </c>
      <c r="D14" s="21" t="s">
        <v>262</v>
      </c>
      <c r="E14" s="16">
        <v>50106949</v>
      </c>
      <c r="F14" s="16">
        <v>49981806</v>
      </c>
      <c r="G14" s="16">
        <v>49738916</v>
      </c>
      <c r="H14" s="16">
        <v>43457733</v>
      </c>
      <c r="I14" s="16">
        <v>2351153</v>
      </c>
      <c r="J14" s="16">
        <v>3802281</v>
      </c>
      <c r="K14" s="16">
        <v>127749</v>
      </c>
      <c r="L14" s="16">
        <v>242890</v>
      </c>
      <c r="M14" s="16">
        <v>125087</v>
      </c>
      <c r="N14" s="16">
        <v>56</v>
      </c>
    </row>
    <row r="15" spans="1:14">
      <c r="A15" s="21" t="s">
        <v>728</v>
      </c>
      <c r="B15" s="21" t="s">
        <v>232</v>
      </c>
      <c r="C15" s="21" t="s">
        <v>237</v>
      </c>
      <c r="D15" s="21" t="s">
        <v>264</v>
      </c>
      <c r="E15" s="16">
        <v>775779</v>
      </c>
      <c r="F15" s="16">
        <v>773501</v>
      </c>
      <c r="G15" s="16">
        <v>770873</v>
      </c>
      <c r="H15" s="16">
        <v>682162</v>
      </c>
      <c r="I15" s="16">
        <v>34329</v>
      </c>
      <c r="J15" s="16">
        <v>52687</v>
      </c>
      <c r="K15" s="16">
        <v>1695</v>
      </c>
      <c r="L15" s="16">
        <v>2628</v>
      </c>
      <c r="M15" s="16">
        <v>2278</v>
      </c>
      <c r="N15" s="22" t="s">
        <v>268</v>
      </c>
    </row>
    <row r="16" spans="1:14">
      <c r="A16" s="21" t="s">
        <v>728</v>
      </c>
      <c r="B16" s="21" t="s">
        <v>240</v>
      </c>
      <c r="C16" s="21" t="s">
        <v>237</v>
      </c>
      <c r="D16" s="21" t="s">
        <v>265</v>
      </c>
      <c r="E16" s="16">
        <v>62885</v>
      </c>
      <c r="F16" s="16">
        <v>62640</v>
      </c>
      <c r="G16" s="16">
        <v>62457</v>
      </c>
      <c r="H16" s="16">
        <v>56705</v>
      </c>
      <c r="I16" s="16">
        <v>1007</v>
      </c>
      <c r="J16" s="16">
        <v>4618</v>
      </c>
      <c r="K16" s="16">
        <v>127</v>
      </c>
      <c r="L16" s="16">
        <v>183</v>
      </c>
      <c r="M16" s="16">
        <v>245</v>
      </c>
      <c r="N16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7" orientation="portrait" r:id="rId1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6F01EA-944C-43F4-B902-F883153A9C66}">
  <sheetPr>
    <pageSetUpPr fitToPage="1"/>
  </sheetPr>
  <dimension ref="A1:M13"/>
  <sheetViews>
    <sheetView zoomScaleNormal="100" workbookViewId="0">
      <pane xSplit="3" ySplit="10" topLeftCell="D11" activePane="bottomRight" state="frozen"/>
      <selection pane="topRight" activeCell="N1" sqref="N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16384" width="12.625" style="20"/>
  </cols>
  <sheetData>
    <row r="1" spans="1:13" s="11" customFormat="1">
      <c r="A1" s="11" t="s">
        <v>192</v>
      </c>
    </row>
    <row r="2" spans="1:13" s="11" customFormat="1">
      <c r="A2" s="11" t="s">
        <v>745</v>
      </c>
    </row>
    <row r="3" spans="1:13" s="11" customFormat="1"/>
    <row r="4" spans="1:13" s="11" customFormat="1" hidden="1"/>
    <row r="5" spans="1:13" s="11" customFormat="1" ht="24">
      <c r="D5" s="12" t="s">
        <v>731</v>
      </c>
      <c r="E5" s="12" t="s">
        <v>731</v>
      </c>
      <c r="F5" s="12" t="s">
        <v>731</v>
      </c>
      <c r="G5" s="12" t="s">
        <v>731</v>
      </c>
      <c r="H5" s="12" t="s">
        <v>731</v>
      </c>
      <c r="I5" s="12" t="s">
        <v>731</v>
      </c>
      <c r="J5" s="12" t="s">
        <v>731</v>
      </c>
      <c r="K5" s="12" t="s">
        <v>731</v>
      </c>
      <c r="L5" s="12" t="s">
        <v>731</v>
      </c>
      <c r="M5" s="12" t="s">
        <v>731</v>
      </c>
    </row>
    <row r="6" spans="1:13" s="11" customFormat="1" ht="24">
      <c r="D6" s="12" t="s">
        <v>680</v>
      </c>
      <c r="E6" s="12" t="s">
        <v>680</v>
      </c>
      <c r="F6" s="12" t="s">
        <v>680</v>
      </c>
      <c r="G6" s="12" t="s">
        <v>680</v>
      </c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</row>
    <row r="7" spans="1:13" s="11" customFormat="1">
      <c r="D7" s="12">
        <v>1</v>
      </c>
      <c r="E7" s="12">
        <v>1</v>
      </c>
      <c r="F7" s="12">
        <v>2</v>
      </c>
      <c r="G7" s="12">
        <v>3</v>
      </c>
      <c r="H7" s="12">
        <v>3</v>
      </c>
      <c r="I7" s="12">
        <v>3</v>
      </c>
      <c r="J7" s="12">
        <v>3</v>
      </c>
      <c r="K7" s="12">
        <v>2</v>
      </c>
      <c r="L7" s="12">
        <v>1</v>
      </c>
      <c r="M7" s="12">
        <v>1</v>
      </c>
    </row>
    <row r="8" spans="1:13" s="11" customFormat="1" ht="36">
      <c r="D8" s="12" t="s">
        <v>214</v>
      </c>
      <c r="E8" s="12" t="s">
        <v>681</v>
      </c>
      <c r="F8" s="12" t="s">
        <v>682</v>
      </c>
      <c r="G8" s="12" t="s">
        <v>683</v>
      </c>
      <c r="H8" s="12" t="s">
        <v>684</v>
      </c>
      <c r="I8" s="12" t="s">
        <v>685</v>
      </c>
      <c r="J8" s="12" t="s">
        <v>686</v>
      </c>
      <c r="K8" s="12" t="s">
        <v>687</v>
      </c>
      <c r="L8" s="12" t="s">
        <v>688</v>
      </c>
      <c r="M8" s="12" t="s">
        <v>689</v>
      </c>
    </row>
    <row r="9" spans="1:13" s="11" customFormat="1">
      <c r="D9" s="13" t="s">
        <v>219</v>
      </c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</row>
    <row r="10" spans="1:13" s="11" customFormat="1">
      <c r="A10" s="14" t="s">
        <v>224</v>
      </c>
      <c r="B10" s="14" t="s">
        <v>259</v>
      </c>
      <c r="C10" s="14" t="s">
        <v>230</v>
      </c>
      <c r="D10" s="14" t="s">
        <v>231</v>
      </c>
      <c r="E10" s="14"/>
      <c r="F10" s="14"/>
      <c r="G10" s="14"/>
      <c r="H10" s="14"/>
      <c r="I10" s="14"/>
      <c r="J10" s="14"/>
      <c r="K10" s="14"/>
      <c r="L10" s="14"/>
      <c r="M10" s="14"/>
    </row>
    <row r="11" spans="1:13">
      <c r="A11" s="15" t="s">
        <v>232</v>
      </c>
      <c r="B11" s="15" t="s">
        <v>233</v>
      </c>
      <c r="C11" s="15" t="s">
        <v>262</v>
      </c>
      <c r="D11" s="16">
        <v>33115696</v>
      </c>
      <c r="E11" s="16">
        <v>33021441</v>
      </c>
      <c r="F11" s="16">
        <v>32826601</v>
      </c>
      <c r="G11" s="16">
        <v>28014348</v>
      </c>
      <c r="H11" s="16">
        <v>1874904</v>
      </c>
      <c r="I11" s="16">
        <v>2855137</v>
      </c>
      <c r="J11" s="16">
        <v>82212</v>
      </c>
      <c r="K11" s="16">
        <v>194840</v>
      </c>
      <c r="L11" s="16">
        <v>94227</v>
      </c>
      <c r="M11" s="16">
        <v>28</v>
      </c>
    </row>
    <row r="12" spans="1:13">
      <c r="A12" s="21" t="s">
        <v>232</v>
      </c>
      <c r="B12" s="21" t="s">
        <v>237</v>
      </c>
      <c r="C12" s="21" t="s">
        <v>264</v>
      </c>
      <c r="D12" s="16">
        <v>495748</v>
      </c>
      <c r="E12" s="16">
        <v>494037</v>
      </c>
      <c r="F12" s="16">
        <v>492016</v>
      </c>
      <c r="G12" s="16">
        <v>426210</v>
      </c>
      <c r="H12" s="16">
        <v>26813</v>
      </c>
      <c r="I12" s="16">
        <v>37938</v>
      </c>
      <c r="J12" s="16">
        <v>1055</v>
      </c>
      <c r="K12" s="16">
        <v>2021</v>
      </c>
      <c r="L12" s="16">
        <v>1711</v>
      </c>
      <c r="M12" s="22" t="s">
        <v>268</v>
      </c>
    </row>
    <row r="13" spans="1:13">
      <c r="A13" s="21" t="s">
        <v>240</v>
      </c>
      <c r="B13" s="21" t="s">
        <v>237</v>
      </c>
      <c r="C13" s="21" t="s">
        <v>265</v>
      </c>
      <c r="D13" s="16">
        <v>38276</v>
      </c>
      <c r="E13" s="16">
        <v>38081</v>
      </c>
      <c r="F13" s="16">
        <v>37948</v>
      </c>
      <c r="G13" s="16">
        <v>33784</v>
      </c>
      <c r="H13" s="16">
        <v>768</v>
      </c>
      <c r="I13" s="16">
        <v>3323</v>
      </c>
      <c r="J13" s="16">
        <v>73</v>
      </c>
      <c r="K13" s="16">
        <v>133</v>
      </c>
      <c r="L13" s="16">
        <v>195</v>
      </c>
      <c r="M13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8" orientation="portrait" r:id="rId1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0426483-352F-44C0-BD78-3A5E845C9F88}">
  <sheetPr>
    <pageSetUpPr fitToPage="1"/>
  </sheetPr>
  <dimension ref="A1:N16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35" style="20" customWidth="1"/>
    <col min="2" max="2" width="2.375" style="20" bestFit="1" customWidth="1"/>
    <col min="3" max="3" width="11.25" style="20" bestFit="1" customWidth="1"/>
    <col min="4" max="16384" width="12.625" style="20"/>
  </cols>
  <sheetData>
    <row r="1" spans="1:14" s="11" customFormat="1">
      <c r="A1" s="11" t="s">
        <v>192</v>
      </c>
    </row>
    <row r="2" spans="1:14" s="11" customFormat="1">
      <c r="A2" s="11" t="s">
        <v>746</v>
      </c>
    </row>
    <row r="3" spans="1:14" s="11" customFormat="1"/>
    <row r="4" spans="1:14" s="11" customFormat="1" hidden="1"/>
    <row r="5" spans="1:14" s="11" customFormat="1" ht="24">
      <c r="E5" s="12" t="s">
        <v>496</v>
      </c>
      <c r="F5" s="12" t="s">
        <v>496</v>
      </c>
      <c r="G5" s="12" t="s">
        <v>496</v>
      </c>
      <c r="H5" s="12" t="s">
        <v>496</v>
      </c>
      <c r="I5" s="12" t="s">
        <v>496</v>
      </c>
      <c r="J5" s="12" t="s">
        <v>496</v>
      </c>
      <c r="K5" s="12" t="s">
        <v>496</v>
      </c>
      <c r="L5" s="12" t="s">
        <v>496</v>
      </c>
      <c r="M5" s="12" t="s">
        <v>496</v>
      </c>
      <c r="N5" s="12" t="s">
        <v>496</v>
      </c>
    </row>
    <row r="6" spans="1:14" s="11" customFormat="1" ht="24">
      <c r="E6" s="12" t="s">
        <v>680</v>
      </c>
      <c r="F6" s="12" t="s">
        <v>680</v>
      </c>
      <c r="G6" s="12" t="s">
        <v>680</v>
      </c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  <c r="N6" s="12" t="s">
        <v>680</v>
      </c>
    </row>
    <row r="7" spans="1:14" s="11" customFormat="1">
      <c r="E7" s="12">
        <v>1</v>
      </c>
      <c r="F7" s="12">
        <v>1</v>
      </c>
      <c r="G7" s="12">
        <v>2</v>
      </c>
      <c r="H7" s="12">
        <v>3</v>
      </c>
      <c r="I7" s="12">
        <v>3</v>
      </c>
      <c r="J7" s="12">
        <v>3</v>
      </c>
      <c r="K7" s="12">
        <v>3</v>
      </c>
      <c r="L7" s="12">
        <v>2</v>
      </c>
      <c r="M7" s="12">
        <v>1</v>
      </c>
      <c r="N7" s="12">
        <v>1</v>
      </c>
    </row>
    <row r="8" spans="1:14" s="11" customFormat="1" ht="36">
      <c r="E8" s="12" t="s">
        <v>214</v>
      </c>
      <c r="F8" s="12" t="s">
        <v>681</v>
      </c>
      <c r="G8" s="12" t="s">
        <v>682</v>
      </c>
      <c r="H8" s="12" t="s">
        <v>683</v>
      </c>
      <c r="I8" s="12" t="s">
        <v>684</v>
      </c>
      <c r="J8" s="12" t="s">
        <v>685</v>
      </c>
      <c r="K8" s="12" t="s">
        <v>686</v>
      </c>
      <c r="L8" s="12" t="s">
        <v>687</v>
      </c>
      <c r="M8" s="12" t="s">
        <v>688</v>
      </c>
      <c r="N8" s="12" t="s">
        <v>689</v>
      </c>
    </row>
    <row r="9" spans="1:14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</row>
    <row r="10" spans="1:14" s="11" customFormat="1">
      <c r="A10" s="14" t="s">
        <v>727</v>
      </c>
      <c r="B10" s="14" t="s">
        <v>224</v>
      </c>
      <c r="C10" s="14" t="s">
        <v>259</v>
      </c>
      <c r="D10" s="14" t="s">
        <v>23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</row>
    <row r="11" spans="1:14">
      <c r="A11" s="15" t="s">
        <v>214</v>
      </c>
      <c r="B11" s="15" t="s">
        <v>232</v>
      </c>
      <c r="C11" s="15" t="s">
        <v>233</v>
      </c>
      <c r="D11" s="15" t="s">
        <v>262</v>
      </c>
      <c r="E11" s="17">
        <v>2.2109899999999998</v>
      </c>
      <c r="F11" s="17">
        <v>2.2230699999999999</v>
      </c>
      <c r="G11" s="17">
        <v>2.2298300000000002</v>
      </c>
      <c r="H11" s="17">
        <v>2.5800399999999999</v>
      </c>
      <c r="I11" s="17">
        <v>1.8932599999999999</v>
      </c>
      <c r="J11" s="17">
        <v>1.6087199999999999</v>
      </c>
      <c r="K11" s="17">
        <v>1.72895</v>
      </c>
      <c r="L11" s="17">
        <v>1.6931499999999999</v>
      </c>
      <c r="M11" s="17">
        <v>1.3271900000000001</v>
      </c>
      <c r="N11" s="17">
        <v>2.7321399999999998</v>
      </c>
    </row>
    <row r="12" spans="1:14">
      <c r="A12" s="21" t="s">
        <v>214</v>
      </c>
      <c r="B12" s="21" t="s">
        <v>232</v>
      </c>
      <c r="C12" s="21" t="s">
        <v>237</v>
      </c>
      <c r="D12" s="21" t="s">
        <v>264</v>
      </c>
      <c r="E12" s="17">
        <v>2.34226</v>
      </c>
      <c r="F12" s="17">
        <v>2.3551199999999999</v>
      </c>
      <c r="G12" s="17">
        <v>2.36111</v>
      </c>
      <c r="H12" s="17">
        <v>2.6484899999999998</v>
      </c>
      <c r="I12" s="17">
        <v>2.0016699999999998</v>
      </c>
      <c r="J12" s="17">
        <v>1.82595</v>
      </c>
      <c r="K12" s="17">
        <v>1.8569100000000001</v>
      </c>
      <c r="L12" s="17">
        <v>1.81213</v>
      </c>
      <c r="M12" s="17">
        <v>1.46017</v>
      </c>
      <c r="N12" s="23" t="s">
        <v>268</v>
      </c>
    </row>
    <row r="13" spans="1:14">
      <c r="A13" s="21" t="s">
        <v>214</v>
      </c>
      <c r="B13" s="21" t="s">
        <v>240</v>
      </c>
      <c r="C13" s="21" t="s">
        <v>237</v>
      </c>
      <c r="D13" s="21" t="s">
        <v>265</v>
      </c>
      <c r="E13" s="17">
        <v>2.40483</v>
      </c>
      <c r="F13" s="17">
        <v>2.4346000000000001</v>
      </c>
      <c r="G13" s="17">
        <v>2.4466700000000001</v>
      </c>
      <c r="H13" s="17">
        <v>2.66676</v>
      </c>
      <c r="I13" s="17">
        <v>1.96496</v>
      </c>
      <c r="J13" s="17">
        <v>1.9814400000000001</v>
      </c>
      <c r="K13" s="17">
        <v>1.7495799999999999</v>
      </c>
      <c r="L13" s="17">
        <v>1.5363899999999999</v>
      </c>
      <c r="M13" s="17">
        <v>1.32009</v>
      </c>
      <c r="N13" s="23" t="s">
        <v>268</v>
      </c>
    </row>
    <row r="14" spans="1:14">
      <c r="A14" s="21" t="s">
        <v>728</v>
      </c>
      <c r="B14" s="21" t="s">
        <v>232</v>
      </c>
      <c r="C14" s="21" t="s">
        <v>233</v>
      </c>
      <c r="D14" s="21" t="s">
        <v>262</v>
      </c>
      <c r="E14" s="17">
        <v>2.2117399999999998</v>
      </c>
      <c r="F14" s="17">
        <v>2.2128399999999999</v>
      </c>
      <c r="G14" s="17">
        <v>2.2176999999999998</v>
      </c>
      <c r="H14" s="17">
        <v>2.34354</v>
      </c>
      <c r="I14" s="17">
        <v>1.61276</v>
      </c>
      <c r="J14" s="17">
        <v>1.60798</v>
      </c>
      <c r="K14" s="17">
        <v>2.0570200000000001</v>
      </c>
      <c r="L14" s="17">
        <v>1.52732</v>
      </c>
      <c r="M14" s="17">
        <v>1.8451900000000001</v>
      </c>
      <c r="N14" s="17">
        <v>2.9473699999999998</v>
      </c>
    </row>
    <row r="15" spans="1:14">
      <c r="A15" s="21" t="s">
        <v>728</v>
      </c>
      <c r="B15" s="21" t="s">
        <v>232</v>
      </c>
      <c r="C15" s="21" t="s">
        <v>237</v>
      </c>
      <c r="D15" s="21" t="s">
        <v>264</v>
      </c>
      <c r="E15" s="17">
        <v>2.3208700000000002</v>
      </c>
      <c r="F15" s="17">
        <v>2.3220499999999999</v>
      </c>
      <c r="G15" s="17">
        <v>2.32558</v>
      </c>
      <c r="H15" s="17">
        <v>2.4467699999999999</v>
      </c>
      <c r="I15" s="17">
        <v>1.6215900000000001</v>
      </c>
      <c r="J15" s="17">
        <v>1.7150700000000001</v>
      </c>
      <c r="K15" s="17">
        <v>2.15924</v>
      </c>
      <c r="L15" s="17">
        <v>1.60734</v>
      </c>
      <c r="M15" s="17">
        <v>1.97915</v>
      </c>
      <c r="N15" s="23" t="s">
        <v>268</v>
      </c>
    </row>
    <row r="16" spans="1:14">
      <c r="A16" s="21" t="s">
        <v>728</v>
      </c>
      <c r="B16" s="21" t="s">
        <v>240</v>
      </c>
      <c r="C16" s="21" t="s">
        <v>237</v>
      </c>
      <c r="D16" s="21" t="s">
        <v>265</v>
      </c>
      <c r="E16" s="17">
        <v>2.4447000000000001</v>
      </c>
      <c r="F16" s="17">
        <v>2.4473500000000001</v>
      </c>
      <c r="G16" s="17">
        <v>2.4508299999999998</v>
      </c>
      <c r="H16" s="17">
        <v>2.5640999999999998</v>
      </c>
      <c r="I16" s="17">
        <v>1.6268199999999999</v>
      </c>
      <c r="J16" s="17">
        <v>1.71227</v>
      </c>
      <c r="K16" s="17">
        <v>2.3962300000000001</v>
      </c>
      <c r="L16" s="17">
        <v>1.6486499999999999</v>
      </c>
      <c r="M16" s="17">
        <v>1.9140600000000001</v>
      </c>
      <c r="N16" s="23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7" orientation="portrait" r:id="rId1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61478C-5D53-495D-B392-6C49ECB49717}">
  <sheetPr>
    <pageSetUpPr fitToPage="1"/>
  </sheetPr>
  <dimension ref="A1:O58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7.5" style="20" bestFit="1" customWidth="1"/>
    <col min="5" max="5" width="19" style="20" bestFit="1" customWidth="1"/>
    <col min="6" max="16384" width="12.625" style="20"/>
  </cols>
  <sheetData>
    <row r="1" spans="1:15" s="11" customFormat="1">
      <c r="A1" s="11" t="s">
        <v>192</v>
      </c>
    </row>
    <row r="2" spans="1:15" s="11" customFormat="1">
      <c r="A2" s="11" t="s">
        <v>747</v>
      </c>
    </row>
    <row r="3" spans="1:15" s="11" customFormat="1"/>
    <row r="4" spans="1:15" s="11" customFormat="1" hidden="1"/>
    <row r="5" spans="1:15" s="11" customFormat="1"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</row>
    <row r="6" spans="1:15" s="11" customFormat="1" ht="24">
      <c r="F6" s="12" t="s">
        <v>680</v>
      </c>
      <c r="G6" s="12" t="s">
        <v>680</v>
      </c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  <c r="N6" s="12" t="s">
        <v>680</v>
      </c>
      <c r="O6" s="12" t="s">
        <v>680</v>
      </c>
    </row>
    <row r="7" spans="1:15" s="11" customFormat="1">
      <c r="F7" s="12">
        <v>1</v>
      </c>
      <c r="G7" s="12">
        <v>1</v>
      </c>
      <c r="H7" s="12">
        <v>2</v>
      </c>
      <c r="I7" s="12">
        <v>3</v>
      </c>
      <c r="J7" s="12">
        <v>3</v>
      </c>
      <c r="K7" s="12">
        <v>3</v>
      </c>
      <c r="L7" s="12">
        <v>3</v>
      </c>
      <c r="M7" s="12">
        <v>2</v>
      </c>
      <c r="N7" s="12">
        <v>1</v>
      </c>
      <c r="O7" s="12">
        <v>1</v>
      </c>
    </row>
    <row r="8" spans="1:15" s="11" customFormat="1" ht="36">
      <c r="F8" s="12" t="s">
        <v>214</v>
      </c>
      <c r="G8" s="12" t="s">
        <v>681</v>
      </c>
      <c r="H8" s="12" t="s">
        <v>682</v>
      </c>
      <c r="I8" s="12" t="s">
        <v>683</v>
      </c>
      <c r="J8" s="12" t="s">
        <v>684</v>
      </c>
      <c r="K8" s="12" t="s">
        <v>685</v>
      </c>
      <c r="L8" s="12" t="s">
        <v>686</v>
      </c>
      <c r="M8" s="12" t="s">
        <v>687</v>
      </c>
      <c r="N8" s="12" t="s">
        <v>688</v>
      </c>
      <c r="O8" s="12" t="s">
        <v>689</v>
      </c>
    </row>
    <row r="9" spans="1:15" s="11" customFormat="1"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</row>
    <row r="10" spans="1:15" s="11" customFormat="1">
      <c r="A10" s="14" t="s">
        <v>224</v>
      </c>
      <c r="B10" s="14" t="s">
        <v>259</v>
      </c>
      <c r="C10" s="14" t="s">
        <v>230</v>
      </c>
      <c r="D10" s="14" t="s">
        <v>727</v>
      </c>
      <c r="E10" s="14" t="s">
        <v>487</v>
      </c>
      <c r="F10" s="14" t="s">
        <v>231</v>
      </c>
      <c r="G10" s="14"/>
      <c r="H10" s="14"/>
      <c r="I10" s="14"/>
      <c r="J10" s="14"/>
      <c r="K10" s="14"/>
      <c r="L10" s="14"/>
      <c r="M10" s="14"/>
      <c r="N10" s="14"/>
      <c r="O10" s="14"/>
    </row>
    <row r="11" spans="1:15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214</v>
      </c>
      <c r="F11" s="16">
        <v>55704949</v>
      </c>
      <c r="G11" s="16">
        <v>54953523</v>
      </c>
      <c r="H11" s="16">
        <v>54261580</v>
      </c>
      <c r="I11" s="16">
        <v>33729416</v>
      </c>
      <c r="J11" s="16">
        <v>2649041</v>
      </c>
      <c r="K11" s="16">
        <v>16331426</v>
      </c>
      <c r="L11" s="16">
        <v>1551697</v>
      </c>
      <c r="M11" s="16">
        <v>691943</v>
      </c>
      <c r="N11" s="16">
        <v>751370</v>
      </c>
      <c r="O11" s="16">
        <v>56</v>
      </c>
    </row>
    <row r="12" spans="1:15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540</v>
      </c>
      <c r="F12" s="16">
        <v>21151042</v>
      </c>
      <c r="G12" s="16">
        <v>20523606</v>
      </c>
      <c r="H12" s="16">
        <v>20080448</v>
      </c>
      <c r="I12" s="16">
        <v>7278913</v>
      </c>
      <c r="J12" s="16">
        <v>1200420</v>
      </c>
      <c r="K12" s="16">
        <v>10609104</v>
      </c>
      <c r="L12" s="16">
        <v>992011</v>
      </c>
      <c r="M12" s="16">
        <v>443158</v>
      </c>
      <c r="N12" s="16">
        <v>627419</v>
      </c>
      <c r="O12" s="16">
        <v>17</v>
      </c>
    </row>
    <row r="13" spans="1:15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541</v>
      </c>
      <c r="F13" s="16">
        <v>15656588</v>
      </c>
      <c r="G13" s="16">
        <v>15599587</v>
      </c>
      <c r="H13" s="16">
        <v>15487846</v>
      </c>
      <c r="I13" s="16">
        <v>11414756</v>
      </c>
      <c r="J13" s="16">
        <v>862034</v>
      </c>
      <c r="K13" s="16">
        <v>2994787</v>
      </c>
      <c r="L13" s="16">
        <v>216269</v>
      </c>
      <c r="M13" s="16">
        <v>111741</v>
      </c>
      <c r="N13" s="16">
        <v>56994</v>
      </c>
      <c r="O13" s="16">
        <v>7</v>
      </c>
    </row>
    <row r="14" spans="1:15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542</v>
      </c>
      <c r="F14" s="16">
        <v>9229513</v>
      </c>
      <c r="G14" s="16">
        <v>9198830</v>
      </c>
      <c r="H14" s="16">
        <v>9130307</v>
      </c>
      <c r="I14" s="16">
        <v>7033705</v>
      </c>
      <c r="J14" s="16">
        <v>348288</v>
      </c>
      <c r="K14" s="16">
        <v>1582742</v>
      </c>
      <c r="L14" s="16">
        <v>165572</v>
      </c>
      <c r="M14" s="16">
        <v>68523</v>
      </c>
      <c r="N14" s="16">
        <v>30669</v>
      </c>
      <c r="O14" s="16">
        <v>14</v>
      </c>
    </row>
    <row r="15" spans="1:15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543</v>
      </c>
      <c r="F15" s="16">
        <v>6629815</v>
      </c>
      <c r="G15" s="16">
        <v>6606643</v>
      </c>
      <c r="H15" s="16">
        <v>6557676</v>
      </c>
      <c r="I15" s="16">
        <v>5377550</v>
      </c>
      <c r="J15" s="16">
        <v>169003</v>
      </c>
      <c r="K15" s="16">
        <v>874399</v>
      </c>
      <c r="L15" s="16">
        <v>136724</v>
      </c>
      <c r="M15" s="16">
        <v>48967</v>
      </c>
      <c r="N15" s="16">
        <v>23161</v>
      </c>
      <c r="O15" s="16">
        <v>11</v>
      </c>
    </row>
    <row r="16" spans="1:15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544</v>
      </c>
      <c r="F16" s="16">
        <v>2126291</v>
      </c>
      <c r="G16" s="16">
        <v>2116891</v>
      </c>
      <c r="H16" s="16">
        <v>2101661</v>
      </c>
      <c r="I16" s="16">
        <v>1800849</v>
      </c>
      <c r="J16" s="16">
        <v>52291</v>
      </c>
      <c r="K16" s="16">
        <v>214133</v>
      </c>
      <c r="L16" s="16">
        <v>34388</v>
      </c>
      <c r="M16" s="16">
        <v>15230</v>
      </c>
      <c r="N16" s="16">
        <v>9394</v>
      </c>
      <c r="O16" s="16">
        <v>6</v>
      </c>
    </row>
    <row r="17" spans="1:15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545</v>
      </c>
      <c r="F17" s="16">
        <v>629499</v>
      </c>
      <c r="G17" s="16">
        <v>626987</v>
      </c>
      <c r="H17" s="16">
        <v>623659</v>
      </c>
      <c r="I17" s="16">
        <v>563568</v>
      </c>
      <c r="J17" s="16">
        <v>12554</v>
      </c>
      <c r="K17" s="16">
        <v>42368</v>
      </c>
      <c r="L17" s="16">
        <v>5169</v>
      </c>
      <c r="M17" s="16">
        <v>3328</v>
      </c>
      <c r="N17" s="16">
        <v>2511</v>
      </c>
      <c r="O17" s="16">
        <v>1</v>
      </c>
    </row>
    <row r="18" spans="1:15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546</v>
      </c>
      <c r="F18" s="16">
        <v>282201</v>
      </c>
      <c r="G18" s="16">
        <v>280979</v>
      </c>
      <c r="H18" s="16">
        <v>279983</v>
      </c>
      <c r="I18" s="16">
        <v>260075</v>
      </c>
      <c r="J18" s="16">
        <v>4451</v>
      </c>
      <c r="K18" s="16">
        <v>13893</v>
      </c>
      <c r="L18" s="16">
        <v>1564</v>
      </c>
      <c r="M18" s="16">
        <v>996</v>
      </c>
      <c r="N18" s="16">
        <v>1222</v>
      </c>
      <c r="O18" s="22" t="s">
        <v>268</v>
      </c>
    </row>
    <row r="19" spans="1:15">
      <c r="A19" s="21" t="s">
        <v>232</v>
      </c>
      <c r="B19" s="21" t="s">
        <v>233</v>
      </c>
      <c r="C19" s="21" t="s">
        <v>262</v>
      </c>
      <c r="D19" s="21" t="s">
        <v>728</v>
      </c>
      <c r="E19" s="21" t="s">
        <v>214</v>
      </c>
      <c r="F19" s="16">
        <v>22655031</v>
      </c>
      <c r="G19" s="16">
        <v>22587221</v>
      </c>
      <c r="H19" s="16">
        <v>22428191</v>
      </c>
      <c r="I19" s="16">
        <v>18543619</v>
      </c>
      <c r="J19" s="16">
        <v>1457842</v>
      </c>
      <c r="K19" s="16">
        <v>2364626</v>
      </c>
      <c r="L19" s="16">
        <v>62104</v>
      </c>
      <c r="M19" s="16">
        <v>159030</v>
      </c>
      <c r="N19" s="16">
        <v>67791</v>
      </c>
      <c r="O19" s="16">
        <v>19</v>
      </c>
    </row>
    <row r="20" spans="1:15">
      <c r="A20" s="21" t="s">
        <v>232</v>
      </c>
      <c r="B20" s="21" t="s">
        <v>233</v>
      </c>
      <c r="C20" s="21" t="s">
        <v>262</v>
      </c>
      <c r="D20" s="21" t="s">
        <v>728</v>
      </c>
      <c r="E20" s="21" t="s">
        <v>540</v>
      </c>
      <c r="F20" s="16">
        <v>6716806</v>
      </c>
      <c r="G20" s="16">
        <v>6686107</v>
      </c>
      <c r="H20" s="16">
        <v>6584760</v>
      </c>
      <c r="I20" s="16">
        <v>4435064</v>
      </c>
      <c r="J20" s="16">
        <v>761322</v>
      </c>
      <c r="K20" s="16">
        <v>1365049</v>
      </c>
      <c r="L20" s="16">
        <v>23325</v>
      </c>
      <c r="M20" s="16">
        <v>101347</v>
      </c>
      <c r="N20" s="16">
        <v>30697</v>
      </c>
      <c r="O20" s="16">
        <v>2</v>
      </c>
    </row>
    <row r="21" spans="1:15">
      <c r="A21" s="21" t="s">
        <v>232</v>
      </c>
      <c r="B21" s="21" t="s">
        <v>233</v>
      </c>
      <c r="C21" s="21" t="s">
        <v>262</v>
      </c>
      <c r="D21" s="21" t="s">
        <v>728</v>
      </c>
      <c r="E21" s="21" t="s">
        <v>541</v>
      </c>
      <c r="F21" s="16">
        <v>9372846</v>
      </c>
      <c r="G21" s="16">
        <v>9345445</v>
      </c>
      <c r="H21" s="16">
        <v>9303342</v>
      </c>
      <c r="I21" s="16">
        <v>8044481</v>
      </c>
      <c r="J21" s="16">
        <v>541666</v>
      </c>
      <c r="K21" s="16">
        <v>692994</v>
      </c>
      <c r="L21" s="16">
        <v>24201</v>
      </c>
      <c r="M21" s="16">
        <v>42103</v>
      </c>
      <c r="N21" s="16">
        <v>27396</v>
      </c>
      <c r="O21" s="16">
        <v>5</v>
      </c>
    </row>
    <row r="22" spans="1:15">
      <c r="A22" s="21" t="s">
        <v>232</v>
      </c>
      <c r="B22" s="21" t="s">
        <v>233</v>
      </c>
      <c r="C22" s="21" t="s">
        <v>262</v>
      </c>
      <c r="D22" s="21" t="s">
        <v>728</v>
      </c>
      <c r="E22" s="21" t="s">
        <v>542</v>
      </c>
      <c r="F22" s="16">
        <v>3804412</v>
      </c>
      <c r="G22" s="16">
        <v>3799776</v>
      </c>
      <c r="H22" s="16">
        <v>3790298</v>
      </c>
      <c r="I22" s="16">
        <v>3444938</v>
      </c>
      <c r="J22" s="16">
        <v>122486</v>
      </c>
      <c r="K22" s="16">
        <v>214822</v>
      </c>
      <c r="L22" s="16">
        <v>8052</v>
      </c>
      <c r="M22" s="16">
        <v>9478</v>
      </c>
      <c r="N22" s="16">
        <v>4629</v>
      </c>
      <c r="O22" s="16">
        <v>7</v>
      </c>
    </row>
    <row r="23" spans="1:15">
      <c r="A23" s="21" t="s">
        <v>232</v>
      </c>
      <c r="B23" s="21" t="s">
        <v>233</v>
      </c>
      <c r="C23" s="21" t="s">
        <v>262</v>
      </c>
      <c r="D23" s="21" t="s">
        <v>728</v>
      </c>
      <c r="E23" s="21" t="s">
        <v>543</v>
      </c>
      <c r="F23" s="16">
        <v>1475845</v>
      </c>
      <c r="G23" s="16">
        <v>1473696</v>
      </c>
      <c r="H23" s="16">
        <v>1470477</v>
      </c>
      <c r="I23" s="16">
        <v>1376415</v>
      </c>
      <c r="J23" s="16">
        <v>25522</v>
      </c>
      <c r="K23" s="16">
        <v>65184</v>
      </c>
      <c r="L23" s="16">
        <v>3356</v>
      </c>
      <c r="M23" s="16">
        <v>3219</v>
      </c>
      <c r="N23" s="16">
        <v>2146</v>
      </c>
      <c r="O23" s="16">
        <v>3</v>
      </c>
    </row>
    <row r="24" spans="1:15">
      <c r="A24" s="21" t="s">
        <v>232</v>
      </c>
      <c r="B24" s="21" t="s">
        <v>233</v>
      </c>
      <c r="C24" s="21" t="s">
        <v>262</v>
      </c>
      <c r="D24" s="21" t="s">
        <v>728</v>
      </c>
      <c r="E24" s="21" t="s">
        <v>544</v>
      </c>
      <c r="F24" s="16">
        <v>680304</v>
      </c>
      <c r="G24" s="16">
        <v>678870</v>
      </c>
      <c r="H24" s="16">
        <v>677157</v>
      </c>
      <c r="I24" s="16">
        <v>652968</v>
      </c>
      <c r="J24" s="16">
        <v>4915</v>
      </c>
      <c r="K24" s="16">
        <v>17645</v>
      </c>
      <c r="L24" s="16">
        <v>1629</v>
      </c>
      <c r="M24" s="16">
        <v>1713</v>
      </c>
      <c r="N24" s="16">
        <v>1433</v>
      </c>
      <c r="O24" s="16">
        <v>1</v>
      </c>
    </row>
    <row r="25" spans="1:15">
      <c r="A25" s="21" t="s">
        <v>232</v>
      </c>
      <c r="B25" s="21" t="s">
        <v>233</v>
      </c>
      <c r="C25" s="21" t="s">
        <v>262</v>
      </c>
      <c r="D25" s="21" t="s">
        <v>728</v>
      </c>
      <c r="E25" s="21" t="s">
        <v>545</v>
      </c>
      <c r="F25" s="16">
        <v>389948</v>
      </c>
      <c r="G25" s="16">
        <v>389114</v>
      </c>
      <c r="H25" s="16">
        <v>388261</v>
      </c>
      <c r="I25" s="16">
        <v>379855</v>
      </c>
      <c r="J25" s="16">
        <v>1379</v>
      </c>
      <c r="K25" s="16">
        <v>6123</v>
      </c>
      <c r="L25" s="16">
        <v>904</v>
      </c>
      <c r="M25" s="16">
        <v>853</v>
      </c>
      <c r="N25" s="16">
        <v>833</v>
      </c>
      <c r="O25" s="16">
        <v>1</v>
      </c>
    </row>
    <row r="26" spans="1:15">
      <c r="A26" s="21" t="s">
        <v>232</v>
      </c>
      <c r="B26" s="21" t="s">
        <v>233</v>
      </c>
      <c r="C26" s="21" t="s">
        <v>262</v>
      </c>
      <c r="D26" s="21" t="s">
        <v>728</v>
      </c>
      <c r="E26" s="21" t="s">
        <v>546</v>
      </c>
      <c r="F26" s="16">
        <v>214870</v>
      </c>
      <c r="G26" s="16">
        <v>214213</v>
      </c>
      <c r="H26" s="16">
        <v>213896</v>
      </c>
      <c r="I26" s="16">
        <v>209898</v>
      </c>
      <c r="J26" s="16">
        <v>552</v>
      </c>
      <c r="K26" s="16">
        <v>2809</v>
      </c>
      <c r="L26" s="16">
        <v>637</v>
      </c>
      <c r="M26" s="16">
        <v>317</v>
      </c>
      <c r="N26" s="16">
        <v>657</v>
      </c>
      <c r="O26" s="22" t="s">
        <v>268</v>
      </c>
    </row>
    <row r="27" spans="1:15">
      <c r="A27" s="21" t="s">
        <v>232</v>
      </c>
      <c r="B27" s="21" t="s">
        <v>237</v>
      </c>
      <c r="C27" s="21" t="s">
        <v>264</v>
      </c>
      <c r="D27" s="21" t="s">
        <v>214</v>
      </c>
      <c r="E27" s="21" t="s">
        <v>214</v>
      </c>
      <c r="F27" s="16">
        <v>716740</v>
      </c>
      <c r="G27" s="16">
        <v>706446</v>
      </c>
      <c r="H27" s="16">
        <v>698728</v>
      </c>
      <c r="I27" s="16">
        <v>445753</v>
      </c>
      <c r="J27" s="16">
        <v>38359</v>
      </c>
      <c r="K27" s="16">
        <v>197019</v>
      </c>
      <c r="L27" s="16">
        <v>17597</v>
      </c>
      <c r="M27" s="16">
        <v>7718</v>
      </c>
      <c r="N27" s="16">
        <v>10294</v>
      </c>
      <c r="O27" s="22" t="s">
        <v>268</v>
      </c>
    </row>
    <row r="28" spans="1:15">
      <c r="A28" s="21" t="s">
        <v>232</v>
      </c>
      <c r="B28" s="21" t="s">
        <v>237</v>
      </c>
      <c r="C28" s="21" t="s">
        <v>264</v>
      </c>
      <c r="D28" s="21" t="s">
        <v>214</v>
      </c>
      <c r="E28" s="21" t="s">
        <v>540</v>
      </c>
      <c r="F28" s="16">
        <v>242940</v>
      </c>
      <c r="G28" s="16">
        <v>234952</v>
      </c>
      <c r="H28" s="16">
        <v>230269</v>
      </c>
      <c r="I28" s="16">
        <v>91371</v>
      </c>
      <c r="J28" s="16">
        <v>16369</v>
      </c>
      <c r="K28" s="16">
        <v>111820</v>
      </c>
      <c r="L28" s="16">
        <v>10709</v>
      </c>
      <c r="M28" s="16">
        <v>4683</v>
      </c>
      <c r="N28" s="16">
        <v>7988</v>
      </c>
      <c r="O28" s="22" t="s">
        <v>268</v>
      </c>
    </row>
    <row r="29" spans="1:15">
      <c r="A29" s="21" t="s">
        <v>232</v>
      </c>
      <c r="B29" s="21" t="s">
        <v>237</v>
      </c>
      <c r="C29" s="21" t="s">
        <v>264</v>
      </c>
      <c r="D29" s="21" t="s">
        <v>214</v>
      </c>
      <c r="E29" s="21" t="s">
        <v>541</v>
      </c>
      <c r="F29" s="16">
        <v>212169</v>
      </c>
      <c r="G29" s="16">
        <v>211127</v>
      </c>
      <c r="H29" s="16">
        <v>209883</v>
      </c>
      <c r="I29" s="16">
        <v>156698</v>
      </c>
      <c r="J29" s="16">
        <v>12375</v>
      </c>
      <c r="K29" s="16">
        <v>38459</v>
      </c>
      <c r="L29" s="16">
        <v>2351</v>
      </c>
      <c r="M29" s="16">
        <v>1244</v>
      </c>
      <c r="N29" s="16">
        <v>1042</v>
      </c>
      <c r="O29" s="22" t="s">
        <v>268</v>
      </c>
    </row>
    <row r="30" spans="1:15">
      <c r="A30" s="21" t="s">
        <v>232</v>
      </c>
      <c r="B30" s="21" t="s">
        <v>237</v>
      </c>
      <c r="C30" s="21" t="s">
        <v>264</v>
      </c>
      <c r="D30" s="21" t="s">
        <v>214</v>
      </c>
      <c r="E30" s="21" t="s">
        <v>542</v>
      </c>
      <c r="F30" s="16">
        <v>120909</v>
      </c>
      <c r="G30" s="16">
        <v>120371</v>
      </c>
      <c r="H30" s="16">
        <v>119553</v>
      </c>
      <c r="I30" s="16">
        <v>88396</v>
      </c>
      <c r="J30" s="16">
        <v>5127</v>
      </c>
      <c r="K30" s="16">
        <v>24168</v>
      </c>
      <c r="L30" s="16">
        <v>1862</v>
      </c>
      <c r="M30" s="16">
        <v>818</v>
      </c>
      <c r="N30" s="16">
        <v>538</v>
      </c>
      <c r="O30" s="22" t="s">
        <v>268</v>
      </c>
    </row>
    <row r="31" spans="1:15">
      <c r="A31" s="21" t="s">
        <v>232</v>
      </c>
      <c r="B31" s="21" t="s">
        <v>237</v>
      </c>
      <c r="C31" s="21" t="s">
        <v>264</v>
      </c>
      <c r="D31" s="21" t="s">
        <v>214</v>
      </c>
      <c r="E31" s="21" t="s">
        <v>543</v>
      </c>
      <c r="F31" s="16">
        <v>85243</v>
      </c>
      <c r="G31" s="16">
        <v>84844</v>
      </c>
      <c r="H31" s="16">
        <v>84218</v>
      </c>
      <c r="I31" s="16">
        <v>63353</v>
      </c>
      <c r="J31" s="16">
        <v>2811</v>
      </c>
      <c r="K31" s="16">
        <v>16170</v>
      </c>
      <c r="L31" s="16">
        <v>1884</v>
      </c>
      <c r="M31" s="16">
        <v>626</v>
      </c>
      <c r="N31" s="16">
        <v>399</v>
      </c>
      <c r="O31" s="22" t="s">
        <v>268</v>
      </c>
    </row>
    <row r="32" spans="1:15">
      <c r="A32" s="21" t="s">
        <v>232</v>
      </c>
      <c r="B32" s="21" t="s">
        <v>237</v>
      </c>
      <c r="C32" s="21" t="s">
        <v>264</v>
      </c>
      <c r="D32" s="21" t="s">
        <v>214</v>
      </c>
      <c r="E32" s="21" t="s">
        <v>544</v>
      </c>
      <c r="F32" s="16">
        <v>35845</v>
      </c>
      <c r="G32" s="16">
        <v>35601</v>
      </c>
      <c r="H32" s="16">
        <v>35342</v>
      </c>
      <c r="I32" s="16">
        <v>28467</v>
      </c>
      <c r="J32" s="16">
        <v>1214</v>
      </c>
      <c r="K32" s="16">
        <v>5020</v>
      </c>
      <c r="L32" s="16">
        <v>641</v>
      </c>
      <c r="M32" s="16">
        <v>259</v>
      </c>
      <c r="N32" s="16">
        <v>244</v>
      </c>
      <c r="O32" s="22" t="s">
        <v>268</v>
      </c>
    </row>
    <row r="33" spans="1:15">
      <c r="A33" s="21" t="s">
        <v>232</v>
      </c>
      <c r="B33" s="21" t="s">
        <v>237</v>
      </c>
      <c r="C33" s="21" t="s">
        <v>264</v>
      </c>
      <c r="D33" s="21" t="s">
        <v>214</v>
      </c>
      <c r="E33" s="21" t="s">
        <v>545</v>
      </c>
      <c r="F33" s="16">
        <v>12278</v>
      </c>
      <c r="G33" s="16">
        <v>12218</v>
      </c>
      <c r="H33" s="16">
        <v>12156</v>
      </c>
      <c r="I33" s="16">
        <v>10632</v>
      </c>
      <c r="J33" s="16">
        <v>335</v>
      </c>
      <c r="K33" s="16">
        <v>1068</v>
      </c>
      <c r="L33" s="16">
        <v>121</v>
      </c>
      <c r="M33" s="16">
        <v>62</v>
      </c>
      <c r="N33" s="16">
        <v>60</v>
      </c>
      <c r="O33" s="22" t="s">
        <v>268</v>
      </c>
    </row>
    <row r="34" spans="1:15">
      <c r="A34" s="21" t="s">
        <v>232</v>
      </c>
      <c r="B34" s="21" t="s">
        <v>237</v>
      </c>
      <c r="C34" s="21" t="s">
        <v>264</v>
      </c>
      <c r="D34" s="21" t="s">
        <v>214</v>
      </c>
      <c r="E34" s="21" t="s">
        <v>546</v>
      </c>
      <c r="F34" s="16">
        <v>7356</v>
      </c>
      <c r="G34" s="16">
        <v>7333</v>
      </c>
      <c r="H34" s="16">
        <v>7307</v>
      </c>
      <c r="I34" s="16">
        <v>6836</v>
      </c>
      <c r="J34" s="16">
        <v>128</v>
      </c>
      <c r="K34" s="16">
        <v>314</v>
      </c>
      <c r="L34" s="16">
        <v>29</v>
      </c>
      <c r="M34" s="16">
        <v>26</v>
      </c>
      <c r="N34" s="16">
        <v>23</v>
      </c>
      <c r="O34" s="22" t="s">
        <v>268</v>
      </c>
    </row>
    <row r="35" spans="1:15">
      <c r="A35" s="21" t="s">
        <v>232</v>
      </c>
      <c r="B35" s="21" t="s">
        <v>237</v>
      </c>
      <c r="C35" s="21" t="s">
        <v>264</v>
      </c>
      <c r="D35" s="21" t="s">
        <v>728</v>
      </c>
      <c r="E35" s="21" t="s">
        <v>214</v>
      </c>
      <c r="F35" s="16">
        <v>334262</v>
      </c>
      <c r="G35" s="16">
        <v>333111</v>
      </c>
      <c r="H35" s="16">
        <v>331476</v>
      </c>
      <c r="I35" s="16">
        <v>278801</v>
      </c>
      <c r="J35" s="16">
        <v>21170</v>
      </c>
      <c r="K35" s="16">
        <v>30720</v>
      </c>
      <c r="L35" s="16">
        <v>785</v>
      </c>
      <c r="M35" s="16">
        <v>1635</v>
      </c>
      <c r="N35" s="16">
        <v>1151</v>
      </c>
      <c r="O35" s="22" t="s">
        <v>268</v>
      </c>
    </row>
    <row r="36" spans="1:15">
      <c r="A36" s="21" t="s">
        <v>232</v>
      </c>
      <c r="B36" s="21" t="s">
        <v>237</v>
      </c>
      <c r="C36" s="21" t="s">
        <v>264</v>
      </c>
      <c r="D36" s="21" t="s">
        <v>728</v>
      </c>
      <c r="E36" s="21" t="s">
        <v>540</v>
      </c>
      <c r="F36" s="16">
        <v>92410</v>
      </c>
      <c r="G36" s="16">
        <v>92025</v>
      </c>
      <c r="H36" s="16">
        <v>91054</v>
      </c>
      <c r="I36" s="16">
        <v>63650</v>
      </c>
      <c r="J36" s="16">
        <v>11123</v>
      </c>
      <c r="K36" s="16">
        <v>16021</v>
      </c>
      <c r="L36" s="16">
        <v>260</v>
      </c>
      <c r="M36" s="16">
        <v>971</v>
      </c>
      <c r="N36" s="16">
        <v>385</v>
      </c>
      <c r="O36" s="22" t="s">
        <v>268</v>
      </c>
    </row>
    <row r="37" spans="1:15">
      <c r="A37" s="21" t="s">
        <v>232</v>
      </c>
      <c r="B37" s="21" t="s">
        <v>237</v>
      </c>
      <c r="C37" s="21" t="s">
        <v>264</v>
      </c>
      <c r="D37" s="21" t="s">
        <v>728</v>
      </c>
      <c r="E37" s="21" t="s">
        <v>541</v>
      </c>
      <c r="F37" s="16">
        <v>136364</v>
      </c>
      <c r="G37" s="16">
        <v>135774</v>
      </c>
      <c r="H37" s="16">
        <v>135299</v>
      </c>
      <c r="I37" s="16">
        <v>117440</v>
      </c>
      <c r="J37" s="16">
        <v>7693</v>
      </c>
      <c r="K37" s="16">
        <v>9833</v>
      </c>
      <c r="L37" s="16">
        <v>333</v>
      </c>
      <c r="M37" s="16">
        <v>475</v>
      </c>
      <c r="N37" s="16">
        <v>590</v>
      </c>
      <c r="O37" s="22" t="s">
        <v>268</v>
      </c>
    </row>
    <row r="38" spans="1:15">
      <c r="A38" s="21" t="s">
        <v>232</v>
      </c>
      <c r="B38" s="21" t="s">
        <v>237</v>
      </c>
      <c r="C38" s="21" t="s">
        <v>264</v>
      </c>
      <c r="D38" s="21" t="s">
        <v>728</v>
      </c>
      <c r="E38" s="21" t="s">
        <v>542</v>
      </c>
      <c r="F38" s="16">
        <v>57127</v>
      </c>
      <c r="G38" s="16">
        <v>57036</v>
      </c>
      <c r="H38" s="16">
        <v>56926</v>
      </c>
      <c r="I38" s="16">
        <v>51703</v>
      </c>
      <c r="J38" s="16">
        <v>1836</v>
      </c>
      <c r="K38" s="16">
        <v>3296</v>
      </c>
      <c r="L38" s="16">
        <v>91</v>
      </c>
      <c r="M38" s="16">
        <v>110</v>
      </c>
      <c r="N38" s="16">
        <v>91</v>
      </c>
      <c r="O38" s="22" t="s">
        <v>268</v>
      </c>
    </row>
    <row r="39" spans="1:15">
      <c r="A39" s="21" t="s">
        <v>232</v>
      </c>
      <c r="B39" s="21" t="s">
        <v>237</v>
      </c>
      <c r="C39" s="21" t="s">
        <v>264</v>
      </c>
      <c r="D39" s="21" t="s">
        <v>728</v>
      </c>
      <c r="E39" s="21" t="s">
        <v>543</v>
      </c>
      <c r="F39" s="16">
        <v>23889</v>
      </c>
      <c r="G39" s="16">
        <v>23858</v>
      </c>
      <c r="H39" s="16">
        <v>23819</v>
      </c>
      <c r="I39" s="16">
        <v>22382</v>
      </c>
      <c r="J39" s="16">
        <v>364</v>
      </c>
      <c r="K39" s="16">
        <v>1024</v>
      </c>
      <c r="L39" s="16">
        <v>49</v>
      </c>
      <c r="M39" s="16">
        <v>39</v>
      </c>
      <c r="N39" s="16">
        <v>31</v>
      </c>
      <c r="O39" s="22" t="s">
        <v>268</v>
      </c>
    </row>
    <row r="40" spans="1:15">
      <c r="A40" s="21" t="s">
        <v>232</v>
      </c>
      <c r="B40" s="21" t="s">
        <v>237</v>
      </c>
      <c r="C40" s="21" t="s">
        <v>264</v>
      </c>
      <c r="D40" s="21" t="s">
        <v>728</v>
      </c>
      <c r="E40" s="21" t="s">
        <v>544</v>
      </c>
      <c r="F40" s="16">
        <v>11637</v>
      </c>
      <c r="G40" s="16">
        <v>11613</v>
      </c>
      <c r="H40" s="16">
        <v>11588</v>
      </c>
      <c r="I40" s="16">
        <v>11107</v>
      </c>
      <c r="J40" s="16">
        <v>100</v>
      </c>
      <c r="K40" s="16">
        <v>356</v>
      </c>
      <c r="L40" s="16">
        <v>25</v>
      </c>
      <c r="M40" s="16">
        <v>25</v>
      </c>
      <c r="N40" s="16">
        <v>24</v>
      </c>
      <c r="O40" s="22" t="s">
        <v>268</v>
      </c>
    </row>
    <row r="41" spans="1:15">
      <c r="A41" s="21" t="s">
        <v>232</v>
      </c>
      <c r="B41" s="21" t="s">
        <v>237</v>
      </c>
      <c r="C41" s="21" t="s">
        <v>264</v>
      </c>
      <c r="D41" s="21" t="s">
        <v>728</v>
      </c>
      <c r="E41" s="21" t="s">
        <v>545</v>
      </c>
      <c r="F41" s="16">
        <v>7143</v>
      </c>
      <c r="G41" s="16">
        <v>7124</v>
      </c>
      <c r="H41" s="16">
        <v>7112</v>
      </c>
      <c r="I41" s="16">
        <v>6943</v>
      </c>
      <c r="J41" s="16">
        <v>33</v>
      </c>
      <c r="K41" s="16">
        <v>120</v>
      </c>
      <c r="L41" s="16">
        <v>16</v>
      </c>
      <c r="M41" s="16">
        <v>12</v>
      </c>
      <c r="N41" s="16">
        <v>19</v>
      </c>
      <c r="O41" s="22" t="s">
        <v>268</v>
      </c>
    </row>
    <row r="42" spans="1:15">
      <c r="A42" s="21" t="s">
        <v>232</v>
      </c>
      <c r="B42" s="21" t="s">
        <v>237</v>
      </c>
      <c r="C42" s="21" t="s">
        <v>264</v>
      </c>
      <c r="D42" s="21" t="s">
        <v>728</v>
      </c>
      <c r="E42" s="21" t="s">
        <v>546</v>
      </c>
      <c r="F42" s="16">
        <v>5692</v>
      </c>
      <c r="G42" s="16">
        <v>5681</v>
      </c>
      <c r="H42" s="16">
        <v>5678</v>
      </c>
      <c r="I42" s="16">
        <v>5576</v>
      </c>
      <c r="J42" s="16">
        <v>21</v>
      </c>
      <c r="K42" s="16">
        <v>70</v>
      </c>
      <c r="L42" s="16">
        <v>11</v>
      </c>
      <c r="M42" s="16">
        <v>3</v>
      </c>
      <c r="N42" s="16">
        <v>11</v>
      </c>
      <c r="O42" s="22" t="s">
        <v>268</v>
      </c>
    </row>
    <row r="43" spans="1:15">
      <c r="A43" s="21" t="s">
        <v>240</v>
      </c>
      <c r="B43" s="21" t="s">
        <v>237</v>
      </c>
      <c r="C43" s="21" t="s">
        <v>265</v>
      </c>
      <c r="D43" s="21" t="s">
        <v>214</v>
      </c>
      <c r="E43" s="21" t="s">
        <v>214</v>
      </c>
      <c r="F43" s="16">
        <v>48996</v>
      </c>
      <c r="G43" s="16">
        <v>47687</v>
      </c>
      <c r="H43" s="16">
        <v>47055</v>
      </c>
      <c r="I43" s="16">
        <v>32370</v>
      </c>
      <c r="J43" s="16">
        <v>1113</v>
      </c>
      <c r="K43" s="16">
        <v>12390</v>
      </c>
      <c r="L43" s="16">
        <v>1182</v>
      </c>
      <c r="M43" s="16">
        <v>632</v>
      </c>
      <c r="N43" s="16">
        <v>1309</v>
      </c>
      <c r="O43" s="22" t="s">
        <v>268</v>
      </c>
    </row>
    <row r="44" spans="1:15">
      <c r="A44" s="21" t="s">
        <v>240</v>
      </c>
      <c r="B44" s="21" t="s">
        <v>237</v>
      </c>
      <c r="C44" s="21" t="s">
        <v>265</v>
      </c>
      <c r="D44" s="21" t="s">
        <v>214</v>
      </c>
      <c r="E44" s="21" t="s">
        <v>540</v>
      </c>
      <c r="F44" s="16">
        <v>15791</v>
      </c>
      <c r="G44" s="16">
        <v>14694</v>
      </c>
      <c r="H44" s="16">
        <v>14229</v>
      </c>
      <c r="I44" s="16">
        <v>6869</v>
      </c>
      <c r="J44" s="16">
        <v>472</v>
      </c>
      <c r="K44" s="16">
        <v>6120</v>
      </c>
      <c r="L44" s="16">
        <v>768</v>
      </c>
      <c r="M44" s="16">
        <v>465</v>
      </c>
      <c r="N44" s="16">
        <v>1097</v>
      </c>
      <c r="O44" s="22" t="s">
        <v>268</v>
      </c>
    </row>
    <row r="45" spans="1:15">
      <c r="A45" s="21" t="s">
        <v>240</v>
      </c>
      <c r="B45" s="21" t="s">
        <v>237</v>
      </c>
      <c r="C45" s="21" t="s">
        <v>265</v>
      </c>
      <c r="D45" s="21" t="s">
        <v>214</v>
      </c>
      <c r="E45" s="21" t="s">
        <v>541</v>
      </c>
      <c r="F45" s="16">
        <v>14870</v>
      </c>
      <c r="G45" s="16">
        <v>14763</v>
      </c>
      <c r="H45" s="16">
        <v>14685</v>
      </c>
      <c r="I45" s="16">
        <v>11389</v>
      </c>
      <c r="J45" s="16">
        <v>376</v>
      </c>
      <c r="K45" s="16">
        <v>2764</v>
      </c>
      <c r="L45" s="16">
        <v>156</v>
      </c>
      <c r="M45" s="16">
        <v>78</v>
      </c>
      <c r="N45" s="16">
        <v>107</v>
      </c>
      <c r="O45" s="22" t="s">
        <v>268</v>
      </c>
    </row>
    <row r="46" spans="1:15">
      <c r="A46" s="21" t="s">
        <v>240</v>
      </c>
      <c r="B46" s="21" t="s">
        <v>237</v>
      </c>
      <c r="C46" s="21" t="s">
        <v>265</v>
      </c>
      <c r="D46" s="21" t="s">
        <v>214</v>
      </c>
      <c r="E46" s="21" t="s">
        <v>542</v>
      </c>
      <c r="F46" s="16">
        <v>8359</v>
      </c>
      <c r="G46" s="16">
        <v>8317</v>
      </c>
      <c r="H46" s="16">
        <v>8287</v>
      </c>
      <c r="I46" s="16">
        <v>6232</v>
      </c>
      <c r="J46" s="16">
        <v>154</v>
      </c>
      <c r="K46" s="16">
        <v>1796</v>
      </c>
      <c r="L46" s="16">
        <v>105</v>
      </c>
      <c r="M46" s="16">
        <v>30</v>
      </c>
      <c r="N46" s="16">
        <v>42</v>
      </c>
      <c r="O46" s="22" t="s">
        <v>268</v>
      </c>
    </row>
    <row r="47" spans="1:15">
      <c r="A47" s="21" t="s">
        <v>240</v>
      </c>
      <c r="B47" s="21" t="s">
        <v>237</v>
      </c>
      <c r="C47" s="21" t="s">
        <v>265</v>
      </c>
      <c r="D47" s="21" t="s">
        <v>214</v>
      </c>
      <c r="E47" s="21" t="s">
        <v>543</v>
      </c>
      <c r="F47" s="16">
        <v>5634</v>
      </c>
      <c r="G47" s="16">
        <v>5599</v>
      </c>
      <c r="H47" s="16">
        <v>5558</v>
      </c>
      <c r="I47" s="16">
        <v>4191</v>
      </c>
      <c r="J47" s="16">
        <v>69</v>
      </c>
      <c r="K47" s="16">
        <v>1189</v>
      </c>
      <c r="L47" s="16">
        <v>109</v>
      </c>
      <c r="M47" s="16">
        <v>41</v>
      </c>
      <c r="N47" s="16">
        <v>35</v>
      </c>
      <c r="O47" s="22" t="s">
        <v>268</v>
      </c>
    </row>
    <row r="48" spans="1:15">
      <c r="A48" s="21" t="s">
        <v>240</v>
      </c>
      <c r="B48" s="21" t="s">
        <v>237</v>
      </c>
      <c r="C48" s="21" t="s">
        <v>265</v>
      </c>
      <c r="D48" s="21" t="s">
        <v>214</v>
      </c>
      <c r="E48" s="21" t="s">
        <v>544</v>
      </c>
      <c r="F48" s="16">
        <v>2541</v>
      </c>
      <c r="G48" s="16">
        <v>2521</v>
      </c>
      <c r="H48" s="16">
        <v>2507</v>
      </c>
      <c r="I48" s="16">
        <v>2044</v>
      </c>
      <c r="J48" s="16">
        <v>30</v>
      </c>
      <c r="K48" s="16">
        <v>400</v>
      </c>
      <c r="L48" s="16">
        <v>33</v>
      </c>
      <c r="M48" s="16">
        <v>14</v>
      </c>
      <c r="N48" s="16">
        <v>20</v>
      </c>
      <c r="O48" s="22" t="s">
        <v>268</v>
      </c>
    </row>
    <row r="49" spans="1:15">
      <c r="A49" s="21" t="s">
        <v>240</v>
      </c>
      <c r="B49" s="21" t="s">
        <v>237</v>
      </c>
      <c r="C49" s="21" t="s">
        <v>265</v>
      </c>
      <c r="D49" s="21" t="s">
        <v>214</v>
      </c>
      <c r="E49" s="21" t="s">
        <v>545</v>
      </c>
      <c r="F49" s="16">
        <v>1051</v>
      </c>
      <c r="G49" s="16">
        <v>1045</v>
      </c>
      <c r="H49" s="16">
        <v>1043</v>
      </c>
      <c r="I49" s="16">
        <v>928</v>
      </c>
      <c r="J49" s="16">
        <v>9</v>
      </c>
      <c r="K49" s="16">
        <v>97</v>
      </c>
      <c r="L49" s="16">
        <v>9</v>
      </c>
      <c r="M49" s="16">
        <v>2</v>
      </c>
      <c r="N49" s="16">
        <v>6</v>
      </c>
      <c r="O49" s="22" t="s">
        <v>268</v>
      </c>
    </row>
    <row r="50" spans="1:15">
      <c r="A50" s="21" t="s">
        <v>240</v>
      </c>
      <c r="B50" s="21" t="s">
        <v>237</v>
      </c>
      <c r="C50" s="21" t="s">
        <v>265</v>
      </c>
      <c r="D50" s="21" t="s">
        <v>214</v>
      </c>
      <c r="E50" s="21" t="s">
        <v>546</v>
      </c>
      <c r="F50" s="16">
        <v>750</v>
      </c>
      <c r="G50" s="16">
        <v>748</v>
      </c>
      <c r="H50" s="16">
        <v>746</v>
      </c>
      <c r="I50" s="16">
        <v>717</v>
      </c>
      <c r="J50" s="16">
        <v>3</v>
      </c>
      <c r="K50" s="16">
        <v>24</v>
      </c>
      <c r="L50" s="16">
        <v>2</v>
      </c>
      <c r="M50" s="16">
        <v>2</v>
      </c>
      <c r="N50" s="16">
        <v>2</v>
      </c>
      <c r="O50" s="22" t="s">
        <v>268</v>
      </c>
    </row>
    <row r="51" spans="1:15">
      <c r="A51" s="21" t="s">
        <v>240</v>
      </c>
      <c r="B51" s="21" t="s">
        <v>237</v>
      </c>
      <c r="C51" s="21" t="s">
        <v>265</v>
      </c>
      <c r="D51" s="21" t="s">
        <v>728</v>
      </c>
      <c r="E51" s="21" t="s">
        <v>214</v>
      </c>
      <c r="F51" s="16">
        <v>25723</v>
      </c>
      <c r="G51" s="16">
        <v>25595</v>
      </c>
      <c r="H51" s="16">
        <v>25484</v>
      </c>
      <c r="I51" s="16">
        <v>22115</v>
      </c>
      <c r="J51" s="16">
        <v>619</v>
      </c>
      <c r="K51" s="16">
        <v>2697</v>
      </c>
      <c r="L51" s="16">
        <v>53</v>
      </c>
      <c r="M51" s="16">
        <v>111</v>
      </c>
      <c r="N51" s="16">
        <v>128</v>
      </c>
      <c r="O51" s="22" t="s">
        <v>268</v>
      </c>
    </row>
    <row r="52" spans="1:15">
      <c r="A52" s="21" t="s">
        <v>240</v>
      </c>
      <c r="B52" s="21" t="s">
        <v>237</v>
      </c>
      <c r="C52" s="21" t="s">
        <v>265</v>
      </c>
      <c r="D52" s="21" t="s">
        <v>728</v>
      </c>
      <c r="E52" s="21" t="s">
        <v>540</v>
      </c>
      <c r="F52" s="16">
        <v>6739</v>
      </c>
      <c r="G52" s="16">
        <v>6697</v>
      </c>
      <c r="H52" s="16">
        <v>6635</v>
      </c>
      <c r="I52" s="16">
        <v>4896</v>
      </c>
      <c r="J52" s="16">
        <v>323</v>
      </c>
      <c r="K52" s="16">
        <v>1403</v>
      </c>
      <c r="L52" s="16">
        <v>13</v>
      </c>
      <c r="M52" s="16">
        <v>62</v>
      </c>
      <c r="N52" s="16">
        <v>42</v>
      </c>
      <c r="O52" s="22" t="s">
        <v>268</v>
      </c>
    </row>
    <row r="53" spans="1:15">
      <c r="A53" s="21" t="s">
        <v>240</v>
      </c>
      <c r="B53" s="21" t="s">
        <v>237</v>
      </c>
      <c r="C53" s="21" t="s">
        <v>265</v>
      </c>
      <c r="D53" s="21" t="s">
        <v>728</v>
      </c>
      <c r="E53" s="21" t="s">
        <v>541</v>
      </c>
      <c r="F53" s="16">
        <v>10018</v>
      </c>
      <c r="G53" s="16">
        <v>9947</v>
      </c>
      <c r="H53" s="16">
        <v>9913</v>
      </c>
      <c r="I53" s="16">
        <v>8795</v>
      </c>
      <c r="J53" s="16">
        <v>220</v>
      </c>
      <c r="K53" s="16">
        <v>876</v>
      </c>
      <c r="L53" s="16">
        <v>22</v>
      </c>
      <c r="M53" s="16">
        <v>34</v>
      </c>
      <c r="N53" s="16">
        <v>71</v>
      </c>
      <c r="O53" s="22" t="s">
        <v>268</v>
      </c>
    </row>
    <row r="54" spans="1:15">
      <c r="A54" s="21" t="s">
        <v>240</v>
      </c>
      <c r="B54" s="21" t="s">
        <v>237</v>
      </c>
      <c r="C54" s="21" t="s">
        <v>265</v>
      </c>
      <c r="D54" s="21" t="s">
        <v>728</v>
      </c>
      <c r="E54" s="21" t="s">
        <v>542</v>
      </c>
      <c r="F54" s="16">
        <v>4504</v>
      </c>
      <c r="G54" s="16">
        <v>4496</v>
      </c>
      <c r="H54" s="16">
        <v>4485</v>
      </c>
      <c r="I54" s="16">
        <v>4135</v>
      </c>
      <c r="J54" s="16">
        <v>65</v>
      </c>
      <c r="K54" s="16">
        <v>277</v>
      </c>
      <c r="L54" s="16">
        <v>8</v>
      </c>
      <c r="M54" s="16">
        <v>11</v>
      </c>
      <c r="N54" s="16">
        <v>8</v>
      </c>
      <c r="O54" s="22" t="s">
        <v>268</v>
      </c>
    </row>
    <row r="55" spans="1:15">
      <c r="A55" s="21" t="s">
        <v>240</v>
      </c>
      <c r="B55" s="21" t="s">
        <v>237</v>
      </c>
      <c r="C55" s="21" t="s">
        <v>265</v>
      </c>
      <c r="D55" s="21" t="s">
        <v>728</v>
      </c>
      <c r="E55" s="21" t="s">
        <v>543</v>
      </c>
      <c r="F55" s="16">
        <v>2045</v>
      </c>
      <c r="G55" s="16">
        <v>2043</v>
      </c>
      <c r="H55" s="16">
        <v>2041</v>
      </c>
      <c r="I55" s="16">
        <v>1933</v>
      </c>
      <c r="J55" s="16">
        <v>7</v>
      </c>
      <c r="K55" s="16">
        <v>95</v>
      </c>
      <c r="L55" s="16">
        <v>6</v>
      </c>
      <c r="M55" s="16">
        <v>2</v>
      </c>
      <c r="N55" s="16">
        <v>2</v>
      </c>
      <c r="O55" s="22" t="s">
        <v>268</v>
      </c>
    </row>
    <row r="56" spans="1:15">
      <c r="A56" s="21" t="s">
        <v>240</v>
      </c>
      <c r="B56" s="21" t="s">
        <v>237</v>
      </c>
      <c r="C56" s="21" t="s">
        <v>265</v>
      </c>
      <c r="D56" s="21" t="s">
        <v>728</v>
      </c>
      <c r="E56" s="21" t="s">
        <v>544</v>
      </c>
      <c r="F56" s="16">
        <v>1085</v>
      </c>
      <c r="G56" s="16">
        <v>1083</v>
      </c>
      <c r="H56" s="16">
        <v>1082</v>
      </c>
      <c r="I56" s="16">
        <v>1048</v>
      </c>
      <c r="J56" s="16">
        <v>3</v>
      </c>
      <c r="K56" s="16">
        <v>29</v>
      </c>
      <c r="L56" s="16">
        <v>2</v>
      </c>
      <c r="M56" s="16">
        <v>1</v>
      </c>
      <c r="N56" s="16">
        <v>2</v>
      </c>
      <c r="O56" s="22" t="s">
        <v>268</v>
      </c>
    </row>
    <row r="57" spans="1:15">
      <c r="A57" s="21" t="s">
        <v>240</v>
      </c>
      <c r="B57" s="21" t="s">
        <v>237</v>
      </c>
      <c r="C57" s="21" t="s">
        <v>265</v>
      </c>
      <c r="D57" s="21" t="s">
        <v>728</v>
      </c>
      <c r="E57" s="21" t="s">
        <v>545</v>
      </c>
      <c r="F57" s="16">
        <v>710</v>
      </c>
      <c r="G57" s="16">
        <v>708</v>
      </c>
      <c r="H57" s="16">
        <v>708</v>
      </c>
      <c r="I57" s="16">
        <v>691</v>
      </c>
      <c r="J57" s="16">
        <v>1</v>
      </c>
      <c r="K57" s="16">
        <v>14</v>
      </c>
      <c r="L57" s="16">
        <v>2</v>
      </c>
      <c r="M57" s="22" t="s">
        <v>268</v>
      </c>
      <c r="N57" s="16">
        <v>2</v>
      </c>
      <c r="O57" s="22" t="s">
        <v>268</v>
      </c>
    </row>
    <row r="58" spans="1:15">
      <c r="A58" s="21" t="s">
        <v>240</v>
      </c>
      <c r="B58" s="21" t="s">
        <v>237</v>
      </c>
      <c r="C58" s="21" t="s">
        <v>265</v>
      </c>
      <c r="D58" s="21" t="s">
        <v>728</v>
      </c>
      <c r="E58" s="21" t="s">
        <v>546</v>
      </c>
      <c r="F58" s="16">
        <v>622</v>
      </c>
      <c r="G58" s="16">
        <v>621</v>
      </c>
      <c r="H58" s="16">
        <v>620</v>
      </c>
      <c r="I58" s="16">
        <v>617</v>
      </c>
      <c r="J58" s="22" t="s">
        <v>268</v>
      </c>
      <c r="K58" s="16">
        <v>3</v>
      </c>
      <c r="L58" s="22" t="s">
        <v>268</v>
      </c>
      <c r="M58" s="16">
        <v>1</v>
      </c>
      <c r="N58" s="16">
        <v>1</v>
      </c>
      <c r="O58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2" orientation="portrait" r:id="rId1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A952D3-1016-46A3-B35B-CA11C3D85FA4}">
  <sheetPr>
    <pageSetUpPr fitToPage="1"/>
  </sheetPr>
  <dimension ref="A1:O58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7.5" style="20" bestFit="1" customWidth="1"/>
    <col min="5" max="5" width="19" style="20" bestFit="1" customWidth="1"/>
    <col min="6" max="16384" width="12.625" style="20"/>
  </cols>
  <sheetData>
    <row r="1" spans="1:15" s="11" customFormat="1">
      <c r="A1" s="11" t="s">
        <v>192</v>
      </c>
    </row>
    <row r="2" spans="1:15" s="11" customFormat="1">
      <c r="A2" s="11" t="s">
        <v>748</v>
      </c>
    </row>
    <row r="3" spans="1:15" s="11" customFormat="1"/>
    <row r="4" spans="1:15" s="11" customFormat="1" hidden="1"/>
    <row r="5" spans="1:15" s="11" customFormat="1"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</row>
    <row r="6" spans="1:15" s="11" customFormat="1" ht="24">
      <c r="F6" s="12" t="s">
        <v>680</v>
      </c>
      <c r="G6" s="12" t="s">
        <v>680</v>
      </c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  <c r="N6" s="12" t="s">
        <v>680</v>
      </c>
      <c r="O6" s="12" t="s">
        <v>680</v>
      </c>
    </row>
    <row r="7" spans="1:15" s="11" customFormat="1">
      <c r="F7" s="12">
        <v>1</v>
      </c>
      <c r="G7" s="12">
        <v>1</v>
      </c>
      <c r="H7" s="12">
        <v>2</v>
      </c>
      <c r="I7" s="12">
        <v>3</v>
      </c>
      <c r="J7" s="12">
        <v>3</v>
      </c>
      <c r="K7" s="12">
        <v>3</v>
      </c>
      <c r="L7" s="12">
        <v>3</v>
      </c>
      <c r="M7" s="12">
        <v>2</v>
      </c>
      <c r="N7" s="12">
        <v>1</v>
      </c>
      <c r="O7" s="12">
        <v>1</v>
      </c>
    </row>
    <row r="8" spans="1:15" s="11" customFormat="1" ht="36">
      <c r="F8" s="12" t="s">
        <v>214</v>
      </c>
      <c r="G8" s="12" t="s">
        <v>681</v>
      </c>
      <c r="H8" s="12" t="s">
        <v>682</v>
      </c>
      <c r="I8" s="12" t="s">
        <v>683</v>
      </c>
      <c r="J8" s="12" t="s">
        <v>684</v>
      </c>
      <c r="K8" s="12" t="s">
        <v>685</v>
      </c>
      <c r="L8" s="12" t="s">
        <v>686</v>
      </c>
      <c r="M8" s="12" t="s">
        <v>687</v>
      </c>
      <c r="N8" s="12" t="s">
        <v>688</v>
      </c>
      <c r="O8" s="12" t="s">
        <v>689</v>
      </c>
    </row>
    <row r="9" spans="1:15" s="11" customFormat="1"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</row>
    <row r="10" spans="1:15" s="11" customFormat="1">
      <c r="A10" s="14" t="s">
        <v>224</v>
      </c>
      <c r="B10" s="14" t="s">
        <v>259</v>
      </c>
      <c r="C10" s="14" t="s">
        <v>230</v>
      </c>
      <c r="D10" s="14" t="s">
        <v>727</v>
      </c>
      <c r="E10" s="14" t="s">
        <v>487</v>
      </c>
      <c r="F10" s="14" t="s">
        <v>231</v>
      </c>
      <c r="G10" s="14"/>
      <c r="H10" s="14"/>
      <c r="I10" s="14"/>
      <c r="J10" s="14"/>
      <c r="K10" s="14"/>
      <c r="L10" s="14"/>
      <c r="M10" s="14"/>
      <c r="N10" s="14"/>
      <c r="O10" s="14"/>
    </row>
    <row r="11" spans="1:15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214</v>
      </c>
      <c r="F11" s="16">
        <v>123162995</v>
      </c>
      <c r="G11" s="16">
        <v>122165633</v>
      </c>
      <c r="H11" s="16">
        <v>120994071</v>
      </c>
      <c r="I11" s="16">
        <v>87023174</v>
      </c>
      <c r="J11" s="16">
        <v>5015325</v>
      </c>
      <c r="K11" s="16">
        <v>26272767</v>
      </c>
      <c r="L11" s="16">
        <v>2682805</v>
      </c>
      <c r="M11" s="16">
        <v>1171562</v>
      </c>
      <c r="N11" s="16">
        <v>997209</v>
      </c>
      <c r="O11" s="16">
        <v>153</v>
      </c>
    </row>
    <row r="12" spans="1:15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540</v>
      </c>
      <c r="F12" s="16">
        <v>21151042</v>
      </c>
      <c r="G12" s="16">
        <v>20523606</v>
      </c>
      <c r="H12" s="16">
        <v>20080448</v>
      </c>
      <c r="I12" s="16">
        <v>7278913</v>
      </c>
      <c r="J12" s="16">
        <v>1200420</v>
      </c>
      <c r="K12" s="16">
        <v>10609104</v>
      </c>
      <c r="L12" s="16">
        <v>992011</v>
      </c>
      <c r="M12" s="16">
        <v>443158</v>
      </c>
      <c r="N12" s="16">
        <v>627419</v>
      </c>
      <c r="O12" s="16">
        <v>17</v>
      </c>
    </row>
    <row r="13" spans="1:15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541</v>
      </c>
      <c r="F13" s="16">
        <v>31313176</v>
      </c>
      <c r="G13" s="16">
        <v>31199174</v>
      </c>
      <c r="H13" s="16">
        <v>30975692</v>
      </c>
      <c r="I13" s="16">
        <v>22829512</v>
      </c>
      <c r="J13" s="16">
        <v>1724068</v>
      </c>
      <c r="K13" s="16">
        <v>5989574</v>
      </c>
      <c r="L13" s="16">
        <v>432538</v>
      </c>
      <c r="M13" s="16">
        <v>223482</v>
      </c>
      <c r="N13" s="16">
        <v>113988</v>
      </c>
      <c r="O13" s="16">
        <v>14</v>
      </c>
    </row>
    <row r="14" spans="1:15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542</v>
      </c>
      <c r="F14" s="16">
        <v>27688539</v>
      </c>
      <c r="G14" s="16">
        <v>27596490</v>
      </c>
      <c r="H14" s="16">
        <v>27390921</v>
      </c>
      <c r="I14" s="16">
        <v>21101115</v>
      </c>
      <c r="J14" s="16">
        <v>1044864</v>
      </c>
      <c r="K14" s="16">
        <v>4748226</v>
      </c>
      <c r="L14" s="16">
        <v>496716</v>
      </c>
      <c r="M14" s="16">
        <v>205569</v>
      </c>
      <c r="N14" s="16">
        <v>92007</v>
      </c>
      <c r="O14" s="16">
        <v>42</v>
      </c>
    </row>
    <row r="15" spans="1:15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543</v>
      </c>
      <c r="F15" s="16">
        <v>26519260</v>
      </c>
      <c r="G15" s="16">
        <v>26426572</v>
      </c>
      <c r="H15" s="16">
        <v>26230704</v>
      </c>
      <c r="I15" s="16">
        <v>21510200</v>
      </c>
      <c r="J15" s="16">
        <v>676012</v>
      </c>
      <c r="K15" s="16">
        <v>3497596</v>
      </c>
      <c r="L15" s="16">
        <v>546896</v>
      </c>
      <c r="M15" s="16">
        <v>195868</v>
      </c>
      <c r="N15" s="16">
        <v>92644</v>
      </c>
      <c r="O15" s="16">
        <v>44</v>
      </c>
    </row>
    <row r="16" spans="1:15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544</v>
      </c>
      <c r="F16" s="16">
        <v>10631455</v>
      </c>
      <c r="G16" s="16">
        <v>10584455</v>
      </c>
      <c r="H16" s="16">
        <v>10508305</v>
      </c>
      <c r="I16" s="16">
        <v>9004245</v>
      </c>
      <c r="J16" s="16">
        <v>261455</v>
      </c>
      <c r="K16" s="16">
        <v>1070665</v>
      </c>
      <c r="L16" s="16">
        <v>171940</v>
      </c>
      <c r="M16" s="16">
        <v>76150</v>
      </c>
      <c r="N16" s="16">
        <v>46970</v>
      </c>
      <c r="O16" s="16">
        <v>30</v>
      </c>
    </row>
    <row r="17" spans="1:15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545</v>
      </c>
      <c r="F17" s="16">
        <v>3776994</v>
      </c>
      <c r="G17" s="16">
        <v>3761922</v>
      </c>
      <c r="H17" s="16">
        <v>3741954</v>
      </c>
      <c r="I17" s="16">
        <v>3381408</v>
      </c>
      <c r="J17" s="16">
        <v>75324</v>
      </c>
      <c r="K17" s="16">
        <v>254208</v>
      </c>
      <c r="L17" s="16">
        <v>31014</v>
      </c>
      <c r="M17" s="16">
        <v>19968</v>
      </c>
      <c r="N17" s="16">
        <v>15066</v>
      </c>
      <c r="O17" s="16">
        <v>6</v>
      </c>
    </row>
    <row r="18" spans="1:15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546</v>
      </c>
      <c r="F18" s="16">
        <v>2082529</v>
      </c>
      <c r="G18" s="16">
        <v>2073414</v>
      </c>
      <c r="H18" s="16">
        <v>2066047</v>
      </c>
      <c r="I18" s="16">
        <v>1917781</v>
      </c>
      <c r="J18" s="16">
        <v>33182</v>
      </c>
      <c r="K18" s="16">
        <v>103394</v>
      </c>
      <c r="L18" s="16">
        <v>11690</v>
      </c>
      <c r="M18" s="16">
        <v>7367</v>
      </c>
      <c r="N18" s="16">
        <v>9115</v>
      </c>
      <c r="O18" s="22" t="s">
        <v>268</v>
      </c>
    </row>
    <row r="19" spans="1:15">
      <c r="A19" s="21" t="s">
        <v>232</v>
      </c>
      <c r="B19" s="21" t="s">
        <v>233</v>
      </c>
      <c r="C19" s="21" t="s">
        <v>262</v>
      </c>
      <c r="D19" s="21" t="s">
        <v>728</v>
      </c>
      <c r="E19" s="21" t="s">
        <v>214</v>
      </c>
      <c r="F19" s="16">
        <v>50106949</v>
      </c>
      <c r="G19" s="16">
        <v>49981806</v>
      </c>
      <c r="H19" s="16">
        <v>49738916</v>
      </c>
      <c r="I19" s="16">
        <v>43457733</v>
      </c>
      <c r="J19" s="16">
        <v>2351153</v>
      </c>
      <c r="K19" s="16">
        <v>3802281</v>
      </c>
      <c r="L19" s="16">
        <v>127749</v>
      </c>
      <c r="M19" s="16">
        <v>242890</v>
      </c>
      <c r="N19" s="16">
        <v>125087</v>
      </c>
      <c r="O19" s="16">
        <v>56</v>
      </c>
    </row>
    <row r="20" spans="1:15">
      <c r="A20" s="21" t="s">
        <v>232</v>
      </c>
      <c r="B20" s="21" t="s">
        <v>233</v>
      </c>
      <c r="C20" s="21" t="s">
        <v>262</v>
      </c>
      <c r="D20" s="21" t="s">
        <v>728</v>
      </c>
      <c r="E20" s="21" t="s">
        <v>540</v>
      </c>
      <c r="F20" s="16">
        <v>6716806</v>
      </c>
      <c r="G20" s="16">
        <v>6686107</v>
      </c>
      <c r="H20" s="16">
        <v>6584760</v>
      </c>
      <c r="I20" s="16">
        <v>4435064</v>
      </c>
      <c r="J20" s="16">
        <v>761322</v>
      </c>
      <c r="K20" s="16">
        <v>1365049</v>
      </c>
      <c r="L20" s="16">
        <v>23325</v>
      </c>
      <c r="M20" s="16">
        <v>101347</v>
      </c>
      <c r="N20" s="16">
        <v>30697</v>
      </c>
      <c r="O20" s="16">
        <v>2</v>
      </c>
    </row>
    <row r="21" spans="1:15">
      <c r="A21" s="21" t="s">
        <v>232</v>
      </c>
      <c r="B21" s="21" t="s">
        <v>233</v>
      </c>
      <c r="C21" s="21" t="s">
        <v>262</v>
      </c>
      <c r="D21" s="21" t="s">
        <v>728</v>
      </c>
      <c r="E21" s="21" t="s">
        <v>541</v>
      </c>
      <c r="F21" s="16">
        <v>18745692</v>
      </c>
      <c r="G21" s="16">
        <v>18690890</v>
      </c>
      <c r="H21" s="16">
        <v>18606684</v>
      </c>
      <c r="I21" s="16">
        <v>16088962</v>
      </c>
      <c r="J21" s="16">
        <v>1083332</v>
      </c>
      <c r="K21" s="16">
        <v>1385988</v>
      </c>
      <c r="L21" s="16">
        <v>48402</v>
      </c>
      <c r="M21" s="16">
        <v>84206</v>
      </c>
      <c r="N21" s="16">
        <v>54792</v>
      </c>
      <c r="O21" s="16">
        <v>10</v>
      </c>
    </row>
    <row r="22" spans="1:15">
      <c r="A22" s="21" t="s">
        <v>232</v>
      </c>
      <c r="B22" s="21" t="s">
        <v>233</v>
      </c>
      <c r="C22" s="21" t="s">
        <v>262</v>
      </c>
      <c r="D22" s="21" t="s">
        <v>728</v>
      </c>
      <c r="E22" s="21" t="s">
        <v>542</v>
      </c>
      <c r="F22" s="16">
        <v>11413236</v>
      </c>
      <c r="G22" s="16">
        <v>11399328</v>
      </c>
      <c r="H22" s="16">
        <v>11370894</v>
      </c>
      <c r="I22" s="16">
        <v>10334814</v>
      </c>
      <c r="J22" s="16">
        <v>367458</v>
      </c>
      <c r="K22" s="16">
        <v>644466</v>
      </c>
      <c r="L22" s="16">
        <v>24156</v>
      </c>
      <c r="M22" s="16">
        <v>28434</v>
      </c>
      <c r="N22" s="16">
        <v>13887</v>
      </c>
      <c r="O22" s="16">
        <v>21</v>
      </c>
    </row>
    <row r="23" spans="1:15">
      <c r="A23" s="21" t="s">
        <v>232</v>
      </c>
      <c r="B23" s="21" t="s">
        <v>233</v>
      </c>
      <c r="C23" s="21" t="s">
        <v>262</v>
      </c>
      <c r="D23" s="21" t="s">
        <v>728</v>
      </c>
      <c r="E23" s="21" t="s">
        <v>543</v>
      </c>
      <c r="F23" s="16">
        <v>5903380</v>
      </c>
      <c r="G23" s="16">
        <v>5894784</v>
      </c>
      <c r="H23" s="16">
        <v>5881908</v>
      </c>
      <c r="I23" s="16">
        <v>5505660</v>
      </c>
      <c r="J23" s="16">
        <v>102088</v>
      </c>
      <c r="K23" s="16">
        <v>260736</v>
      </c>
      <c r="L23" s="16">
        <v>13424</v>
      </c>
      <c r="M23" s="16">
        <v>12876</v>
      </c>
      <c r="N23" s="16">
        <v>8584</v>
      </c>
      <c r="O23" s="16">
        <v>12</v>
      </c>
    </row>
    <row r="24" spans="1:15">
      <c r="A24" s="21" t="s">
        <v>232</v>
      </c>
      <c r="B24" s="21" t="s">
        <v>233</v>
      </c>
      <c r="C24" s="21" t="s">
        <v>262</v>
      </c>
      <c r="D24" s="21" t="s">
        <v>728</v>
      </c>
      <c r="E24" s="21" t="s">
        <v>544</v>
      </c>
      <c r="F24" s="16">
        <v>3401520</v>
      </c>
      <c r="G24" s="16">
        <v>3394350</v>
      </c>
      <c r="H24" s="16">
        <v>3385785</v>
      </c>
      <c r="I24" s="16">
        <v>3264840</v>
      </c>
      <c r="J24" s="16">
        <v>24575</v>
      </c>
      <c r="K24" s="16">
        <v>88225</v>
      </c>
      <c r="L24" s="16">
        <v>8145</v>
      </c>
      <c r="M24" s="16">
        <v>8565</v>
      </c>
      <c r="N24" s="16">
        <v>7165</v>
      </c>
      <c r="O24" s="16">
        <v>5</v>
      </c>
    </row>
    <row r="25" spans="1:15">
      <c r="A25" s="21" t="s">
        <v>232</v>
      </c>
      <c r="B25" s="21" t="s">
        <v>233</v>
      </c>
      <c r="C25" s="21" t="s">
        <v>262</v>
      </c>
      <c r="D25" s="21" t="s">
        <v>728</v>
      </c>
      <c r="E25" s="21" t="s">
        <v>545</v>
      </c>
      <c r="F25" s="16">
        <v>2339688</v>
      </c>
      <c r="G25" s="16">
        <v>2334684</v>
      </c>
      <c r="H25" s="16">
        <v>2329566</v>
      </c>
      <c r="I25" s="16">
        <v>2279130</v>
      </c>
      <c r="J25" s="16">
        <v>8274</v>
      </c>
      <c r="K25" s="16">
        <v>36738</v>
      </c>
      <c r="L25" s="16">
        <v>5424</v>
      </c>
      <c r="M25" s="16">
        <v>5118</v>
      </c>
      <c r="N25" s="16">
        <v>4998</v>
      </c>
      <c r="O25" s="16">
        <v>6</v>
      </c>
    </row>
    <row r="26" spans="1:15">
      <c r="A26" s="21" t="s">
        <v>232</v>
      </c>
      <c r="B26" s="21" t="s">
        <v>233</v>
      </c>
      <c r="C26" s="21" t="s">
        <v>262</v>
      </c>
      <c r="D26" s="21" t="s">
        <v>728</v>
      </c>
      <c r="E26" s="21" t="s">
        <v>546</v>
      </c>
      <c r="F26" s="16">
        <v>1586627</v>
      </c>
      <c r="G26" s="16">
        <v>1581663</v>
      </c>
      <c r="H26" s="16">
        <v>1579319</v>
      </c>
      <c r="I26" s="16">
        <v>1549263</v>
      </c>
      <c r="J26" s="16">
        <v>4104</v>
      </c>
      <c r="K26" s="16">
        <v>21079</v>
      </c>
      <c r="L26" s="16">
        <v>4873</v>
      </c>
      <c r="M26" s="16">
        <v>2344</v>
      </c>
      <c r="N26" s="16">
        <v>4964</v>
      </c>
      <c r="O26" s="22" t="s">
        <v>268</v>
      </c>
    </row>
    <row r="27" spans="1:15">
      <c r="A27" s="21" t="s">
        <v>232</v>
      </c>
      <c r="B27" s="21" t="s">
        <v>237</v>
      </c>
      <c r="C27" s="21" t="s">
        <v>264</v>
      </c>
      <c r="D27" s="21" t="s">
        <v>214</v>
      </c>
      <c r="E27" s="21" t="s">
        <v>214</v>
      </c>
      <c r="F27" s="16">
        <v>1678793</v>
      </c>
      <c r="G27" s="16">
        <v>1663762</v>
      </c>
      <c r="H27" s="16">
        <v>1649776</v>
      </c>
      <c r="I27" s="16">
        <v>1180571</v>
      </c>
      <c r="J27" s="16">
        <v>76782</v>
      </c>
      <c r="K27" s="16">
        <v>359747</v>
      </c>
      <c r="L27" s="16">
        <v>32676</v>
      </c>
      <c r="M27" s="16">
        <v>13986</v>
      </c>
      <c r="N27" s="16">
        <v>15031</v>
      </c>
      <c r="O27" s="22" t="s">
        <v>268</v>
      </c>
    </row>
    <row r="28" spans="1:15">
      <c r="A28" s="21" t="s">
        <v>232</v>
      </c>
      <c r="B28" s="21" t="s">
        <v>237</v>
      </c>
      <c r="C28" s="21" t="s">
        <v>264</v>
      </c>
      <c r="D28" s="21" t="s">
        <v>214</v>
      </c>
      <c r="E28" s="21" t="s">
        <v>540</v>
      </c>
      <c r="F28" s="16">
        <v>242940</v>
      </c>
      <c r="G28" s="16">
        <v>234952</v>
      </c>
      <c r="H28" s="16">
        <v>230269</v>
      </c>
      <c r="I28" s="16">
        <v>91371</v>
      </c>
      <c r="J28" s="16">
        <v>16369</v>
      </c>
      <c r="K28" s="16">
        <v>111820</v>
      </c>
      <c r="L28" s="16">
        <v>10709</v>
      </c>
      <c r="M28" s="16">
        <v>4683</v>
      </c>
      <c r="N28" s="16">
        <v>7988</v>
      </c>
      <c r="O28" s="22" t="s">
        <v>268</v>
      </c>
    </row>
    <row r="29" spans="1:15">
      <c r="A29" s="21" t="s">
        <v>232</v>
      </c>
      <c r="B29" s="21" t="s">
        <v>237</v>
      </c>
      <c r="C29" s="21" t="s">
        <v>264</v>
      </c>
      <c r="D29" s="21" t="s">
        <v>214</v>
      </c>
      <c r="E29" s="21" t="s">
        <v>541</v>
      </c>
      <c r="F29" s="16">
        <v>424338</v>
      </c>
      <c r="G29" s="16">
        <v>422254</v>
      </c>
      <c r="H29" s="16">
        <v>419766</v>
      </c>
      <c r="I29" s="16">
        <v>313396</v>
      </c>
      <c r="J29" s="16">
        <v>24750</v>
      </c>
      <c r="K29" s="16">
        <v>76918</v>
      </c>
      <c r="L29" s="16">
        <v>4702</v>
      </c>
      <c r="M29" s="16">
        <v>2488</v>
      </c>
      <c r="N29" s="16">
        <v>2084</v>
      </c>
      <c r="O29" s="22" t="s">
        <v>268</v>
      </c>
    </row>
    <row r="30" spans="1:15">
      <c r="A30" s="21" t="s">
        <v>232</v>
      </c>
      <c r="B30" s="21" t="s">
        <v>237</v>
      </c>
      <c r="C30" s="21" t="s">
        <v>264</v>
      </c>
      <c r="D30" s="21" t="s">
        <v>214</v>
      </c>
      <c r="E30" s="21" t="s">
        <v>542</v>
      </c>
      <c r="F30" s="16">
        <v>362727</v>
      </c>
      <c r="G30" s="16">
        <v>361113</v>
      </c>
      <c r="H30" s="16">
        <v>358659</v>
      </c>
      <c r="I30" s="16">
        <v>265188</v>
      </c>
      <c r="J30" s="16">
        <v>15381</v>
      </c>
      <c r="K30" s="16">
        <v>72504</v>
      </c>
      <c r="L30" s="16">
        <v>5586</v>
      </c>
      <c r="M30" s="16">
        <v>2454</v>
      </c>
      <c r="N30" s="16">
        <v>1614</v>
      </c>
      <c r="O30" s="22" t="s">
        <v>268</v>
      </c>
    </row>
    <row r="31" spans="1:15">
      <c r="A31" s="21" t="s">
        <v>232</v>
      </c>
      <c r="B31" s="21" t="s">
        <v>237</v>
      </c>
      <c r="C31" s="21" t="s">
        <v>264</v>
      </c>
      <c r="D31" s="21" t="s">
        <v>214</v>
      </c>
      <c r="E31" s="21" t="s">
        <v>543</v>
      </c>
      <c r="F31" s="16">
        <v>340972</v>
      </c>
      <c r="G31" s="16">
        <v>339376</v>
      </c>
      <c r="H31" s="16">
        <v>336872</v>
      </c>
      <c r="I31" s="16">
        <v>253412</v>
      </c>
      <c r="J31" s="16">
        <v>11244</v>
      </c>
      <c r="K31" s="16">
        <v>64680</v>
      </c>
      <c r="L31" s="16">
        <v>7536</v>
      </c>
      <c r="M31" s="16">
        <v>2504</v>
      </c>
      <c r="N31" s="16">
        <v>1596</v>
      </c>
      <c r="O31" s="22" t="s">
        <v>268</v>
      </c>
    </row>
    <row r="32" spans="1:15">
      <c r="A32" s="21" t="s">
        <v>232</v>
      </c>
      <c r="B32" s="21" t="s">
        <v>237</v>
      </c>
      <c r="C32" s="21" t="s">
        <v>264</v>
      </c>
      <c r="D32" s="21" t="s">
        <v>214</v>
      </c>
      <c r="E32" s="21" t="s">
        <v>544</v>
      </c>
      <c r="F32" s="16">
        <v>179225</v>
      </c>
      <c r="G32" s="16">
        <v>178005</v>
      </c>
      <c r="H32" s="16">
        <v>176710</v>
      </c>
      <c r="I32" s="16">
        <v>142335</v>
      </c>
      <c r="J32" s="16">
        <v>6070</v>
      </c>
      <c r="K32" s="16">
        <v>25100</v>
      </c>
      <c r="L32" s="16">
        <v>3205</v>
      </c>
      <c r="M32" s="16">
        <v>1295</v>
      </c>
      <c r="N32" s="16">
        <v>1220</v>
      </c>
      <c r="O32" s="22" t="s">
        <v>268</v>
      </c>
    </row>
    <row r="33" spans="1:15">
      <c r="A33" s="21" t="s">
        <v>232</v>
      </c>
      <c r="B33" s="21" t="s">
        <v>237</v>
      </c>
      <c r="C33" s="21" t="s">
        <v>264</v>
      </c>
      <c r="D33" s="21" t="s">
        <v>214</v>
      </c>
      <c r="E33" s="21" t="s">
        <v>545</v>
      </c>
      <c r="F33" s="16">
        <v>73668</v>
      </c>
      <c r="G33" s="16">
        <v>73308</v>
      </c>
      <c r="H33" s="16">
        <v>72936</v>
      </c>
      <c r="I33" s="16">
        <v>63792</v>
      </c>
      <c r="J33" s="16">
        <v>2010</v>
      </c>
      <c r="K33" s="16">
        <v>6408</v>
      </c>
      <c r="L33" s="16">
        <v>726</v>
      </c>
      <c r="M33" s="16">
        <v>372</v>
      </c>
      <c r="N33" s="16">
        <v>360</v>
      </c>
      <c r="O33" s="22" t="s">
        <v>268</v>
      </c>
    </row>
    <row r="34" spans="1:15">
      <c r="A34" s="21" t="s">
        <v>232</v>
      </c>
      <c r="B34" s="21" t="s">
        <v>237</v>
      </c>
      <c r="C34" s="21" t="s">
        <v>264</v>
      </c>
      <c r="D34" s="21" t="s">
        <v>214</v>
      </c>
      <c r="E34" s="21" t="s">
        <v>546</v>
      </c>
      <c r="F34" s="16">
        <v>54923</v>
      </c>
      <c r="G34" s="16">
        <v>54754</v>
      </c>
      <c r="H34" s="16">
        <v>54564</v>
      </c>
      <c r="I34" s="16">
        <v>51077</v>
      </c>
      <c r="J34" s="16">
        <v>958</v>
      </c>
      <c r="K34" s="16">
        <v>2317</v>
      </c>
      <c r="L34" s="16">
        <v>212</v>
      </c>
      <c r="M34" s="16">
        <v>190</v>
      </c>
      <c r="N34" s="16">
        <v>169</v>
      </c>
      <c r="O34" s="22" t="s">
        <v>268</v>
      </c>
    </row>
    <row r="35" spans="1:15">
      <c r="A35" s="21" t="s">
        <v>232</v>
      </c>
      <c r="B35" s="21" t="s">
        <v>237</v>
      </c>
      <c r="C35" s="21" t="s">
        <v>264</v>
      </c>
      <c r="D35" s="21" t="s">
        <v>728</v>
      </c>
      <c r="E35" s="21" t="s">
        <v>214</v>
      </c>
      <c r="F35" s="16">
        <v>775779</v>
      </c>
      <c r="G35" s="16">
        <v>773501</v>
      </c>
      <c r="H35" s="16">
        <v>770873</v>
      </c>
      <c r="I35" s="16">
        <v>682162</v>
      </c>
      <c r="J35" s="16">
        <v>34329</v>
      </c>
      <c r="K35" s="16">
        <v>52687</v>
      </c>
      <c r="L35" s="16">
        <v>1695</v>
      </c>
      <c r="M35" s="16">
        <v>2628</v>
      </c>
      <c r="N35" s="16">
        <v>2278</v>
      </c>
      <c r="O35" s="22" t="s">
        <v>268</v>
      </c>
    </row>
    <row r="36" spans="1:15">
      <c r="A36" s="21" t="s">
        <v>232</v>
      </c>
      <c r="B36" s="21" t="s">
        <v>237</v>
      </c>
      <c r="C36" s="21" t="s">
        <v>264</v>
      </c>
      <c r="D36" s="21" t="s">
        <v>728</v>
      </c>
      <c r="E36" s="21" t="s">
        <v>540</v>
      </c>
      <c r="F36" s="16">
        <v>92410</v>
      </c>
      <c r="G36" s="16">
        <v>92025</v>
      </c>
      <c r="H36" s="16">
        <v>91054</v>
      </c>
      <c r="I36" s="16">
        <v>63650</v>
      </c>
      <c r="J36" s="16">
        <v>11123</v>
      </c>
      <c r="K36" s="16">
        <v>16021</v>
      </c>
      <c r="L36" s="16">
        <v>260</v>
      </c>
      <c r="M36" s="16">
        <v>971</v>
      </c>
      <c r="N36" s="16">
        <v>385</v>
      </c>
      <c r="O36" s="22" t="s">
        <v>268</v>
      </c>
    </row>
    <row r="37" spans="1:15">
      <c r="A37" s="21" t="s">
        <v>232</v>
      </c>
      <c r="B37" s="21" t="s">
        <v>237</v>
      </c>
      <c r="C37" s="21" t="s">
        <v>264</v>
      </c>
      <c r="D37" s="21" t="s">
        <v>728</v>
      </c>
      <c r="E37" s="21" t="s">
        <v>541</v>
      </c>
      <c r="F37" s="16">
        <v>272728</v>
      </c>
      <c r="G37" s="16">
        <v>271548</v>
      </c>
      <c r="H37" s="16">
        <v>270598</v>
      </c>
      <c r="I37" s="16">
        <v>234880</v>
      </c>
      <c r="J37" s="16">
        <v>15386</v>
      </c>
      <c r="K37" s="16">
        <v>19666</v>
      </c>
      <c r="L37" s="16">
        <v>666</v>
      </c>
      <c r="M37" s="16">
        <v>950</v>
      </c>
      <c r="N37" s="16">
        <v>1180</v>
      </c>
      <c r="O37" s="22" t="s">
        <v>268</v>
      </c>
    </row>
    <row r="38" spans="1:15">
      <c r="A38" s="21" t="s">
        <v>232</v>
      </c>
      <c r="B38" s="21" t="s">
        <v>237</v>
      </c>
      <c r="C38" s="21" t="s">
        <v>264</v>
      </c>
      <c r="D38" s="21" t="s">
        <v>728</v>
      </c>
      <c r="E38" s="21" t="s">
        <v>542</v>
      </c>
      <c r="F38" s="16">
        <v>171381</v>
      </c>
      <c r="G38" s="16">
        <v>171108</v>
      </c>
      <c r="H38" s="16">
        <v>170778</v>
      </c>
      <c r="I38" s="16">
        <v>155109</v>
      </c>
      <c r="J38" s="16">
        <v>5508</v>
      </c>
      <c r="K38" s="16">
        <v>9888</v>
      </c>
      <c r="L38" s="16">
        <v>273</v>
      </c>
      <c r="M38" s="16">
        <v>330</v>
      </c>
      <c r="N38" s="16">
        <v>273</v>
      </c>
      <c r="O38" s="22" t="s">
        <v>268</v>
      </c>
    </row>
    <row r="39" spans="1:15">
      <c r="A39" s="21" t="s">
        <v>232</v>
      </c>
      <c r="B39" s="21" t="s">
        <v>237</v>
      </c>
      <c r="C39" s="21" t="s">
        <v>264</v>
      </c>
      <c r="D39" s="21" t="s">
        <v>728</v>
      </c>
      <c r="E39" s="21" t="s">
        <v>543</v>
      </c>
      <c r="F39" s="16">
        <v>95556</v>
      </c>
      <c r="G39" s="16">
        <v>95432</v>
      </c>
      <c r="H39" s="16">
        <v>95276</v>
      </c>
      <c r="I39" s="16">
        <v>89528</v>
      </c>
      <c r="J39" s="16">
        <v>1456</v>
      </c>
      <c r="K39" s="16">
        <v>4096</v>
      </c>
      <c r="L39" s="16">
        <v>196</v>
      </c>
      <c r="M39" s="16">
        <v>156</v>
      </c>
      <c r="N39" s="16">
        <v>124</v>
      </c>
      <c r="O39" s="22" t="s">
        <v>268</v>
      </c>
    </row>
    <row r="40" spans="1:15">
      <c r="A40" s="21" t="s">
        <v>232</v>
      </c>
      <c r="B40" s="21" t="s">
        <v>237</v>
      </c>
      <c r="C40" s="21" t="s">
        <v>264</v>
      </c>
      <c r="D40" s="21" t="s">
        <v>728</v>
      </c>
      <c r="E40" s="21" t="s">
        <v>544</v>
      </c>
      <c r="F40" s="16">
        <v>58185</v>
      </c>
      <c r="G40" s="16">
        <v>58065</v>
      </c>
      <c r="H40" s="16">
        <v>57940</v>
      </c>
      <c r="I40" s="16">
        <v>55535</v>
      </c>
      <c r="J40" s="16">
        <v>500</v>
      </c>
      <c r="K40" s="16">
        <v>1780</v>
      </c>
      <c r="L40" s="16">
        <v>125</v>
      </c>
      <c r="M40" s="16">
        <v>125</v>
      </c>
      <c r="N40" s="16">
        <v>120</v>
      </c>
      <c r="O40" s="22" t="s">
        <v>268</v>
      </c>
    </row>
    <row r="41" spans="1:15">
      <c r="A41" s="21" t="s">
        <v>232</v>
      </c>
      <c r="B41" s="21" t="s">
        <v>237</v>
      </c>
      <c r="C41" s="21" t="s">
        <v>264</v>
      </c>
      <c r="D41" s="21" t="s">
        <v>728</v>
      </c>
      <c r="E41" s="21" t="s">
        <v>545</v>
      </c>
      <c r="F41" s="16">
        <v>42858</v>
      </c>
      <c r="G41" s="16">
        <v>42744</v>
      </c>
      <c r="H41" s="16">
        <v>42672</v>
      </c>
      <c r="I41" s="16">
        <v>41658</v>
      </c>
      <c r="J41" s="16">
        <v>198</v>
      </c>
      <c r="K41" s="16">
        <v>720</v>
      </c>
      <c r="L41" s="16">
        <v>96</v>
      </c>
      <c r="M41" s="16">
        <v>72</v>
      </c>
      <c r="N41" s="16">
        <v>114</v>
      </c>
      <c r="O41" s="22" t="s">
        <v>268</v>
      </c>
    </row>
    <row r="42" spans="1:15">
      <c r="A42" s="21" t="s">
        <v>232</v>
      </c>
      <c r="B42" s="21" t="s">
        <v>237</v>
      </c>
      <c r="C42" s="21" t="s">
        <v>264</v>
      </c>
      <c r="D42" s="21" t="s">
        <v>728</v>
      </c>
      <c r="E42" s="21" t="s">
        <v>546</v>
      </c>
      <c r="F42" s="16">
        <v>42661</v>
      </c>
      <c r="G42" s="16">
        <v>42579</v>
      </c>
      <c r="H42" s="16">
        <v>42555</v>
      </c>
      <c r="I42" s="16">
        <v>41802</v>
      </c>
      <c r="J42" s="16">
        <v>158</v>
      </c>
      <c r="K42" s="16">
        <v>516</v>
      </c>
      <c r="L42" s="16">
        <v>79</v>
      </c>
      <c r="M42" s="16">
        <v>24</v>
      </c>
      <c r="N42" s="16">
        <v>82</v>
      </c>
      <c r="O42" s="22" t="s">
        <v>268</v>
      </c>
    </row>
    <row r="43" spans="1:15">
      <c r="A43" s="21" t="s">
        <v>240</v>
      </c>
      <c r="B43" s="21" t="s">
        <v>237</v>
      </c>
      <c r="C43" s="21" t="s">
        <v>265</v>
      </c>
      <c r="D43" s="21" t="s">
        <v>214</v>
      </c>
      <c r="E43" s="21" t="s">
        <v>214</v>
      </c>
      <c r="F43" s="16">
        <v>117827</v>
      </c>
      <c r="G43" s="16">
        <v>116099</v>
      </c>
      <c r="H43" s="16">
        <v>115128</v>
      </c>
      <c r="I43" s="16">
        <v>86323</v>
      </c>
      <c r="J43" s="16">
        <v>2187</v>
      </c>
      <c r="K43" s="16">
        <v>24550</v>
      </c>
      <c r="L43" s="16">
        <v>2068</v>
      </c>
      <c r="M43" s="16">
        <v>971</v>
      </c>
      <c r="N43" s="16">
        <v>1728</v>
      </c>
      <c r="O43" s="22" t="s">
        <v>268</v>
      </c>
    </row>
    <row r="44" spans="1:15">
      <c r="A44" s="21" t="s">
        <v>240</v>
      </c>
      <c r="B44" s="21" t="s">
        <v>237</v>
      </c>
      <c r="C44" s="21" t="s">
        <v>265</v>
      </c>
      <c r="D44" s="21" t="s">
        <v>214</v>
      </c>
      <c r="E44" s="21" t="s">
        <v>540</v>
      </c>
      <c r="F44" s="16">
        <v>15791</v>
      </c>
      <c r="G44" s="16">
        <v>14694</v>
      </c>
      <c r="H44" s="16">
        <v>14229</v>
      </c>
      <c r="I44" s="16">
        <v>6869</v>
      </c>
      <c r="J44" s="16">
        <v>472</v>
      </c>
      <c r="K44" s="16">
        <v>6120</v>
      </c>
      <c r="L44" s="16">
        <v>768</v>
      </c>
      <c r="M44" s="16">
        <v>465</v>
      </c>
      <c r="N44" s="16">
        <v>1097</v>
      </c>
      <c r="O44" s="22" t="s">
        <v>268</v>
      </c>
    </row>
    <row r="45" spans="1:15">
      <c r="A45" s="21" t="s">
        <v>240</v>
      </c>
      <c r="B45" s="21" t="s">
        <v>237</v>
      </c>
      <c r="C45" s="21" t="s">
        <v>265</v>
      </c>
      <c r="D45" s="21" t="s">
        <v>214</v>
      </c>
      <c r="E45" s="21" t="s">
        <v>541</v>
      </c>
      <c r="F45" s="16">
        <v>29740</v>
      </c>
      <c r="G45" s="16">
        <v>29526</v>
      </c>
      <c r="H45" s="16">
        <v>29370</v>
      </c>
      <c r="I45" s="16">
        <v>22778</v>
      </c>
      <c r="J45" s="16">
        <v>752</v>
      </c>
      <c r="K45" s="16">
        <v>5528</v>
      </c>
      <c r="L45" s="16">
        <v>312</v>
      </c>
      <c r="M45" s="16">
        <v>156</v>
      </c>
      <c r="N45" s="16">
        <v>214</v>
      </c>
      <c r="O45" s="22" t="s">
        <v>268</v>
      </c>
    </row>
    <row r="46" spans="1:15">
      <c r="A46" s="21" t="s">
        <v>240</v>
      </c>
      <c r="B46" s="21" t="s">
        <v>237</v>
      </c>
      <c r="C46" s="21" t="s">
        <v>265</v>
      </c>
      <c r="D46" s="21" t="s">
        <v>214</v>
      </c>
      <c r="E46" s="21" t="s">
        <v>542</v>
      </c>
      <c r="F46" s="16">
        <v>25077</v>
      </c>
      <c r="G46" s="16">
        <v>24951</v>
      </c>
      <c r="H46" s="16">
        <v>24861</v>
      </c>
      <c r="I46" s="16">
        <v>18696</v>
      </c>
      <c r="J46" s="16">
        <v>462</v>
      </c>
      <c r="K46" s="16">
        <v>5388</v>
      </c>
      <c r="L46" s="16">
        <v>315</v>
      </c>
      <c r="M46" s="16">
        <v>90</v>
      </c>
      <c r="N46" s="16">
        <v>126</v>
      </c>
      <c r="O46" s="22" t="s">
        <v>268</v>
      </c>
    </row>
    <row r="47" spans="1:15">
      <c r="A47" s="21" t="s">
        <v>240</v>
      </c>
      <c r="B47" s="21" t="s">
        <v>237</v>
      </c>
      <c r="C47" s="21" t="s">
        <v>265</v>
      </c>
      <c r="D47" s="21" t="s">
        <v>214</v>
      </c>
      <c r="E47" s="21" t="s">
        <v>543</v>
      </c>
      <c r="F47" s="16">
        <v>22536</v>
      </c>
      <c r="G47" s="16">
        <v>22396</v>
      </c>
      <c r="H47" s="16">
        <v>22232</v>
      </c>
      <c r="I47" s="16">
        <v>16764</v>
      </c>
      <c r="J47" s="16">
        <v>276</v>
      </c>
      <c r="K47" s="16">
        <v>4756</v>
      </c>
      <c r="L47" s="16">
        <v>436</v>
      </c>
      <c r="M47" s="16">
        <v>164</v>
      </c>
      <c r="N47" s="16">
        <v>140</v>
      </c>
      <c r="O47" s="22" t="s">
        <v>268</v>
      </c>
    </row>
    <row r="48" spans="1:15">
      <c r="A48" s="21" t="s">
        <v>240</v>
      </c>
      <c r="B48" s="21" t="s">
        <v>237</v>
      </c>
      <c r="C48" s="21" t="s">
        <v>265</v>
      </c>
      <c r="D48" s="21" t="s">
        <v>214</v>
      </c>
      <c r="E48" s="21" t="s">
        <v>544</v>
      </c>
      <c r="F48" s="16">
        <v>12705</v>
      </c>
      <c r="G48" s="16">
        <v>12605</v>
      </c>
      <c r="H48" s="16">
        <v>12535</v>
      </c>
      <c r="I48" s="16">
        <v>10220</v>
      </c>
      <c r="J48" s="16">
        <v>150</v>
      </c>
      <c r="K48" s="16">
        <v>2000</v>
      </c>
      <c r="L48" s="16">
        <v>165</v>
      </c>
      <c r="M48" s="16">
        <v>70</v>
      </c>
      <c r="N48" s="16">
        <v>100</v>
      </c>
      <c r="O48" s="22" t="s">
        <v>268</v>
      </c>
    </row>
    <row r="49" spans="1:15">
      <c r="A49" s="21" t="s">
        <v>240</v>
      </c>
      <c r="B49" s="21" t="s">
        <v>237</v>
      </c>
      <c r="C49" s="21" t="s">
        <v>265</v>
      </c>
      <c r="D49" s="21" t="s">
        <v>214</v>
      </c>
      <c r="E49" s="21" t="s">
        <v>545</v>
      </c>
      <c r="F49" s="16">
        <v>6306</v>
      </c>
      <c r="G49" s="16">
        <v>6270</v>
      </c>
      <c r="H49" s="16">
        <v>6258</v>
      </c>
      <c r="I49" s="16">
        <v>5568</v>
      </c>
      <c r="J49" s="16">
        <v>54</v>
      </c>
      <c r="K49" s="16">
        <v>582</v>
      </c>
      <c r="L49" s="16">
        <v>54</v>
      </c>
      <c r="M49" s="16">
        <v>12</v>
      </c>
      <c r="N49" s="16">
        <v>36</v>
      </c>
      <c r="O49" s="22" t="s">
        <v>268</v>
      </c>
    </row>
    <row r="50" spans="1:15">
      <c r="A50" s="21" t="s">
        <v>240</v>
      </c>
      <c r="B50" s="21" t="s">
        <v>237</v>
      </c>
      <c r="C50" s="21" t="s">
        <v>265</v>
      </c>
      <c r="D50" s="21" t="s">
        <v>214</v>
      </c>
      <c r="E50" s="21" t="s">
        <v>546</v>
      </c>
      <c r="F50" s="16">
        <v>5672</v>
      </c>
      <c r="G50" s="16">
        <v>5657</v>
      </c>
      <c r="H50" s="16">
        <v>5643</v>
      </c>
      <c r="I50" s="16">
        <v>5428</v>
      </c>
      <c r="J50" s="16">
        <v>21</v>
      </c>
      <c r="K50" s="16">
        <v>176</v>
      </c>
      <c r="L50" s="16">
        <v>18</v>
      </c>
      <c r="M50" s="16">
        <v>14</v>
      </c>
      <c r="N50" s="16">
        <v>15</v>
      </c>
      <c r="O50" s="22" t="s">
        <v>268</v>
      </c>
    </row>
    <row r="51" spans="1:15">
      <c r="A51" s="21" t="s">
        <v>240</v>
      </c>
      <c r="B51" s="21" t="s">
        <v>237</v>
      </c>
      <c r="C51" s="21" t="s">
        <v>265</v>
      </c>
      <c r="D51" s="21" t="s">
        <v>728</v>
      </c>
      <c r="E51" s="21" t="s">
        <v>214</v>
      </c>
      <c r="F51" s="16">
        <v>62885</v>
      </c>
      <c r="G51" s="16">
        <v>62640</v>
      </c>
      <c r="H51" s="16">
        <v>62457</v>
      </c>
      <c r="I51" s="16">
        <v>56705</v>
      </c>
      <c r="J51" s="16">
        <v>1007</v>
      </c>
      <c r="K51" s="16">
        <v>4618</v>
      </c>
      <c r="L51" s="16">
        <v>127</v>
      </c>
      <c r="M51" s="16">
        <v>183</v>
      </c>
      <c r="N51" s="16">
        <v>245</v>
      </c>
      <c r="O51" s="22" t="s">
        <v>268</v>
      </c>
    </row>
    <row r="52" spans="1:15">
      <c r="A52" s="21" t="s">
        <v>240</v>
      </c>
      <c r="B52" s="21" t="s">
        <v>237</v>
      </c>
      <c r="C52" s="21" t="s">
        <v>265</v>
      </c>
      <c r="D52" s="21" t="s">
        <v>728</v>
      </c>
      <c r="E52" s="21" t="s">
        <v>540</v>
      </c>
      <c r="F52" s="16">
        <v>6739</v>
      </c>
      <c r="G52" s="16">
        <v>6697</v>
      </c>
      <c r="H52" s="16">
        <v>6635</v>
      </c>
      <c r="I52" s="16">
        <v>4896</v>
      </c>
      <c r="J52" s="16">
        <v>323</v>
      </c>
      <c r="K52" s="16">
        <v>1403</v>
      </c>
      <c r="L52" s="16">
        <v>13</v>
      </c>
      <c r="M52" s="16">
        <v>62</v>
      </c>
      <c r="N52" s="16">
        <v>42</v>
      </c>
      <c r="O52" s="22" t="s">
        <v>268</v>
      </c>
    </row>
    <row r="53" spans="1:15">
      <c r="A53" s="21" t="s">
        <v>240</v>
      </c>
      <c r="B53" s="21" t="s">
        <v>237</v>
      </c>
      <c r="C53" s="21" t="s">
        <v>265</v>
      </c>
      <c r="D53" s="21" t="s">
        <v>728</v>
      </c>
      <c r="E53" s="21" t="s">
        <v>541</v>
      </c>
      <c r="F53" s="16">
        <v>20036</v>
      </c>
      <c r="G53" s="16">
        <v>19894</v>
      </c>
      <c r="H53" s="16">
        <v>19826</v>
      </c>
      <c r="I53" s="16">
        <v>17590</v>
      </c>
      <c r="J53" s="16">
        <v>440</v>
      </c>
      <c r="K53" s="16">
        <v>1752</v>
      </c>
      <c r="L53" s="16">
        <v>44</v>
      </c>
      <c r="M53" s="16">
        <v>68</v>
      </c>
      <c r="N53" s="16">
        <v>142</v>
      </c>
      <c r="O53" s="22" t="s">
        <v>268</v>
      </c>
    </row>
    <row r="54" spans="1:15">
      <c r="A54" s="21" t="s">
        <v>240</v>
      </c>
      <c r="B54" s="21" t="s">
        <v>237</v>
      </c>
      <c r="C54" s="21" t="s">
        <v>265</v>
      </c>
      <c r="D54" s="21" t="s">
        <v>728</v>
      </c>
      <c r="E54" s="21" t="s">
        <v>542</v>
      </c>
      <c r="F54" s="16">
        <v>13512</v>
      </c>
      <c r="G54" s="16">
        <v>13488</v>
      </c>
      <c r="H54" s="16">
        <v>13455</v>
      </c>
      <c r="I54" s="16">
        <v>12405</v>
      </c>
      <c r="J54" s="16">
        <v>195</v>
      </c>
      <c r="K54" s="16">
        <v>831</v>
      </c>
      <c r="L54" s="16">
        <v>24</v>
      </c>
      <c r="M54" s="16">
        <v>33</v>
      </c>
      <c r="N54" s="16">
        <v>24</v>
      </c>
      <c r="O54" s="22" t="s">
        <v>268</v>
      </c>
    </row>
    <row r="55" spans="1:15">
      <c r="A55" s="21" t="s">
        <v>240</v>
      </c>
      <c r="B55" s="21" t="s">
        <v>237</v>
      </c>
      <c r="C55" s="21" t="s">
        <v>265</v>
      </c>
      <c r="D55" s="21" t="s">
        <v>728</v>
      </c>
      <c r="E55" s="21" t="s">
        <v>543</v>
      </c>
      <c r="F55" s="16">
        <v>8180</v>
      </c>
      <c r="G55" s="16">
        <v>8172</v>
      </c>
      <c r="H55" s="16">
        <v>8164</v>
      </c>
      <c r="I55" s="16">
        <v>7732</v>
      </c>
      <c r="J55" s="16">
        <v>28</v>
      </c>
      <c r="K55" s="16">
        <v>380</v>
      </c>
      <c r="L55" s="16">
        <v>24</v>
      </c>
      <c r="M55" s="16">
        <v>8</v>
      </c>
      <c r="N55" s="16">
        <v>8</v>
      </c>
      <c r="O55" s="22" t="s">
        <v>268</v>
      </c>
    </row>
    <row r="56" spans="1:15">
      <c r="A56" s="21" t="s">
        <v>240</v>
      </c>
      <c r="B56" s="21" t="s">
        <v>237</v>
      </c>
      <c r="C56" s="21" t="s">
        <v>265</v>
      </c>
      <c r="D56" s="21" t="s">
        <v>728</v>
      </c>
      <c r="E56" s="21" t="s">
        <v>544</v>
      </c>
      <c r="F56" s="16">
        <v>5425</v>
      </c>
      <c r="G56" s="16">
        <v>5415</v>
      </c>
      <c r="H56" s="16">
        <v>5410</v>
      </c>
      <c r="I56" s="16">
        <v>5240</v>
      </c>
      <c r="J56" s="16">
        <v>15</v>
      </c>
      <c r="K56" s="16">
        <v>145</v>
      </c>
      <c r="L56" s="16">
        <v>10</v>
      </c>
      <c r="M56" s="16">
        <v>5</v>
      </c>
      <c r="N56" s="16">
        <v>10</v>
      </c>
      <c r="O56" s="22" t="s">
        <v>268</v>
      </c>
    </row>
    <row r="57" spans="1:15">
      <c r="A57" s="21" t="s">
        <v>240</v>
      </c>
      <c r="B57" s="21" t="s">
        <v>237</v>
      </c>
      <c r="C57" s="21" t="s">
        <v>265</v>
      </c>
      <c r="D57" s="21" t="s">
        <v>728</v>
      </c>
      <c r="E57" s="21" t="s">
        <v>545</v>
      </c>
      <c r="F57" s="16">
        <v>4260</v>
      </c>
      <c r="G57" s="16">
        <v>4248</v>
      </c>
      <c r="H57" s="16">
        <v>4248</v>
      </c>
      <c r="I57" s="16">
        <v>4146</v>
      </c>
      <c r="J57" s="16">
        <v>6</v>
      </c>
      <c r="K57" s="16">
        <v>84</v>
      </c>
      <c r="L57" s="16">
        <v>12</v>
      </c>
      <c r="M57" s="22" t="s">
        <v>268</v>
      </c>
      <c r="N57" s="16">
        <v>12</v>
      </c>
      <c r="O57" s="22" t="s">
        <v>268</v>
      </c>
    </row>
    <row r="58" spans="1:15">
      <c r="A58" s="21" t="s">
        <v>240</v>
      </c>
      <c r="B58" s="21" t="s">
        <v>237</v>
      </c>
      <c r="C58" s="21" t="s">
        <v>265</v>
      </c>
      <c r="D58" s="21" t="s">
        <v>728</v>
      </c>
      <c r="E58" s="21" t="s">
        <v>546</v>
      </c>
      <c r="F58" s="16">
        <v>4733</v>
      </c>
      <c r="G58" s="16">
        <v>4726</v>
      </c>
      <c r="H58" s="16">
        <v>4719</v>
      </c>
      <c r="I58" s="16">
        <v>4696</v>
      </c>
      <c r="J58" s="22" t="s">
        <v>268</v>
      </c>
      <c r="K58" s="16">
        <v>23</v>
      </c>
      <c r="L58" s="22" t="s">
        <v>268</v>
      </c>
      <c r="M58" s="16">
        <v>7</v>
      </c>
      <c r="N58" s="16">
        <v>7</v>
      </c>
      <c r="O58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2" orientation="portrait" r:id="rId1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19C01E-A18A-4D70-B9F9-482DE38CA9F2}">
  <sheetPr>
    <pageSetUpPr fitToPage="1"/>
  </sheetPr>
  <dimension ref="A1:O58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7.5" style="20" bestFit="1" customWidth="1"/>
    <col min="5" max="5" width="19" style="20" bestFit="1" customWidth="1"/>
    <col min="6" max="16384" width="12.625" style="20"/>
  </cols>
  <sheetData>
    <row r="1" spans="1:15" s="11" customFormat="1">
      <c r="A1" s="11" t="s">
        <v>192</v>
      </c>
    </row>
    <row r="2" spans="1:15" s="11" customFormat="1">
      <c r="A2" s="11" t="s">
        <v>749</v>
      </c>
    </row>
    <row r="3" spans="1:15" s="11" customFormat="1"/>
    <row r="4" spans="1:15" s="11" customFormat="1" hidden="1"/>
    <row r="5" spans="1:15" s="11" customFormat="1" ht="24">
      <c r="F5" s="12" t="s">
        <v>496</v>
      </c>
      <c r="G5" s="12" t="s">
        <v>496</v>
      </c>
      <c r="H5" s="12" t="s">
        <v>496</v>
      </c>
      <c r="I5" s="12" t="s">
        <v>496</v>
      </c>
      <c r="J5" s="12" t="s">
        <v>496</v>
      </c>
      <c r="K5" s="12" t="s">
        <v>496</v>
      </c>
      <c r="L5" s="12" t="s">
        <v>496</v>
      </c>
      <c r="M5" s="12" t="s">
        <v>496</v>
      </c>
      <c r="N5" s="12" t="s">
        <v>496</v>
      </c>
      <c r="O5" s="12" t="s">
        <v>496</v>
      </c>
    </row>
    <row r="6" spans="1:15" s="11" customFormat="1" ht="24">
      <c r="F6" s="12" t="s">
        <v>680</v>
      </c>
      <c r="G6" s="12" t="s">
        <v>680</v>
      </c>
      <c r="H6" s="12" t="s">
        <v>680</v>
      </c>
      <c r="I6" s="12" t="s">
        <v>680</v>
      </c>
      <c r="J6" s="12" t="s">
        <v>680</v>
      </c>
      <c r="K6" s="12" t="s">
        <v>680</v>
      </c>
      <c r="L6" s="12" t="s">
        <v>680</v>
      </c>
      <c r="M6" s="12" t="s">
        <v>680</v>
      </c>
      <c r="N6" s="12" t="s">
        <v>680</v>
      </c>
      <c r="O6" s="12" t="s">
        <v>680</v>
      </c>
    </row>
    <row r="7" spans="1:15" s="11" customFormat="1">
      <c r="F7" s="12">
        <v>1</v>
      </c>
      <c r="G7" s="12">
        <v>1</v>
      </c>
      <c r="H7" s="12">
        <v>2</v>
      </c>
      <c r="I7" s="12">
        <v>3</v>
      </c>
      <c r="J7" s="12">
        <v>3</v>
      </c>
      <c r="K7" s="12">
        <v>3</v>
      </c>
      <c r="L7" s="12">
        <v>3</v>
      </c>
      <c r="M7" s="12">
        <v>2</v>
      </c>
      <c r="N7" s="12">
        <v>1</v>
      </c>
      <c r="O7" s="12">
        <v>1</v>
      </c>
    </row>
    <row r="8" spans="1:15" s="11" customFormat="1" ht="36">
      <c r="F8" s="12" t="s">
        <v>214</v>
      </c>
      <c r="G8" s="12" t="s">
        <v>681</v>
      </c>
      <c r="H8" s="12" t="s">
        <v>682</v>
      </c>
      <c r="I8" s="12" t="s">
        <v>683</v>
      </c>
      <c r="J8" s="12" t="s">
        <v>684</v>
      </c>
      <c r="K8" s="12" t="s">
        <v>685</v>
      </c>
      <c r="L8" s="12" t="s">
        <v>686</v>
      </c>
      <c r="M8" s="12" t="s">
        <v>687</v>
      </c>
      <c r="N8" s="12" t="s">
        <v>688</v>
      </c>
      <c r="O8" s="12" t="s">
        <v>689</v>
      </c>
    </row>
    <row r="9" spans="1:15" s="11" customFormat="1"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</row>
    <row r="10" spans="1:15" s="11" customFormat="1">
      <c r="A10" s="14" t="s">
        <v>224</v>
      </c>
      <c r="B10" s="14" t="s">
        <v>259</v>
      </c>
      <c r="C10" s="14" t="s">
        <v>230</v>
      </c>
      <c r="D10" s="14" t="s">
        <v>727</v>
      </c>
      <c r="E10" s="14" t="s">
        <v>487</v>
      </c>
      <c r="F10" s="14" t="s">
        <v>231</v>
      </c>
      <c r="G10" s="14"/>
      <c r="H10" s="14"/>
      <c r="I10" s="14"/>
      <c r="J10" s="14"/>
      <c r="K10" s="14"/>
      <c r="L10" s="14"/>
      <c r="M10" s="14"/>
      <c r="N10" s="14"/>
      <c r="O10" s="14"/>
    </row>
    <row r="11" spans="1:15">
      <c r="A11" s="15" t="s">
        <v>232</v>
      </c>
      <c r="B11" s="15" t="s">
        <v>233</v>
      </c>
      <c r="C11" s="15" t="s">
        <v>262</v>
      </c>
      <c r="D11" s="15" t="s">
        <v>214</v>
      </c>
      <c r="E11" s="15" t="s">
        <v>214</v>
      </c>
      <c r="F11" s="17">
        <v>2.2109899999999998</v>
      </c>
      <c r="G11" s="17">
        <v>2.2230699999999999</v>
      </c>
      <c r="H11" s="17">
        <v>2.2298300000000002</v>
      </c>
      <c r="I11" s="17">
        <v>2.5800399999999999</v>
      </c>
      <c r="J11" s="17">
        <v>1.8932599999999999</v>
      </c>
      <c r="K11" s="17">
        <v>1.6087199999999999</v>
      </c>
      <c r="L11" s="17">
        <v>1.72895</v>
      </c>
      <c r="M11" s="17">
        <v>1.6931499999999999</v>
      </c>
      <c r="N11" s="17">
        <v>1.3271900000000001</v>
      </c>
      <c r="O11" s="17">
        <v>2.7321399999999998</v>
      </c>
    </row>
    <row r="12" spans="1:15">
      <c r="A12" s="21" t="s">
        <v>232</v>
      </c>
      <c r="B12" s="21" t="s">
        <v>233</v>
      </c>
      <c r="C12" s="21" t="s">
        <v>262</v>
      </c>
      <c r="D12" s="21" t="s">
        <v>214</v>
      </c>
      <c r="E12" s="21" t="s">
        <v>540</v>
      </c>
      <c r="F12" s="17">
        <v>1</v>
      </c>
      <c r="G12" s="17">
        <v>1</v>
      </c>
      <c r="H12" s="17">
        <v>1</v>
      </c>
      <c r="I12" s="17">
        <v>1</v>
      </c>
      <c r="J12" s="17">
        <v>1</v>
      </c>
      <c r="K12" s="17">
        <v>1</v>
      </c>
      <c r="L12" s="17">
        <v>1</v>
      </c>
      <c r="M12" s="17">
        <v>1</v>
      </c>
      <c r="N12" s="17">
        <v>1</v>
      </c>
      <c r="O12" s="17">
        <v>1</v>
      </c>
    </row>
    <row r="13" spans="1:15">
      <c r="A13" s="21" t="s">
        <v>232</v>
      </c>
      <c r="B13" s="21" t="s">
        <v>233</v>
      </c>
      <c r="C13" s="21" t="s">
        <v>262</v>
      </c>
      <c r="D13" s="21" t="s">
        <v>214</v>
      </c>
      <c r="E13" s="21" t="s">
        <v>541</v>
      </c>
      <c r="F13" s="17">
        <v>2</v>
      </c>
      <c r="G13" s="17">
        <v>2</v>
      </c>
      <c r="H13" s="17">
        <v>2</v>
      </c>
      <c r="I13" s="17">
        <v>2</v>
      </c>
      <c r="J13" s="17">
        <v>2</v>
      </c>
      <c r="K13" s="17">
        <v>2</v>
      </c>
      <c r="L13" s="17">
        <v>2</v>
      </c>
      <c r="M13" s="17">
        <v>2</v>
      </c>
      <c r="N13" s="17">
        <v>2</v>
      </c>
      <c r="O13" s="17">
        <v>2</v>
      </c>
    </row>
    <row r="14" spans="1:15">
      <c r="A14" s="21" t="s">
        <v>232</v>
      </c>
      <c r="B14" s="21" t="s">
        <v>233</v>
      </c>
      <c r="C14" s="21" t="s">
        <v>262</v>
      </c>
      <c r="D14" s="21" t="s">
        <v>214</v>
      </c>
      <c r="E14" s="21" t="s">
        <v>542</v>
      </c>
      <c r="F14" s="17">
        <v>3</v>
      </c>
      <c r="G14" s="17">
        <v>3</v>
      </c>
      <c r="H14" s="17">
        <v>3</v>
      </c>
      <c r="I14" s="17">
        <v>3</v>
      </c>
      <c r="J14" s="17">
        <v>3</v>
      </c>
      <c r="K14" s="17">
        <v>3</v>
      </c>
      <c r="L14" s="17">
        <v>3</v>
      </c>
      <c r="M14" s="17">
        <v>3</v>
      </c>
      <c r="N14" s="17">
        <v>3</v>
      </c>
      <c r="O14" s="17">
        <v>3</v>
      </c>
    </row>
    <row r="15" spans="1:15">
      <c r="A15" s="21" t="s">
        <v>232</v>
      </c>
      <c r="B15" s="21" t="s">
        <v>233</v>
      </c>
      <c r="C15" s="21" t="s">
        <v>262</v>
      </c>
      <c r="D15" s="21" t="s">
        <v>214</v>
      </c>
      <c r="E15" s="21" t="s">
        <v>543</v>
      </c>
      <c r="F15" s="17">
        <v>4</v>
      </c>
      <c r="G15" s="17">
        <v>4</v>
      </c>
      <c r="H15" s="17">
        <v>4</v>
      </c>
      <c r="I15" s="17">
        <v>4</v>
      </c>
      <c r="J15" s="17">
        <v>4</v>
      </c>
      <c r="K15" s="17">
        <v>4</v>
      </c>
      <c r="L15" s="17">
        <v>4</v>
      </c>
      <c r="M15" s="17">
        <v>4</v>
      </c>
      <c r="N15" s="17">
        <v>4</v>
      </c>
      <c r="O15" s="17">
        <v>4</v>
      </c>
    </row>
    <row r="16" spans="1:15">
      <c r="A16" s="21" t="s">
        <v>232</v>
      </c>
      <c r="B16" s="21" t="s">
        <v>233</v>
      </c>
      <c r="C16" s="21" t="s">
        <v>262</v>
      </c>
      <c r="D16" s="21" t="s">
        <v>214</v>
      </c>
      <c r="E16" s="21" t="s">
        <v>544</v>
      </c>
      <c r="F16" s="17">
        <v>5</v>
      </c>
      <c r="G16" s="17">
        <v>5</v>
      </c>
      <c r="H16" s="17">
        <v>5</v>
      </c>
      <c r="I16" s="17">
        <v>5</v>
      </c>
      <c r="J16" s="17">
        <v>5</v>
      </c>
      <c r="K16" s="17">
        <v>5</v>
      </c>
      <c r="L16" s="17">
        <v>5</v>
      </c>
      <c r="M16" s="17">
        <v>5</v>
      </c>
      <c r="N16" s="17">
        <v>5</v>
      </c>
      <c r="O16" s="17">
        <v>5</v>
      </c>
    </row>
    <row r="17" spans="1:15">
      <c r="A17" s="21" t="s">
        <v>232</v>
      </c>
      <c r="B17" s="21" t="s">
        <v>233</v>
      </c>
      <c r="C17" s="21" t="s">
        <v>262</v>
      </c>
      <c r="D17" s="21" t="s">
        <v>214</v>
      </c>
      <c r="E17" s="21" t="s">
        <v>545</v>
      </c>
      <c r="F17" s="17">
        <v>6</v>
      </c>
      <c r="G17" s="17">
        <v>6</v>
      </c>
      <c r="H17" s="17">
        <v>6</v>
      </c>
      <c r="I17" s="17">
        <v>6</v>
      </c>
      <c r="J17" s="17">
        <v>6</v>
      </c>
      <c r="K17" s="17">
        <v>6</v>
      </c>
      <c r="L17" s="17">
        <v>6</v>
      </c>
      <c r="M17" s="17">
        <v>6</v>
      </c>
      <c r="N17" s="17">
        <v>6</v>
      </c>
      <c r="O17" s="17">
        <v>6</v>
      </c>
    </row>
    <row r="18" spans="1:15">
      <c r="A18" s="21" t="s">
        <v>232</v>
      </c>
      <c r="B18" s="21" t="s">
        <v>233</v>
      </c>
      <c r="C18" s="21" t="s">
        <v>262</v>
      </c>
      <c r="D18" s="21" t="s">
        <v>214</v>
      </c>
      <c r="E18" s="21" t="s">
        <v>546</v>
      </c>
      <c r="F18" s="17">
        <v>7.3795900000000003</v>
      </c>
      <c r="G18" s="17">
        <v>7.3792499999999999</v>
      </c>
      <c r="H18" s="17">
        <v>7.3791900000000004</v>
      </c>
      <c r="I18" s="17">
        <v>7.3739499999999998</v>
      </c>
      <c r="J18" s="17">
        <v>7.4549500000000002</v>
      </c>
      <c r="K18" s="17">
        <v>7.44217</v>
      </c>
      <c r="L18" s="17">
        <v>7.4744200000000003</v>
      </c>
      <c r="M18" s="17">
        <v>7.3965899999999998</v>
      </c>
      <c r="N18" s="17">
        <v>7.4590800000000002</v>
      </c>
      <c r="O18" s="23" t="s">
        <v>268</v>
      </c>
    </row>
    <row r="19" spans="1:15">
      <c r="A19" s="21" t="s">
        <v>232</v>
      </c>
      <c r="B19" s="21" t="s">
        <v>233</v>
      </c>
      <c r="C19" s="21" t="s">
        <v>262</v>
      </c>
      <c r="D19" s="21" t="s">
        <v>728</v>
      </c>
      <c r="E19" s="21" t="s">
        <v>214</v>
      </c>
      <c r="F19" s="17">
        <v>2.2117399999999998</v>
      </c>
      <c r="G19" s="17">
        <v>2.2128399999999999</v>
      </c>
      <c r="H19" s="17">
        <v>2.2176999999999998</v>
      </c>
      <c r="I19" s="17">
        <v>2.34354</v>
      </c>
      <c r="J19" s="17">
        <v>1.61276</v>
      </c>
      <c r="K19" s="17">
        <v>1.60798</v>
      </c>
      <c r="L19" s="17">
        <v>2.0570200000000001</v>
      </c>
      <c r="M19" s="17">
        <v>1.52732</v>
      </c>
      <c r="N19" s="17">
        <v>1.8451900000000001</v>
      </c>
      <c r="O19" s="17">
        <v>2.9473699999999998</v>
      </c>
    </row>
    <row r="20" spans="1:15">
      <c r="A20" s="21" t="s">
        <v>232</v>
      </c>
      <c r="B20" s="21" t="s">
        <v>233</v>
      </c>
      <c r="C20" s="21" t="s">
        <v>262</v>
      </c>
      <c r="D20" s="21" t="s">
        <v>728</v>
      </c>
      <c r="E20" s="21" t="s">
        <v>540</v>
      </c>
      <c r="F20" s="17">
        <v>1</v>
      </c>
      <c r="G20" s="17">
        <v>1</v>
      </c>
      <c r="H20" s="17">
        <v>1</v>
      </c>
      <c r="I20" s="17">
        <v>1</v>
      </c>
      <c r="J20" s="17">
        <v>1</v>
      </c>
      <c r="K20" s="17">
        <v>1</v>
      </c>
      <c r="L20" s="17">
        <v>1</v>
      </c>
      <c r="M20" s="17">
        <v>1</v>
      </c>
      <c r="N20" s="17">
        <v>1</v>
      </c>
      <c r="O20" s="17">
        <v>1</v>
      </c>
    </row>
    <row r="21" spans="1:15">
      <c r="A21" s="21" t="s">
        <v>232</v>
      </c>
      <c r="B21" s="21" t="s">
        <v>233</v>
      </c>
      <c r="C21" s="21" t="s">
        <v>262</v>
      </c>
      <c r="D21" s="21" t="s">
        <v>728</v>
      </c>
      <c r="E21" s="21" t="s">
        <v>541</v>
      </c>
      <c r="F21" s="17">
        <v>2</v>
      </c>
      <c r="G21" s="17">
        <v>2</v>
      </c>
      <c r="H21" s="17">
        <v>2</v>
      </c>
      <c r="I21" s="17">
        <v>2</v>
      </c>
      <c r="J21" s="17">
        <v>2</v>
      </c>
      <c r="K21" s="17">
        <v>2</v>
      </c>
      <c r="L21" s="17">
        <v>2</v>
      </c>
      <c r="M21" s="17">
        <v>2</v>
      </c>
      <c r="N21" s="17">
        <v>2</v>
      </c>
      <c r="O21" s="17">
        <v>2</v>
      </c>
    </row>
    <row r="22" spans="1:15">
      <c r="A22" s="21" t="s">
        <v>232</v>
      </c>
      <c r="B22" s="21" t="s">
        <v>233</v>
      </c>
      <c r="C22" s="21" t="s">
        <v>262</v>
      </c>
      <c r="D22" s="21" t="s">
        <v>728</v>
      </c>
      <c r="E22" s="21" t="s">
        <v>542</v>
      </c>
      <c r="F22" s="17">
        <v>3</v>
      </c>
      <c r="G22" s="17">
        <v>3</v>
      </c>
      <c r="H22" s="17">
        <v>3</v>
      </c>
      <c r="I22" s="17">
        <v>3</v>
      </c>
      <c r="J22" s="17">
        <v>3</v>
      </c>
      <c r="K22" s="17">
        <v>3</v>
      </c>
      <c r="L22" s="17">
        <v>3</v>
      </c>
      <c r="M22" s="17">
        <v>3</v>
      </c>
      <c r="N22" s="17">
        <v>3</v>
      </c>
      <c r="O22" s="17">
        <v>3</v>
      </c>
    </row>
    <row r="23" spans="1:15">
      <c r="A23" s="21" t="s">
        <v>232</v>
      </c>
      <c r="B23" s="21" t="s">
        <v>233</v>
      </c>
      <c r="C23" s="21" t="s">
        <v>262</v>
      </c>
      <c r="D23" s="21" t="s">
        <v>728</v>
      </c>
      <c r="E23" s="21" t="s">
        <v>543</v>
      </c>
      <c r="F23" s="17">
        <v>4</v>
      </c>
      <c r="G23" s="17">
        <v>4</v>
      </c>
      <c r="H23" s="17">
        <v>4</v>
      </c>
      <c r="I23" s="17">
        <v>4</v>
      </c>
      <c r="J23" s="17">
        <v>4</v>
      </c>
      <c r="K23" s="17">
        <v>4</v>
      </c>
      <c r="L23" s="17">
        <v>4</v>
      </c>
      <c r="M23" s="17">
        <v>4</v>
      </c>
      <c r="N23" s="17">
        <v>4</v>
      </c>
      <c r="O23" s="17">
        <v>4</v>
      </c>
    </row>
    <row r="24" spans="1:15">
      <c r="A24" s="21" t="s">
        <v>232</v>
      </c>
      <c r="B24" s="21" t="s">
        <v>233</v>
      </c>
      <c r="C24" s="21" t="s">
        <v>262</v>
      </c>
      <c r="D24" s="21" t="s">
        <v>728</v>
      </c>
      <c r="E24" s="21" t="s">
        <v>544</v>
      </c>
      <c r="F24" s="17">
        <v>5</v>
      </c>
      <c r="G24" s="17">
        <v>5</v>
      </c>
      <c r="H24" s="17">
        <v>5</v>
      </c>
      <c r="I24" s="17">
        <v>5</v>
      </c>
      <c r="J24" s="17">
        <v>5</v>
      </c>
      <c r="K24" s="17">
        <v>5</v>
      </c>
      <c r="L24" s="17">
        <v>5</v>
      </c>
      <c r="M24" s="17">
        <v>5</v>
      </c>
      <c r="N24" s="17">
        <v>5</v>
      </c>
      <c r="O24" s="17">
        <v>5</v>
      </c>
    </row>
    <row r="25" spans="1:15">
      <c r="A25" s="21" t="s">
        <v>232</v>
      </c>
      <c r="B25" s="21" t="s">
        <v>233</v>
      </c>
      <c r="C25" s="21" t="s">
        <v>262</v>
      </c>
      <c r="D25" s="21" t="s">
        <v>728</v>
      </c>
      <c r="E25" s="21" t="s">
        <v>545</v>
      </c>
      <c r="F25" s="17">
        <v>6</v>
      </c>
      <c r="G25" s="17">
        <v>6</v>
      </c>
      <c r="H25" s="17">
        <v>6</v>
      </c>
      <c r="I25" s="17">
        <v>6</v>
      </c>
      <c r="J25" s="17">
        <v>6</v>
      </c>
      <c r="K25" s="17">
        <v>6</v>
      </c>
      <c r="L25" s="17">
        <v>6</v>
      </c>
      <c r="M25" s="17">
        <v>6</v>
      </c>
      <c r="N25" s="17">
        <v>6</v>
      </c>
      <c r="O25" s="17">
        <v>6</v>
      </c>
    </row>
    <row r="26" spans="1:15">
      <c r="A26" s="21" t="s">
        <v>232</v>
      </c>
      <c r="B26" s="21" t="s">
        <v>233</v>
      </c>
      <c r="C26" s="21" t="s">
        <v>262</v>
      </c>
      <c r="D26" s="21" t="s">
        <v>728</v>
      </c>
      <c r="E26" s="21" t="s">
        <v>546</v>
      </c>
      <c r="F26" s="17">
        <v>7.3841299999999999</v>
      </c>
      <c r="G26" s="17">
        <v>7.3836000000000004</v>
      </c>
      <c r="H26" s="17">
        <v>7.3835800000000003</v>
      </c>
      <c r="I26" s="17">
        <v>7.38103</v>
      </c>
      <c r="J26" s="17">
        <v>7.4347799999999999</v>
      </c>
      <c r="K26" s="17">
        <v>7.5040899999999997</v>
      </c>
      <c r="L26" s="17">
        <v>7.6499199999999998</v>
      </c>
      <c r="M26" s="17">
        <v>7.3943199999999996</v>
      </c>
      <c r="N26" s="17">
        <v>7.5555599999999998</v>
      </c>
      <c r="O26" s="23" t="s">
        <v>268</v>
      </c>
    </row>
    <row r="27" spans="1:15">
      <c r="A27" s="21" t="s">
        <v>232</v>
      </c>
      <c r="B27" s="21" t="s">
        <v>237</v>
      </c>
      <c r="C27" s="21" t="s">
        <v>264</v>
      </c>
      <c r="D27" s="21" t="s">
        <v>214</v>
      </c>
      <c r="E27" s="21" t="s">
        <v>214</v>
      </c>
      <c r="F27" s="17">
        <v>2.34226</v>
      </c>
      <c r="G27" s="17">
        <v>2.3551199999999999</v>
      </c>
      <c r="H27" s="17">
        <v>2.36111</v>
      </c>
      <c r="I27" s="17">
        <v>2.6484899999999998</v>
      </c>
      <c r="J27" s="17">
        <v>2.0016699999999998</v>
      </c>
      <c r="K27" s="17">
        <v>1.82595</v>
      </c>
      <c r="L27" s="17">
        <v>1.8569100000000001</v>
      </c>
      <c r="M27" s="17">
        <v>1.81213</v>
      </c>
      <c r="N27" s="17">
        <v>1.46017</v>
      </c>
      <c r="O27" s="23" t="s">
        <v>268</v>
      </c>
    </row>
    <row r="28" spans="1:15">
      <c r="A28" s="21" t="s">
        <v>232</v>
      </c>
      <c r="B28" s="21" t="s">
        <v>237</v>
      </c>
      <c r="C28" s="21" t="s">
        <v>264</v>
      </c>
      <c r="D28" s="21" t="s">
        <v>214</v>
      </c>
      <c r="E28" s="21" t="s">
        <v>540</v>
      </c>
      <c r="F28" s="17">
        <v>1</v>
      </c>
      <c r="G28" s="17">
        <v>1</v>
      </c>
      <c r="H28" s="17">
        <v>1</v>
      </c>
      <c r="I28" s="17">
        <v>1</v>
      </c>
      <c r="J28" s="17">
        <v>1</v>
      </c>
      <c r="K28" s="17">
        <v>1</v>
      </c>
      <c r="L28" s="17">
        <v>1</v>
      </c>
      <c r="M28" s="17">
        <v>1</v>
      </c>
      <c r="N28" s="17">
        <v>1</v>
      </c>
      <c r="O28" s="23" t="s">
        <v>268</v>
      </c>
    </row>
    <row r="29" spans="1:15">
      <c r="A29" s="21" t="s">
        <v>232</v>
      </c>
      <c r="B29" s="21" t="s">
        <v>237</v>
      </c>
      <c r="C29" s="21" t="s">
        <v>264</v>
      </c>
      <c r="D29" s="21" t="s">
        <v>214</v>
      </c>
      <c r="E29" s="21" t="s">
        <v>541</v>
      </c>
      <c r="F29" s="17">
        <v>2</v>
      </c>
      <c r="G29" s="17">
        <v>2</v>
      </c>
      <c r="H29" s="17">
        <v>2</v>
      </c>
      <c r="I29" s="17">
        <v>2</v>
      </c>
      <c r="J29" s="17">
        <v>2</v>
      </c>
      <c r="K29" s="17">
        <v>2</v>
      </c>
      <c r="L29" s="17">
        <v>2</v>
      </c>
      <c r="M29" s="17">
        <v>2</v>
      </c>
      <c r="N29" s="17">
        <v>2</v>
      </c>
      <c r="O29" s="23" t="s">
        <v>268</v>
      </c>
    </row>
    <row r="30" spans="1:15">
      <c r="A30" s="21" t="s">
        <v>232</v>
      </c>
      <c r="B30" s="21" t="s">
        <v>237</v>
      </c>
      <c r="C30" s="21" t="s">
        <v>264</v>
      </c>
      <c r="D30" s="21" t="s">
        <v>214</v>
      </c>
      <c r="E30" s="21" t="s">
        <v>542</v>
      </c>
      <c r="F30" s="17">
        <v>3</v>
      </c>
      <c r="G30" s="17">
        <v>3</v>
      </c>
      <c r="H30" s="17">
        <v>3</v>
      </c>
      <c r="I30" s="17">
        <v>3</v>
      </c>
      <c r="J30" s="17">
        <v>3</v>
      </c>
      <c r="K30" s="17">
        <v>3</v>
      </c>
      <c r="L30" s="17">
        <v>3</v>
      </c>
      <c r="M30" s="17">
        <v>3</v>
      </c>
      <c r="N30" s="17">
        <v>3</v>
      </c>
      <c r="O30" s="23" t="s">
        <v>268</v>
      </c>
    </row>
    <row r="31" spans="1:15">
      <c r="A31" s="21" t="s">
        <v>232</v>
      </c>
      <c r="B31" s="21" t="s">
        <v>237</v>
      </c>
      <c r="C31" s="21" t="s">
        <v>264</v>
      </c>
      <c r="D31" s="21" t="s">
        <v>214</v>
      </c>
      <c r="E31" s="21" t="s">
        <v>543</v>
      </c>
      <c r="F31" s="17">
        <v>4</v>
      </c>
      <c r="G31" s="17">
        <v>4</v>
      </c>
      <c r="H31" s="17">
        <v>4</v>
      </c>
      <c r="I31" s="17">
        <v>4</v>
      </c>
      <c r="J31" s="17">
        <v>4</v>
      </c>
      <c r="K31" s="17">
        <v>4</v>
      </c>
      <c r="L31" s="17">
        <v>4</v>
      </c>
      <c r="M31" s="17">
        <v>4</v>
      </c>
      <c r="N31" s="17">
        <v>4</v>
      </c>
      <c r="O31" s="23" t="s">
        <v>268</v>
      </c>
    </row>
    <row r="32" spans="1:15">
      <c r="A32" s="21" t="s">
        <v>232</v>
      </c>
      <c r="B32" s="21" t="s">
        <v>237</v>
      </c>
      <c r="C32" s="21" t="s">
        <v>264</v>
      </c>
      <c r="D32" s="21" t="s">
        <v>214</v>
      </c>
      <c r="E32" s="21" t="s">
        <v>544</v>
      </c>
      <c r="F32" s="17">
        <v>5</v>
      </c>
      <c r="G32" s="17">
        <v>5</v>
      </c>
      <c r="H32" s="17">
        <v>5</v>
      </c>
      <c r="I32" s="17">
        <v>5</v>
      </c>
      <c r="J32" s="17">
        <v>5</v>
      </c>
      <c r="K32" s="17">
        <v>5</v>
      </c>
      <c r="L32" s="17">
        <v>5</v>
      </c>
      <c r="M32" s="17">
        <v>5</v>
      </c>
      <c r="N32" s="17">
        <v>5</v>
      </c>
      <c r="O32" s="23" t="s">
        <v>268</v>
      </c>
    </row>
    <row r="33" spans="1:15">
      <c r="A33" s="21" t="s">
        <v>232</v>
      </c>
      <c r="B33" s="21" t="s">
        <v>237</v>
      </c>
      <c r="C33" s="21" t="s">
        <v>264</v>
      </c>
      <c r="D33" s="21" t="s">
        <v>214</v>
      </c>
      <c r="E33" s="21" t="s">
        <v>545</v>
      </c>
      <c r="F33" s="17">
        <v>6</v>
      </c>
      <c r="G33" s="17">
        <v>6</v>
      </c>
      <c r="H33" s="17">
        <v>6</v>
      </c>
      <c r="I33" s="17">
        <v>6</v>
      </c>
      <c r="J33" s="17">
        <v>6</v>
      </c>
      <c r="K33" s="17">
        <v>6</v>
      </c>
      <c r="L33" s="17">
        <v>6</v>
      </c>
      <c r="M33" s="17">
        <v>6</v>
      </c>
      <c r="N33" s="17">
        <v>6</v>
      </c>
      <c r="O33" s="23" t="s">
        <v>268</v>
      </c>
    </row>
    <row r="34" spans="1:15">
      <c r="A34" s="21" t="s">
        <v>232</v>
      </c>
      <c r="B34" s="21" t="s">
        <v>237</v>
      </c>
      <c r="C34" s="21" t="s">
        <v>264</v>
      </c>
      <c r="D34" s="21" t="s">
        <v>214</v>
      </c>
      <c r="E34" s="21" t="s">
        <v>546</v>
      </c>
      <c r="F34" s="17">
        <v>7.4664200000000003</v>
      </c>
      <c r="G34" s="17">
        <v>7.4667899999999996</v>
      </c>
      <c r="H34" s="17">
        <v>7.4673600000000002</v>
      </c>
      <c r="I34" s="17">
        <v>7.4717700000000002</v>
      </c>
      <c r="J34" s="17">
        <v>7.4843799999999998</v>
      </c>
      <c r="K34" s="17">
        <v>7.3789800000000003</v>
      </c>
      <c r="L34" s="17">
        <v>7.3103400000000001</v>
      </c>
      <c r="M34" s="17">
        <v>7.30769</v>
      </c>
      <c r="N34" s="17">
        <v>7.3478300000000001</v>
      </c>
      <c r="O34" s="23" t="s">
        <v>268</v>
      </c>
    </row>
    <row r="35" spans="1:15">
      <c r="A35" s="21" t="s">
        <v>232</v>
      </c>
      <c r="B35" s="21" t="s">
        <v>237</v>
      </c>
      <c r="C35" s="21" t="s">
        <v>264</v>
      </c>
      <c r="D35" s="21" t="s">
        <v>728</v>
      </c>
      <c r="E35" s="21" t="s">
        <v>214</v>
      </c>
      <c r="F35" s="17">
        <v>2.3208700000000002</v>
      </c>
      <c r="G35" s="17">
        <v>2.3220499999999999</v>
      </c>
      <c r="H35" s="17">
        <v>2.32558</v>
      </c>
      <c r="I35" s="17">
        <v>2.4467699999999999</v>
      </c>
      <c r="J35" s="17">
        <v>1.6215900000000001</v>
      </c>
      <c r="K35" s="17">
        <v>1.7150700000000001</v>
      </c>
      <c r="L35" s="17">
        <v>2.15924</v>
      </c>
      <c r="M35" s="17">
        <v>1.60734</v>
      </c>
      <c r="N35" s="17">
        <v>1.97915</v>
      </c>
      <c r="O35" s="23" t="s">
        <v>268</v>
      </c>
    </row>
    <row r="36" spans="1:15">
      <c r="A36" s="21" t="s">
        <v>232</v>
      </c>
      <c r="B36" s="21" t="s">
        <v>237</v>
      </c>
      <c r="C36" s="21" t="s">
        <v>264</v>
      </c>
      <c r="D36" s="21" t="s">
        <v>728</v>
      </c>
      <c r="E36" s="21" t="s">
        <v>540</v>
      </c>
      <c r="F36" s="17">
        <v>1</v>
      </c>
      <c r="G36" s="17">
        <v>1</v>
      </c>
      <c r="H36" s="17">
        <v>1</v>
      </c>
      <c r="I36" s="17">
        <v>1</v>
      </c>
      <c r="J36" s="17">
        <v>1</v>
      </c>
      <c r="K36" s="17">
        <v>1</v>
      </c>
      <c r="L36" s="17">
        <v>1</v>
      </c>
      <c r="M36" s="17">
        <v>1</v>
      </c>
      <c r="N36" s="17">
        <v>1</v>
      </c>
      <c r="O36" s="23" t="s">
        <v>268</v>
      </c>
    </row>
    <row r="37" spans="1:15">
      <c r="A37" s="21" t="s">
        <v>232</v>
      </c>
      <c r="B37" s="21" t="s">
        <v>237</v>
      </c>
      <c r="C37" s="21" t="s">
        <v>264</v>
      </c>
      <c r="D37" s="21" t="s">
        <v>728</v>
      </c>
      <c r="E37" s="21" t="s">
        <v>541</v>
      </c>
      <c r="F37" s="17">
        <v>2</v>
      </c>
      <c r="G37" s="17">
        <v>2</v>
      </c>
      <c r="H37" s="17">
        <v>2</v>
      </c>
      <c r="I37" s="17">
        <v>2</v>
      </c>
      <c r="J37" s="17">
        <v>2</v>
      </c>
      <c r="K37" s="17">
        <v>2</v>
      </c>
      <c r="L37" s="17">
        <v>2</v>
      </c>
      <c r="M37" s="17">
        <v>2</v>
      </c>
      <c r="N37" s="17">
        <v>2</v>
      </c>
      <c r="O37" s="23" t="s">
        <v>268</v>
      </c>
    </row>
    <row r="38" spans="1:15">
      <c r="A38" s="21" t="s">
        <v>232</v>
      </c>
      <c r="B38" s="21" t="s">
        <v>237</v>
      </c>
      <c r="C38" s="21" t="s">
        <v>264</v>
      </c>
      <c r="D38" s="21" t="s">
        <v>728</v>
      </c>
      <c r="E38" s="21" t="s">
        <v>542</v>
      </c>
      <c r="F38" s="17">
        <v>3</v>
      </c>
      <c r="G38" s="17">
        <v>3</v>
      </c>
      <c r="H38" s="17">
        <v>3</v>
      </c>
      <c r="I38" s="17">
        <v>3</v>
      </c>
      <c r="J38" s="17">
        <v>3</v>
      </c>
      <c r="K38" s="17">
        <v>3</v>
      </c>
      <c r="L38" s="17">
        <v>3</v>
      </c>
      <c r="M38" s="17">
        <v>3</v>
      </c>
      <c r="N38" s="17">
        <v>3</v>
      </c>
      <c r="O38" s="23" t="s">
        <v>268</v>
      </c>
    </row>
    <row r="39" spans="1:15">
      <c r="A39" s="21" t="s">
        <v>232</v>
      </c>
      <c r="B39" s="21" t="s">
        <v>237</v>
      </c>
      <c r="C39" s="21" t="s">
        <v>264</v>
      </c>
      <c r="D39" s="21" t="s">
        <v>728</v>
      </c>
      <c r="E39" s="21" t="s">
        <v>543</v>
      </c>
      <c r="F39" s="17">
        <v>4</v>
      </c>
      <c r="G39" s="17">
        <v>4</v>
      </c>
      <c r="H39" s="17">
        <v>4</v>
      </c>
      <c r="I39" s="17">
        <v>4</v>
      </c>
      <c r="J39" s="17">
        <v>4</v>
      </c>
      <c r="K39" s="17">
        <v>4</v>
      </c>
      <c r="L39" s="17">
        <v>4</v>
      </c>
      <c r="M39" s="17">
        <v>4</v>
      </c>
      <c r="N39" s="17">
        <v>4</v>
      </c>
      <c r="O39" s="23" t="s">
        <v>268</v>
      </c>
    </row>
    <row r="40" spans="1:15">
      <c r="A40" s="21" t="s">
        <v>232</v>
      </c>
      <c r="B40" s="21" t="s">
        <v>237</v>
      </c>
      <c r="C40" s="21" t="s">
        <v>264</v>
      </c>
      <c r="D40" s="21" t="s">
        <v>728</v>
      </c>
      <c r="E40" s="21" t="s">
        <v>544</v>
      </c>
      <c r="F40" s="17">
        <v>5</v>
      </c>
      <c r="G40" s="17">
        <v>5</v>
      </c>
      <c r="H40" s="17">
        <v>5</v>
      </c>
      <c r="I40" s="17">
        <v>5</v>
      </c>
      <c r="J40" s="17">
        <v>5</v>
      </c>
      <c r="K40" s="17">
        <v>5</v>
      </c>
      <c r="L40" s="17">
        <v>5</v>
      </c>
      <c r="M40" s="17">
        <v>5</v>
      </c>
      <c r="N40" s="17">
        <v>5</v>
      </c>
      <c r="O40" s="23" t="s">
        <v>268</v>
      </c>
    </row>
    <row r="41" spans="1:15">
      <c r="A41" s="21" t="s">
        <v>232</v>
      </c>
      <c r="B41" s="21" t="s">
        <v>237</v>
      </c>
      <c r="C41" s="21" t="s">
        <v>264</v>
      </c>
      <c r="D41" s="21" t="s">
        <v>728</v>
      </c>
      <c r="E41" s="21" t="s">
        <v>545</v>
      </c>
      <c r="F41" s="17">
        <v>6</v>
      </c>
      <c r="G41" s="17">
        <v>6</v>
      </c>
      <c r="H41" s="17">
        <v>6</v>
      </c>
      <c r="I41" s="17">
        <v>6</v>
      </c>
      <c r="J41" s="17">
        <v>6</v>
      </c>
      <c r="K41" s="17">
        <v>6</v>
      </c>
      <c r="L41" s="17">
        <v>6</v>
      </c>
      <c r="M41" s="17">
        <v>6</v>
      </c>
      <c r="N41" s="17">
        <v>6</v>
      </c>
      <c r="O41" s="23" t="s">
        <v>268</v>
      </c>
    </row>
    <row r="42" spans="1:15">
      <c r="A42" s="21" t="s">
        <v>232</v>
      </c>
      <c r="B42" s="21" t="s">
        <v>237</v>
      </c>
      <c r="C42" s="21" t="s">
        <v>264</v>
      </c>
      <c r="D42" s="21" t="s">
        <v>728</v>
      </c>
      <c r="E42" s="21" t="s">
        <v>546</v>
      </c>
      <c r="F42" s="17">
        <v>7.49491</v>
      </c>
      <c r="G42" s="17">
        <v>7.49498</v>
      </c>
      <c r="H42" s="17">
        <v>7.49472</v>
      </c>
      <c r="I42" s="17">
        <v>7.4967699999999997</v>
      </c>
      <c r="J42" s="17">
        <v>7.5238100000000001</v>
      </c>
      <c r="K42" s="17">
        <v>7.3714300000000001</v>
      </c>
      <c r="L42" s="17">
        <v>7.1818200000000001</v>
      </c>
      <c r="M42" s="17">
        <v>8</v>
      </c>
      <c r="N42" s="17">
        <v>7.4545500000000002</v>
      </c>
      <c r="O42" s="23" t="s">
        <v>268</v>
      </c>
    </row>
    <row r="43" spans="1:15">
      <c r="A43" s="21" t="s">
        <v>240</v>
      </c>
      <c r="B43" s="21" t="s">
        <v>237</v>
      </c>
      <c r="C43" s="21" t="s">
        <v>265</v>
      </c>
      <c r="D43" s="21" t="s">
        <v>214</v>
      </c>
      <c r="E43" s="21" t="s">
        <v>214</v>
      </c>
      <c r="F43" s="17">
        <v>2.40483</v>
      </c>
      <c r="G43" s="17">
        <v>2.4346000000000001</v>
      </c>
      <c r="H43" s="17">
        <v>2.4466700000000001</v>
      </c>
      <c r="I43" s="17">
        <v>2.66676</v>
      </c>
      <c r="J43" s="17">
        <v>1.96496</v>
      </c>
      <c r="K43" s="17">
        <v>1.9814400000000001</v>
      </c>
      <c r="L43" s="17">
        <v>1.7495799999999999</v>
      </c>
      <c r="M43" s="17">
        <v>1.5363899999999999</v>
      </c>
      <c r="N43" s="17">
        <v>1.32009</v>
      </c>
      <c r="O43" s="23" t="s">
        <v>268</v>
      </c>
    </row>
    <row r="44" spans="1:15">
      <c r="A44" s="21" t="s">
        <v>240</v>
      </c>
      <c r="B44" s="21" t="s">
        <v>237</v>
      </c>
      <c r="C44" s="21" t="s">
        <v>265</v>
      </c>
      <c r="D44" s="21" t="s">
        <v>214</v>
      </c>
      <c r="E44" s="21" t="s">
        <v>540</v>
      </c>
      <c r="F44" s="17">
        <v>1</v>
      </c>
      <c r="G44" s="17">
        <v>1</v>
      </c>
      <c r="H44" s="17">
        <v>1</v>
      </c>
      <c r="I44" s="17">
        <v>1</v>
      </c>
      <c r="J44" s="17">
        <v>1</v>
      </c>
      <c r="K44" s="17">
        <v>1</v>
      </c>
      <c r="L44" s="17">
        <v>1</v>
      </c>
      <c r="M44" s="17">
        <v>1</v>
      </c>
      <c r="N44" s="17">
        <v>1</v>
      </c>
      <c r="O44" s="23" t="s">
        <v>268</v>
      </c>
    </row>
    <row r="45" spans="1:15">
      <c r="A45" s="21" t="s">
        <v>240</v>
      </c>
      <c r="B45" s="21" t="s">
        <v>237</v>
      </c>
      <c r="C45" s="21" t="s">
        <v>265</v>
      </c>
      <c r="D45" s="21" t="s">
        <v>214</v>
      </c>
      <c r="E45" s="21" t="s">
        <v>541</v>
      </c>
      <c r="F45" s="17">
        <v>2</v>
      </c>
      <c r="G45" s="17">
        <v>2</v>
      </c>
      <c r="H45" s="17">
        <v>2</v>
      </c>
      <c r="I45" s="17">
        <v>2</v>
      </c>
      <c r="J45" s="17">
        <v>2</v>
      </c>
      <c r="K45" s="17">
        <v>2</v>
      </c>
      <c r="L45" s="17">
        <v>2</v>
      </c>
      <c r="M45" s="17">
        <v>2</v>
      </c>
      <c r="N45" s="17">
        <v>2</v>
      </c>
      <c r="O45" s="23" t="s">
        <v>268</v>
      </c>
    </row>
    <row r="46" spans="1:15">
      <c r="A46" s="21" t="s">
        <v>240</v>
      </c>
      <c r="B46" s="21" t="s">
        <v>237</v>
      </c>
      <c r="C46" s="21" t="s">
        <v>265</v>
      </c>
      <c r="D46" s="21" t="s">
        <v>214</v>
      </c>
      <c r="E46" s="21" t="s">
        <v>542</v>
      </c>
      <c r="F46" s="17">
        <v>3</v>
      </c>
      <c r="G46" s="17">
        <v>3</v>
      </c>
      <c r="H46" s="17">
        <v>3</v>
      </c>
      <c r="I46" s="17">
        <v>3</v>
      </c>
      <c r="J46" s="17">
        <v>3</v>
      </c>
      <c r="K46" s="17">
        <v>3</v>
      </c>
      <c r="L46" s="17">
        <v>3</v>
      </c>
      <c r="M46" s="17">
        <v>3</v>
      </c>
      <c r="N46" s="17">
        <v>3</v>
      </c>
      <c r="O46" s="23" t="s">
        <v>268</v>
      </c>
    </row>
    <row r="47" spans="1:15">
      <c r="A47" s="21" t="s">
        <v>240</v>
      </c>
      <c r="B47" s="21" t="s">
        <v>237</v>
      </c>
      <c r="C47" s="21" t="s">
        <v>265</v>
      </c>
      <c r="D47" s="21" t="s">
        <v>214</v>
      </c>
      <c r="E47" s="21" t="s">
        <v>543</v>
      </c>
      <c r="F47" s="17">
        <v>4</v>
      </c>
      <c r="G47" s="17">
        <v>4</v>
      </c>
      <c r="H47" s="17">
        <v>4</v>
      </c>
      <c r="I47" s="17">
        <v>4</v>
      </c>
      <c r="J47" s="17">
        <v>4</v>
      </c>
      <c r="K47" s="17">
        <v>4</v>
      </c>
      <c r="L47" s="17">
        <v>4</v>
      </c>
      <c r="M47" s="17">
        <v>4</v>
      </c>
      <c r="N47" s="17">
        <v>4</v>
      </c>
      <c r="O47" s="23" t="s">
        <v>268</v>
      </c>
    </row>
    <row r="48" spans="1:15">
      <c r="A48" s="21" t="s">
        <v>240</v>
      </c>
      <c r="B48" s="21" t="s">
        <v>237</v>
      </c>
      <c r="C48" s="21" t="s">
        <v>265</v>
      </c>
      <c r="D48" s="21" t="s">
        <v>214</v>
      </c>
      <c r="E48" s="21" t="s">
        <v>544</v>
      </c>
      <c r="F48" s="17">
        <v>5</v>
      </c>
      <c r="G48" s="17">
        <v>5</v>
      </c>
      <c r="H48" s="17">
        <v>5</v>
      </c>
      <c r="I48" s="17">
        <v>5</v>
      </c>
      <c r="J48" s="17">
        <v>5</v>
      </c>
      <c r="K48" s="17">
        <v>5</v>
      </c>
      <c r="L48" s="17">
        <v>5</v>
      </c>
      <c r="M48" s="17">
        <v>5</v>
      </c>
      <c r="N48" s="17">
        <v>5</v>
      </c>
      <c r="O48" s="23" t="s">
        <v>268</v>
      </c>
    </row>
    <row r="49" spans="1:15">
      <c r="A49" s="21" t="s">
        <v>240</v>
      </c>
      <c r="B49" s="21" t="s">
        <v>237</v>
      </c>
      <c r="C49" s="21" t="s">
        <v>265</v>
      </c>
      <c r="D49" s="21" t="s">
        <v>214</v>
      </c>
      <c r="E49" s="21" t="s">
        <v>545</v>
      </c>
      <c r="F49" s="17">
        <v>6</v>
      </c>
      <c r="G49" s="17">
        <v>6</v>
      </c>
      <c r="H49" s="17">
        <v>6</v>
      </c>
      <c r="I49" s="17">
        <v>6</v>
      </c>
      <c r="J49" s="17">
        <v>6</v>
      </c>
      <c r="K49" s="17">
        <v>6</v>
      </c>
      <c r="L49" s="17">
        <v>6</v>
      </c>
      <c r="M49" s="17">
        <v>6</v>
      </c>
      <c r="N49" s="17">
        <v>6</v>
      </c>
      <c r="O49" s="23" t="s">
        <v>268</v>
      </c>
    </row>
    <row r="50" spans="1:15">
      <c r="A50" s="21" t="s">
        <v>240</v>
      </c>
      <c r="B50" s="21" t="s">
        <v>237</v>
      </c>
      <c r="C50" s="21" t="s">
        <v>265</v>
      </c>
      <c r="D50" s="21" t="s">
        <v>214</v>
      </c>
      <c r="E50" s="21" t="s">
        <v>546</v>
      </c>
      <c r="F50" s="17">
        <v>7.5626699999999998</v>
      </c>
      <c r="G50" s="17">
        <v>7.5628299999999999</v>
      </c>
      <c r="H50" s="17">
        <v>7.5643399999999996</v>
      </c>
      <c r="I50" s="17">
        <v>7.57043</v>
      </c>
      <c r="J50" s="17">
        <v>7</v>
      </c>
      <c r="K50" s="17">
        <v>7.3333300000000001</v>
      </c>
      <c r="L50" s="17">
        <v>9</v>
      </c>
      <c r="M50" s="17">
        <v>7</v>
      </c>
      <c r="N50" s="17">
        <v>7.5</v>
      </c>
      <c r="O50" s="23" t="s">
        <v>268</v>
      </c>
    </row>
    <row r="51" spans="1:15">
      <c r="A51" s="21" t="s">
        <v>240</v>
      </c>
      <c r="B51" s="21" t="s">
        <v>237</v>
      </c>
      <c r="C51" s="21" t="s">
        <v>265</v>
      </c>
      <c r="D51" s="21" t="s">
        <v>728</v>
      </c>
      <c r="E51" s="21" t="s">
        <v>214</v>
      </c>
      <c r="F51" s="17">
        <v>2.4447000000000001</v>
      </c>
      <c r="G51" s="17">
        <v>2.4473500000000001</v>
      </c>
      <c r="H51" s="17">
        <v>2.4508299999999998</v>
      </c>
      <c r="I51" s="17">
        <v>2.5640999999999998</v>
      </c>
      <c r="J51" s="17">
        <v>1.6268199999999999</v>
      </c>
      <c r="K51" s="17">
        <v>1.71227</v>
      </c>
      <c r="L51" s="17">
        <v>2.3962300000000001</v>
      </c>
      <c r="M51" s="17">
        <v>1.6486499999999999</v>
      </c>
      <c r="N51" s="17">
        <v>1.9140600000000001</v>
      </c>
      <c r="O51" s="23" t="s">
        <v>268</v>
      </c>
    </row>
    <row r="52" spans="1:15">
      <c r="A52" s="21" t="s">
        <v>240</v>
      </c>
      <c r="B52" s="21" t="s">
        <v>237</v>
      </c>
      <c r="C52" s="21" t="s">
        <v>265</v>
      </c>
      <c r="D52" s="21" t="s">
        <v>728</v>
      </c>
      <c r="E52" s="21" t="s">
        <v>540</v>
      </c>
      <c r="F52" s="17">
        <v>1</v>
      </c>
      <c r="G52" s="17">
        <v>1</v>
      </c>
      <c r="H52" s="17">
        <v>1</v>
      </c>
      <c r="I52" s="17">
        <v>1</v>
      </c>
      <c r="J52" s="17">
        <v>1</v>
      </c>
      <c r="K52" s="17">
        <v>1</v>
      </c>
      <c r="L52" s="17">
        <v>1</v>
      </c>
      <c r="M52" s="17">
        <v>1</v>
      </c>
      <c r="N52" s="17">
        <v>1</v>
      </c>
      <c r="O52" s="23" t="s">
        <v>268</v>
      </c>
    </row>
    <row r="53" spans="1:15">
      <c r="A53" s="21" t="s">
        <v>240</v>
      </c>
      <c r="B53" s="21" t="s">
        <v>237</v>
      </c>
      <c r="C53" s="21" t="s">
        <v>265</v>
      </c>
      <c r="D53" s="21" t="s">
        <v>728</v>
      </c>
      <c r="E53" s="21" t="s">
        <v>541</v>
      </c>
      <c r="F53" s="17">
        <v>2</v>
      </c>
      <c r="G53" s="17">
        <v>2</v>
      </c>
      <c r="H53" s="17">
        <v>2</v>
      </c>
      <c r="I53" s="17">
        <v>2</v>
      </c>
      <c r="J53" s="17">
        <v>2</v>
      </c>
      <c r="K53" s="17">
        <v>2</v>
      </c>
      <c r="L53" s="17">
        <v>2</v>
      </c>
      <c r="M53" s="17">
        <v>2</v>
      </c>
      <c r="N53" s="17">
        <v>2</v>
      </c>
      <c r="O53" s="23" t="s">
        <v>268</v>
      </c>
    </row>
    <row r="54" spans="1:15">
      <c r="A54" s="21" t="s">
        <v>240</v>
      </c>
      <c r="B54" s="21" t="s">
        <v>237</v>
      </c>
      <c r="C54" s="21" t="s">
        <v>265</v>
      </c>
      <c r="D54" s="21" t="s">
        <v>728</v>
      </c>
      <c r="E54" s="21" t="s">
        <v>542</v>
      </c>
      <c r="F54" s="17">
        <v>3</v>
      </c>
      <c r="G54" s="17">
        <v>3</v>
      </c>
      <c r="H54" s="17">
        <v>3</v>
      </c>
      <c r="I54" s="17">
        <v>3</v>
      </c>
      <c r="J54" s="17">
        <v>3</v>
      </c>
      <c r="K54" s="17">
        <v>3</v>
      </c>
      <c r="L54" s="17">
        <v>3</v>
      </c>
      <c r="M54" s="17">
        <v>3</v>
      </c>
      <c r="N54" s="17">
        <v>3</v>
      </c>
      <c r="O54" s="23" t="s">
        <v>268</v>
      </c>
    </row>
    <row r="55" spans="1:15">
      <c r="A55" s="21" t="s">
        <v>240</v>
      </c>
      <c r="B55" s="21" t="s">
        <v>237</v>
      </c>
      <c r="C55" s="21" t="s">
        <v>265</v>
      </c>
      <c r="D55" s="21" t="s">
        <v>728</v>
      </c>
      <c r="E55" s="21" t="s">
        <v>543</v>
      </c>
      <c r="F55" s="17">
        <v>4</v>
      </c>
      <c r="G55" s="17">
        <v>4</v>
      </c>
      <c r="H55" s="17">
        <v>4</v>
      </c>
      <c r="I55" s="17">
        <v>4</v>
      </c>
      <c r="J55" s="17">
        <v>4</v>
      </c>
      <c r="K55" s="17">
        <v>4</v>
      </c>
      <c r="L55" s="17">
        <v>4</v>
      </c>
      <c r="M55" s="17">
        <v>4</v>
      </c>
      <c r="N55" s="17">
        <v>4</v>
      </c>
      <c r="O55" s="23" t="s">
        <v>268</v>
      </c>
    </row>
    <row r="56" spans="1:15">
      <c r="A56" s="21" t="s">
        <v>240</v>
      </c>
      <c r="B56" s="21" t="s">
        <v>237</v>
      </c>
      <c r="C56" s="21" t="s">
        <v>265</v>
      </c>
      <c r="D56" s="21" t="s">
        <v>728</v>
      </c>
      <c r="E56" s="21" t="s">
        <v>544</v>
      </c>
      <c r="F56" s="17">
        <v>5</v>
      </c>
      <c r="G56" s="17">
        <v>5</v>
      </c>
      <c r="H56" s="17">
        <v>5</v>
      </c>
      <c r="I56" s="17">
        <v>5</v>
      </c>
      <c r="J56" s="17">
        <v>5</v>
      </c>
      <c r="K56" s="17">
        <v>5</v>
      </c>
      <c r="L56" s="17">
        <v>5</v>
      </c>
      <c r="M56" s="17">
        <v>5</v>
      </c>
      <c r="N56" s="17">
        <v>5</v>
      </c>
      <c r="O56" s="23" t="s">
        <v>268</v>
      </c>
    </row>
    <row r="57" spans="1:15">
      <c r="A57" s="21" t="s">
        <v>240</v>
      </c>
      <c r="B57" s="21" t="s">
        <v>237</v>
      </c>
      <c r="C57" s="21" t="s">
        <v>265</v>
      </c>
      <c r="D57" s="21" t="s">
        <v>728</v>
      </c>
      <c r="E57" s="21" t="s">
        <v>545</v>
      </c>
      <c r="F57" s="17">
        <v>6</v>
      </c>
      <c r="G57" s="17">
        <v>6</v>
      </c>
      <c r="H57" s="17">
        <v>6</v>
      </c>
      <c r="I57" s="17">
        <v>6</v>
      </c>
      <c r="J57" s="17">
        <v>6</v>
      </c>
      <c r="K57" s="17">
        <v>6</v>
      </c>
      <c r="L57" s="17">
        <v>6</v>
      </c>
      <c r="M57" s="23" t="s">
        <v>268</v>
      </c>
      <c r="N57" s="17">
        <v>6</v>
      </c>
      <c r="O57" s="23" t="s">
        <v>268</v>
      </c>
    </row>
    <row r="58" spans="1:15">
      <c r="A58" s="21" t="s">
        <v>240</v>
      </c>
      <c r="B58" s="21" t="s">
        <v>237</v>
      </c>
      <c r="C58" s="21" t="s">
        <v>265</v>
      </c>
      <c r="D58" s="21" t="s">
        <v>728</v>
      </c>
      <c r="E58" s="21" t="s">
        <v>546</v>
      </c>
      <c r="F58" s="17">
        <v>7.6093200000000003</v>
      </c>
      <c r="G58" s="17">
        <v>7.6103100000000001</v>
      </c>
      <c r="H58" s="17">
        <v>7.6112900000000003</v>
      </c>
      <c r="I58" s="17">
        <v>7.6110199999999999</v>
      </c>
      <c r="J58" s="23" t="s">
        <v>268</v>
      </c>
      <c r="K58" s="17">
        <v>7.6666699999999999</v>
      </c>
      <c r="L58" s="23" t="s">
        <v>268</v>
      </c>
      <c r="M58" s="17">
        <v>7</v>
      </c>
      <c r="N58" s="17">
        <v>7</v>
      </c>
      <c r="O58" s="23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2" orientation="portrait" r:id="rId1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2E5E88F-5FD6-408E-B700-9AA1A1083FF8}">
  <sheetPr>
    <pageSetUpPr fitToPage="1"/>
  </sheetPr>
  <dimension ref="A1:S22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A8" sqref="A8"/>
    </sheetView>
  </sheetViews>
  <sheetFormatPr defaultColWidth="12.625" defaultRowHeight="12"/>
  <cols>
    <col min="1" max="1" width="16.25" style="20" customWidth="1"/>
    <col min="2" max="2" width="33.75" style="20" customWidth="1"/>
    <col min="3" max="3" width="2.375" style="20" bestFit="1" customWidth="1"/>
    <col min="4" max="4" width="11.25" style="20" bestFit="1" customWidth="1"/>
    <col min="5" max="16384" width="12.625" style="20"/>
  </cols>
  <sheetData>
    <row r="1" spans="1:19" s="11" customFormat="1">
      <c r="A1" s="11" t="s">
        <v>192</v>
      </c>
    </row>
    <row r="2" spans="1:19" s="11" customFormat="1">
      <c r="A2" s="11" t="s">
        <v>750</v>
      </c>
    </row>
    <row r="3" spans="1:19" s="11" customFormat="1"/>
    <row r="4" spans="1:19" s="11" customFormat="1" hidden="1"/>
    <row r="5" spans="1:19" s="11" customFormat="1">
      <c r="F5" s="12" t="s">
        <v>494</v>
      </c>
      <c r="G5" s="12" t="s">
        <v>494</v>
      </c>
      <c r="H5" s="12" t="s">
        <v>494</v>
      </c>
      <c r="I5" s="12" t="s">
        <v>494</v>
      </c>
      <c r="J5" s="12" t="s">
        <v>494</v>
      </c>
      <c r="K5" s="12" t="s">
        <v>494</v>
      </c>
      <c r="L5" s="12" t="s">
        <v>494</v>
      </c>
      <c r="M5" s="12" t="s">
        <v>494</v>
      </c>
      <c r="N5" s="12" t="s">
        <v>494</v>
      </c>
      <c r="O5" s="12" t="s">
        <v>494</v>
      </c>
      <c r="P5" s="12" t="s">
        <v>494</v>
      </c>
      <c r="Q5" s="12" t="s">
        <v>494</v>
      </c>
      <c r="R5" s="12" t="s">
        <v>494</v>
      </c>
      <c r="S5" s="12" t="s">
        <v>494</v>
      </c>
    </row>
    <row r="6" spans="1:19" s="11" customFormat="1" ht="36">
      <c r="F6" s="12" t="s">
        <v>696</v>
      </c>
      <c r="G6" s="12" t="s">
        <v>696</v>
      </c>
      <c r="H6" s="12" t="s">
        <v>696</v>
      </c>
      <c r="I6" s="12" t="s">
        <v>696</v>
      </c>
      <c r="J6" s="12" t="s">
        <v>696</v>
      </c>
      <c r="K6" s="12" t="s">
        <v>696</v>
      </c>
      <c r="L6" s="12" t="s">
        <v>696</v>
      </c>
      <c r="M6" s="12" t="s">
        <v>696</v>
      </c>
      <c r="N6" s="12" t="s">
        <v>696</v>
      </c>
      <c r="O6" s="12" t="s">
        <v>696</v>
      </c>
      <c r="P6" s="12" t="s">
        <v>696</v>
      </c>
      <c r="Q6" s="12" t="s">
        <v>696</v>
      </c>
      <c r="R6" s="12" t="s">
        <v>696</v>
      </c>
      <c r="S6" s="12" t="s">
        <v>696</v>
      </c>
    </row>
    <row r="7" spans="1:19" s="11" customFormat="1">
      <c r="F7" s="12">
        <v>1</v>
      </c>
      <c r="G7" s="12">
        <v>1</v>
      </c>
      <c r="H7" s="12">
        <v>2</v>
      </c>
      <c r="I7" s="12">
        <v>2</v>
      </c>
      <c r="J7" s="12">
        <v>2</v>
      </c>
      <c r="K7" s="12">
        <v>3</v>
      </c>
      <c r="L7" s="12">
        <v>3</v>
      </c>
      <c r="M7" s="12">
        <v>3</v>
      </c>
      <c r="N7" s="12">
        <v>3</v>
      </c>
      <c r="O7" s="12">
        <v>3</v>
      </c>
      <c r="P7" s="12">
        <v>3</v>
      </c>
      <c r="Q7" s="12">
        <v>2</v>
      </c>
      <c r="R7" s="12">
        <v>1</v>
      </c>
      <c r="S7" s="12">
        <v>1</v>
      </c>
    </row>
    <row r="8" spans="1:19" s="11" customFormat="1" ht="60">
      <c r="F8" s="12" t="s">
        <v>214</v>
      </c>
      <c r="G8" s="12" t="s">
        <v>681</v>
      </c>
      <c r="H8" s="12" t="s">
        <v>697</v>
      </c>
      <c r="I8" s="12" t="s">
        <v>698</v>
      </c>
      <c r="J8" s="12" t="s">
        <v>699</v>
      </c>
      <c r="K8" s="12" t="s">
        <v>700</v>
      </c>
      <c r="L8" s="12" t="s">
        <v>701</v>
      </c>
      <c r="M8" s="12" t="s">
        <v>751</v>
      </c>
      <c r="N8" s="12" t="s">
        <v>705</v>
      </c>
      <c r="O8" s="12" t="s">
        <v>706</v>
      </c>
      <c r="P8" s="12" t="s">
        <v>752</v>
      </c>
      <c r="Q8" s="12" t="s">
        <v>710</v>
      </c>
      <c r="R8" s="12" t="s">
        <v>688</v>
      </c>
      <c r="S8" s="12" t="s">
        <v>689</v>
      </c>
    </row>
    <row r="9" spans="1:19" s="11" customFormat="1"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  <c r="O9" s="13" t="s">
        <v>223</v>
      </c>
      <c r="P9" s="13" t="s">
        <v>223</v>
      </c>
      <c r="Q9" s="13" t="s">
        <v>223</v>
      </c>
      <c r="R9" s="13" t="s">
        <v>223</v>
      </c>
      <c r="S9" s="13" t="s">
        <v>223</v>
      </c>
    </row>
    <row r="10" spans="1:19" s="11" customFormat="1">
      <c r="A10" s="14" t="s">
        <v>680</v>
      </c>
      <c r="B10" s="14" t="s">
        <v>727</v>
      </c>
      <c r="C10" s="14" t="s">
        <v>224</v>
      </c>
      <c r="D10" s="14" t="s">
        <v>259</v>
      </c>
      <c r="E10" s="14" t="s">
        <v>230</v>
      </c>
      <c r="F10" s="14" t="s">
        <v>231</v>
      </c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</row>
    <row r="11" spans="1:19">
      <c r="A11" s="15" t="s">
        <v>214</v>
      </c>
      <c r="B11" s="15" t="s">
        <v>214</v>
      </c>
      <c r="C11" s="15" t="s">
        <v>232</v>
      </c>
      <c r="D11" s="15" t="s">
        <v>233</v>
      </c>
      <c r="E11" s="15" t="s">
        <v>262</v>
      </c>
      <c r="F11" s="16">
        <v>55704949</v>
      </c>
      <c r="G11" s="16">
        <v>54953523</v>
      </c>
      <c r="H11" s="16">
        <v>29561373</v>
      </c>
      <c r="I11" s="16">
        <v>839309</v>
      </c>
      <c r="J11" s="16">
        <v>24493087</v>
      </c>
      <c r="K11" s="16">
        <v>6682933</v>
      </c>
      <c r="L11" s="16">
        <v>9028169</v>
      </c>
      <c r="M11" s="16">
        <v>8781985</v>
      </c>
      <c r="N11" s="16">
        <v>12759950</v>
      </c>
      <c r="O11" s="16">
        <v>7668916</v>
      </c>
      <c r="P11" s="16">
        <v>4064221</v>
      </c>
      <c r="Q11" s="16">
        <v>59754</v>
      </c>
      <c r="R11" s="16">
        <v>751370</v>
      </c>
      <c r="S11" s="16">
        <v>56</v>
      </c>
    </row>
    <row r="12" spans="1:19">
      <c r="A12" s="21" t="s">
        <v>214</v>
      </c>
      <c r="B12" s="21" t="s">
        <v>214</v>
      </c>
      <c r="C12" s="21" t="s">
        <v>232</v>
      </c>
      <c r="D12" s="21" t="s">
        <v>237</v>
      </c>
      <c r="E12" s="21" t="s">
        <v>264</v>
      </c>
      <c r="F12" s="16">
        <v>716740</v>
      </c>
      <c r="G12" s="16">
        <v>706446</v>
      </c>
      <c r="H12" s="16">
        <v>448341</v>
      </c>
      <c r="I12" s="16">
        <v>15323</v>
      </c>
      <c r="J12" s="16">
        <v>241951</v>
      </c>
      <c r="K12" s="16">
        <v>84911</v>
      </c>
      <c r="L12" s="16">
        <v>90183</v>
      </c>
      <c r="M12" s="16">
        <v>66857</v>
      </c>
      <c r="N12" s="16">
        <v>142734</v>
      </c>
      <c r="O12" s="16">
        <v>68045</v>
      </c>
      <c r="P12" s="16">
        <v>31172</v>
      </c>
      <c r="Q12" s="16">
        <v>831</v>
      </c>
      <c r="R12" s="16">
        <v>10294</v>
      </c>
      <c r="S12" s="22" t="s">
        <v>268</v>
      </c>
    </row>
    <row r="13" spans="1:19">
      <c r="A13" s="21" t="s">
        <v>214</v>
      </c>
      <c r="B13" s="21" t="s">
        <v>214</v>
      </c>
      <c r="C13" s="21" t="s">
        <v>240</v>
      </c>
      <c r="D13" s="21" t="s">
        <v>237</v>
      </c>
      <c r="E13" s="21" t="s">
        <v>265</v>
      </c>
      <c r="F13" s="16">
        <v>48996</v>
      </c>
      <c r="G13" s="16">
        <v>47687</v>
      </c>
      <c r="H13" s="16">
        <v>34849</v>
      </c>
      <c r="I13" s="16">
        <v>875</v>
      </c>
      <c r="J13" s="16">
        <v>11892</v>
      </c>
      <c r="K13" s="16">
        <v>6405</v>
      </c>
      <c r="L13" s="16">
        <v>4413</v>
      </c>
      <c r="M13" s="16">
        <v>1074</v>
      </c>
      <c r="N13" s="16">
        <v>9117</v>
      </c>
      <c r="O13" s="16">
        <v>2236</v>
      </c>
      <c r="P13" s="16">
        <v>539</v>
      </c>
      <c r="Q13" s="16">
        <v>71</v>
      </c>
      <c r="R13" s="16">
        <v>1309</v>
      </c>
      <c r="S13" s="22" t="s">
        <v>268</v>
      </c>
    </row>
    <row r="14" spans="1:19">
      <c r="A14" s="21" t="s">
        <v>214</v>
      </c>
      <c r="B14" s="21" t="s">
        <v>728</v>
      </c>
      <c r="C14" s="21" t="s">
        <v>232</v>
      </c>
      <c r="D14" s="21" t="s">
        <v>233</v>
      </c>
      <c r="E14" s="21" t="s">
        <v>262</v>
      </c>
      <c r="F14" s="16">
        <v>22655031</v>
      </c>
      <c r="G14" s="16">
        <v>22587221</v>
      </c>
      <c r="H14" s="16">
        <v>16983427</v>
      </c>
      <c r="I14" s="16">
        <v>353386</v>
      </c>
      <c r="J14" s="16">
        <v>5225310</v>
      </c>
      <c r="K14" s="16">
        <v>866939</v>
      </c>
      <c r="L14" s="16">
        <v>2014211</v>
      </c>
      <c r="M14" s="16">
        <v>2344160</v>
      </c>
      <c r="N14" s="16">
        <v>2395650</v>
      </c>
      <c r="O14" s="16">
        <v>1746523</v>
      </c>
      <c r="P14" s="16">
        <v>1083137</v>
      </c>
      <c r="Q14" s="16">
        <v>25098</v>
      </c>
      <c r="R14" s="16">
        <v>67791</v>
      </c>
      <c r="S14" s="16">
        <v>19</v>
      </c>
    </row>
    <row r="15" spans="1:19">
      <c r="A15" s="21" t="s">
        <v>214</v>
      </c>
      <c r="B15" s="21" t="s">
        <v>728</v>
      </c>
      <c r="C15" s="21" t="s">
        <v>232</v>
      </c>
      <c r="D15" s="21" t="s">
        <v>237</v>
      </c>
      <c r="E15" s="21" t="s">
        <v>264</v>
      </c>
      <c r="F15" s="16">
        <v>334262</v>
      </c>
      <c r="G15" s="16">
        <v>333111</v>
      </c>
      <c r="H15" s="16">
        <v>279653</v>
      </c>
      <c r="I15" s="16">
        <v>7153</v>
      </c>
      <c r="J15" s="16">
        <v>45988</v>
      </c>
      <c r="K15" s="16">
        <v>12134</v>
      </c>
      <c r="L15" s="16">
        <v>20166</v>
      </c>
      <c r="M15" s="16">
        <v>13688</v>
      </c>
      <c r="N15" s="16">
        <v>26413</v>
      </c>
      <c r="O15" s="16">
        <v>13374</v>
      </c>
      <c r="P15" s="16">
        <v>6201</v>
      </c>
      <c r="Q15" s="16">
        <v>317</v>
      </c>
      <c r="R15" s="16">
        <v>1151</v>
      </c>
      <c r="S15" s="22" t="s">
        <v>268</v>
      </c>
    </row>
    <row r="16" spans="1:19">
      <c r="A16" s="21" t="s">
        <v>214</v>
      </c>
      <c r="B16" s="21" t="s">
        <v>728</v>
      </c>
      <c r="C16" s="21" t="s">
        <v>240</v>
      </c>
      <c r="D16" s="21" t="s">
        <v>237</v>
      </c>
      <c r="E16" s="21" t="s">
        <v>265</v>
      </c>
      <c r="F16" s="16">
        <v>25723</v>
      </c>
      <c r="G16" s="16">
        <v>25595</v>
      </c>
      <c r="H16" s="16">
        <v>23025</v>
      </c>
      <c r="I16" s="16">
        <v>516</v>
      </c>
      <c r="J16" s="16">
        <v>2033</v>
      </c>
      <c r="K16" s="16">
        <v>920</v>
      </c>
      <c r="L16" s="16">
        <v>810</v>
      </c>
      <c r="M16" s="16">
        <v>303</v>
      </c>
      <c r="N16" s="16">
        <v>1513</v>
      </c>
      <c r="O16" s="16">
        <v>364</v>
      </c>
      <c r="P16" s="16">
        <v>156</v>
      </c>
      <c r="Q16" s="16">
        <v>21</v>
      </c>
      <c r="R16" s="16">
        <v>128</v>
      </c>
      <c r="S16" s="22" t="s">
        <v>268</v>
      </c>
    </row>
    <row r="17" spans="1:19">
      <c r="A17" s="21" t="s">
        <v>753</v>
      </c>
      <c r="B17" s="21" t="s">
        <v>214</v>
      </c>
      <c r="C17" s="21" t="s">
        <v>232</v>
      </c>
      <c r="D17" s="21" t="s">
        <v>233</v>
      </c>
      <c r="E17" s="21" t="s">
        <v>262</v>
      </c>
      <c r="F17" s="16">
        <v>54261580</v>
      </c>
      <c r="G17" s="16">
        <v>54261580</v>
      </c>
      <c r="H17" s="16">
        <v>29184513</v>
      </c>
      <c r="I17" s="16">
        <v>823603</v>
      </c>
      <c r="J17" s="16">
        <v>24198247</v>
      </c>
      <c r="K17" s="16">
        <v>6582526</v>
      </c>
      <c r="L17" s="16">
        <v>8914717</v>
      </c>
      <c r="M17" s="16">
        <v>8701004</v>
      </c>
      <c r="N17" s="16">
        <v>12589896</v>
      </c>
      <c r="O17" s="16">
        <v>7580297</v>
      </c>
      <c r="P17" s="16">
        <v>4028054</v>
      </c>
      <c r="Q17" s="16">
        <v>55217</v>
      </c>
      <c r="R17" s="22" t="s">
        <v>268</v>
      </c>
      <c r="S17" s="22" t="s">
        <v>268</v>
      </c>
    </row>
    <row r="18" spans="1:19">
      <c r="A18" s="21" t="s">
        <v>753</v>
      </c>
      <c r="B18" s="21" t="s">
        <v>214</v>
      </c>
      <c r="C18" s="21" t="s">
        <v>232</v>
      </c>
      <c r="D18" s="21" t="s">
        <v>237</v>
      </c>
      <c r="E18" s="21" t="s">
        <v>264</v>
      </c>
      <c r="F18" s="16">
        <v>698728</v>
      </c>
      <c r="G18" s="16">
        <v>698728</v>
      </c>
      <c r="H18" s="16">
        <v>443107</v>
      </c>
      <c r="I18" s="16">
        <v>15159</v>
      </c>
      <c r="J18" s="16">
        <v>239681</v>
      </c>
      <c r="K18" s="16">
        <v>83818</v>
      </c>
      <c r="L18" s="16">
        <v>89318</v>
      </c>
      <c r="M18" s="16">
        <v>66545</v>
      </c>
      <c r="N18" s="16">
        <v>141176</v>
      </c>
      <c r="O18" s="16">
        <v>67469</v>
      </c>
      <c r="P18" s="16">
        <v>31036</v>
      </c>
      <c r="Q18" s="16">
        <v>781</v>
      </c>
      <c r="R18" s="22" t="s">
        <v>268</v>
      </c>
      <c r="S18" s="22" t="s">
        <v>268</v>
      </c>
    </row>
    <row r="19" spans="1:19">
      <c r="A19" s="21" t="s">
        <v>753</v>
      </c>
      <c r="B19" s="21" t="s">
        <v>214</v>
      </c>
      <c r="C19" s="21" t="s">
        <v>240</v>
      </c>
      <c r="D19" s="21" t="s">
        <v>237</v>
      </c>
      <c r="E19" s="21" t="s">
        <v>265</v>
      </c>
      <c r="F19" s="16">
        <v>47055</v>
      </c>
      <c r="G19" s="16">
        <v>47055</v>
      </c>
      <c r="H19" s="16">
        <v>34388</v>
      </c>
      <c r="I19" s="16">
        <v>865</v>
      </c>
      <c r="J19" s="16">
        <v>11744</v>
      </c>
      <c r="K19" s="16">
        <v>6345</v>
      </c>
      <c r="L19" s="16">
        <v>4333</v>
      </c>
      <c r="M19" s="16">
        <v>1066</v>
      </c>
      <c r="N19" s="16">
        <v>9010</v>
      </c>
      <c r="O19" s="16">
        <v>2199</v>
      </c>
      <c r="P19" s="16">
        <v>535</v>
      </c>
      <c r="Q19" s="16">
        <v>58</v>
      </c>
      <c r="R19" s="22" t="s">
        <v>268</v>
      </c>
      <c r="S19" s="22" t="s">
        <v>268</v>
      </c>
    </row>
    <row r="20" spans="1:19">
      <c r="A20" s="21" t="s">
        <v>753</v>
      </c>
      <c r="B20" s="21" t="s">
        <v>728</v>
      </c>
      <c r="C20" s="21" t="s">
        <v>232</v>
      </c>
      <c r="D20" s="21" t="s">
        <v>233</v>
      </c>
      <c r="E20" s="21" t="s">
        <v>262</v>
      </c>
      <c r="F20" s="16">
        <v>22428191</v>
      </c>
      <c r="G20" s="16">
        <v>22428191</v>
      </c>
      <c r="H20" s="16">
        <v>16864342</v>
      </c>
      <c r="I20" s="16">
        <v>349119</v>
      </c>
      <c r="J20" s="16">
        <v>5190806</v>
      </c>
      <c r="K20" s="16">
        <v>855988</v>
      </c>
      <c r="L20" s="16">
        <v>2003950</v>
      </c>
      <c r="M20" s="16">
        <v>2330868</v>
      </c>
      <c r="N20" s="16">
        <v>2376354</v>
      </c>
      <c r="O20" s="16">
        <v>1737395</v>
      </c>
      <c r="P20" s="16">
        <v>1077057</v>
      </c>
      <c r="Q20" s="16">
        <v>23924</v>
      </c>
      <c r="R20" s="22" t="s">
        <v>268</v>
      </c>
      <c r="S20" s="22" t="s">
        <v>268</v>
      </c>
    </row>
    <row r="21" spans="1:19">
      <c r="A21" s="21" t="s">
        <v>753</v>
      </c>
      <c r="B21" s="21" t="s">
        <v>728</v>
      </c>
      <c r="C21" s="21" t="s">
        <v>232</v>
      </c>
      <c r="D21" s="21" t="s">
        <v>237</v>
      </c>
      <c r="E21" s="21" t="s">
        <v>264</v>
      </c>
      <c r="F21" s="16">
        <v>331476</v>
      </c>
      <c r="G21" s="16">
        <v>331476</v>
      </c>
      <c r="H21" s="16">
        <v>278241</v>
      </c>
      <c r="I21" s="16">
        <v>7125</v>
      </c>
      <c r="J21" s="16">
        <v>45808</v>
      </c>
      <c r="K21" s="16">
        <v>12045</v>
      </c>
      <c r="L21" s="16">
        <v>20129</v>
      </c>
      <c r="M21" s="16">
        <v>13634</v>
      </c>
      <c r="N21" s="16">
        <v>26283</v>
      </c>
      <c r="O21" s="16">
        <v>13345</v>
      </c>
      <c r="P21" s="16">
        <v>6180</v>
      </c>
      <c r="Q21" s="16">
        <v>302</v>
      </c>
      <c r="R21" s="22" t="s">
        <v>268</v>
      </c>
      <c r="S21" s="22" t="s">
        <v>268</v>
      </c>
    </row>
    <row r="22" spans="1:19">
      <c r="A22" s="21" t="s">
        <v>753</v>
      </c>
      <c r="B22" s="21" t="s">
        <v>728</v>
      </c>
      <c r="C22" s="21" t="s">
        <v>240</v>
      </c>
      <c r="D22" s="21" t="s">
        <v>237</v>
      </c>
      <c r="E22" s="21" t="s">
        <v>265</v>
      </c>
      <c r="F22" s="16">
        <v>25484</v>
      </c>
      <c r="G22" s="16">
        <v>25484</v>
      </c>
      <c r="H22" s="16">
        <v>22929</v>
      </c>
      <c r="I22" s="16">
        <v>514</v>
      </c>
      <c r="J22" s="16">
        <v>2022</v>
      </c>
      <c r="K22" s="16">
        <v>914</v>
      </c>
      <c r="L22" s="16">
        <v>807</v>
      </c>
      <c r="M22" s="16">
        <v>301</v>
      </c>
      <c r="N22" s="16">
        <v>1506</v>
      </c>
      <c r="O22" s="16">
        <v>361</v>
      </c>
      <c r="P22" s="16">
        <v>155</v>
      </c>
      <c r="Q22" s="16">
        <v>19</v>
      </c>
      <c r="R22" s="22" t="s">
        <v>268</v>
      </c>
      <c r="S22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5" orientation="portrait" r:id="rId1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74D7A23-47C3-4A99-AF6A-852C687A8FC0}">
  <sheetPr>
    <pageSetUpPr fitToPage="1"/>
  </sheetPr>
  <dimension ref="A1:S22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A8" sqref="A8"/>
    </sheetView>
  </sheetViews>
  <sheetFormatPr defaultColWidth="12.625" defaultRowHeight="12"/>
  <cols>
    <col min="1" max="1" width="16.25" style="20" customWidth="1"/>
    <col min="2" max="2" width="33.75" style="20" customWidth="1"/>
    <col min="3" max="3" width="2.375" style="20" bestFit="1" customWidth="1"/>
    <col min="4" max="4" width="11.25" style="20" bestFit="1" customWidth="1"/>
    <col min="5" max="16384" width="12.625" style="20"/>
  </cols>
  <sheetData>
    <row r="1" spans="1:19" s="11" customFormat="1">
      <c r="A1" s="11" t="s">
        <v>192</v>
      </c>
    </row>
    <row r="2" spans="1:19" s="11" customFormat="1">
      <c r="A2" s="11" t="s">
        <v>754</v>
      </c>
    </row>
    <row r="3" spans="1:19" s="11" customFormat="1"/>
    <row r="4" spans="1:19" s="11" customFormat="1" hidden="1"/>
    <row r="5" spans="1:19" s="11" customFormat="1"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495</v>
      </c>
      <c r="K5" s="12" t="s">
        <v>495</v>
      </c>
      <c r="L5" s="12" t="s">
        <v>495</v>
      </c>
      <c r="M5" s="12" t="s">
        <v>495</v>
      </c>
      <c r="N5" s="12" t="s">
        <v>495</v>
      </c>
      <c r="O5" s="12" t="s">
        <v>495</v>
      </c>
      <c r="P5" s="12" t="s">
        <v>495</v>
      </c>
      <c r="Q5" s="12" t="s">
        <v>495</v>
      </c>
      <c r="R5" s="12" t="s">
        <v>495</v>
      </c>
      <c r="S5" s="12" t="s">
        <v>495</v>
      </c>
    </row>
    <row r="6" spans="1:19" s="11" customFormat="1" ht="36">
      <c r="F6" s="12" t="s">
        <v>696</v>
      </c>
      <c r="G6" s="12" t="s">
        <v>696</v>
      </c>
      <c r="H6" s="12" t="s">
        <v>696</v>
      </c>
      <c r="I6" s="12" t="s">
        <v>696</v>
      </c>
      <c r="J6" s="12" t="s">
        <v>696</v>
      </c>
      <c r="K6" s="12" t="s">
        <v>696</v>
      </c>
      <c r="L6" s="12" t="s">
        <v>696</v>
      </c>
      <c r="M6" s="12" t="s">
        <v>696</v>
      </c>
      <c r="N6" s="12" t="s">
        <v>696</v>
      </c>
      <c r="O6" s="12" t="s">
        <v>696</v>
      </c>
      <c r="P6" s="12" t="s">
        <v>696</v>
      </c>
      <c r="Q6" s="12" t="s">
        <v>696</v>
      </c>
      <c r="R6" s="12" t="s">
        <v>696</v>
      </c>
      <c r="S6" s="12" t="s">
        <v>696</v>
      </c>
    </row>
    <row r="7" spans="1:19" s="11" customFormat="1">
      <c r="F7" s="12">
        <v>1</v>
      </c>
      <c r="G7" s="12">
        <v>1</v>
      </c>
      <c r="H7" s="12">
        <v>2</v>
      </c>
      <c r="I7" s="12">
        <v>2</v>
      </c>
      <c r="J7" s="12">
        <v>2</v>
      </c>
      <c r="K7" s="12">
        <v>3</v>
      </c>
      <c r="L7" s="12">
        <v>3</v>
      </c>
      <c r="M7" s="12">
        <v>3</v>
      </c>
      <c r="N7" s="12">
        <v>3</v>
      </c>
      <c r="O7" s="12">
        <v>3</v>
      </c>
      <c r="P7" s="12">
        <v>3</v>
      </c>
      <c r="Q7" s="12">
        <v>2</v>
      </c>
      <c r="R7" s="12">
        <v>1</v>
      </c>
      <c r="S7" s="12">
        <v>1</v>
      </c>
    </row>
    <row r="8" spans="1:19" s="11" customFormat="1" ht="60">
      <c r="F8" s="12" t="s">
        <v>214</v>
      </c>
      <c r="G8" s="12" t="s">
        <v>681</v>
      </c>
      <c r="H8" s="12" t="s">
        <v>697</v>
      </c>
      <c r="I8" s="12" t="s">
        <v>698</v>
      </c>
      <c r="J8" s="12" t="s">
        <v>699</v>
      </c>
      <c r="K8" s="12" t="s">
        <v>700</v>
      </c>
      <c r="L8" s="12" t="s">
        <v>701</v>
      </c>
      <c r="M8" s="12" t="s">
        <v>751</v>
      </c>
      <c r="N8" s="12" t="s">
        <v>705</v>
      </c>
      <c r="O8" s="12" t="s">
        <v>706</v>
      </c>
      <c r="P8" s="12" t="s">
        <v>752</v>
      </c>
      <c r="Q8" s="12" t="s">
        <v>710</v>
      </c>
      <c r="R8" s="12" t="s">
        <v>688</v>
      </c>
      <c r="S8" s="12" t="s">
        <v>689</v>
      </c>
    </row>
    <row r="9" spans="1:19" s="11" customFormat="1"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</row>
    <row r="10" spans="1:19" s="11" customFormat="1">
      <c r="A10" s="14" t="s">
        <v>680</v>
      </c>
      <c r="B10" s="14" t="s">
        <v>727</v>
      </c>
      <c r="C10" s="14" t="s">
        <v>224</v>
      </c>
      <c r="D10" s="14" t="s">
        <v>259</v>
      </c>
      <c r="E10" s="14" t="s">
        <v>230</v>
      </c>
      <c r="F10" s="14" t="s">
        <v>231</v>
      </c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</row>
    <row r="11" spans="1:19">
      <c r="A11" s="15" t="s">
        <v>214</v>
      </c>
      <c r="B11" s="15" t="s">
        <v>214</v>
      </c>
      <c r="C11" s="15" t="s">
        <v>232</v>
      </c>
      <c r="D11" s="15" t="s">
        <v>233</v>
      </c>
      <c r="E11" s="15" t="s">
        <v>262</v>
      </c>
      <c r="F11" s="16">
        <v>123162995</v>
      </c>
      <c r="G11" s="16">
        <v>122165633</v>
      </c>
      <c r="H11" s="16">
        <v>77522480</v>
      </c>
      <c r="I11" s="16">
        <v>1644126</v>
      </c>
      <c r="J11" s="16">
        <v>42864758</v>
      </c>
      <c r="K11" s="16">
        <v>10183992</v>
      </c>
      <c r="L11" s="16">
        <v>15288660</v>
      </c>
      <c r="M11" s="16">
        <v>17392106</v>
      </c>
      <c r="N11" s="16">
        <v>21030741</v>
      </c>
      <c r="O11" s="16">
        <v>13794452</v>
      </c>
      <c r="P11" s="16">
        <v>8039565</v>
      </c>
      <c r="Q11" s="16">
        <v>134269</v>
      </c>
      <c r="R11" s="16">
        <v>997209</v>
      </c>
      <c r="S11" s="16">
        <v>153</v>
      </c>
    </row>
    <row r="12" spans="1:19">
      <c r="A12" s="21" t="s">
        <v>214</v>
      </c>
      <c r="B12" s="21" t="s">
        <v>214</v>
      </c>
      <c r="C12" s="21" t="s">
        <v>232</v>
      </c>
      <c r="D12" s="21" t="s">
        <v>237</v>
      </c>
      <c r="E12" s="21" t="s">
        <v>264</v>
      </c>
      <c r="F12" s="16">
        <v>1678793</v>
      </c>
      <c r="G12" s="16">
        <v>1663762</v>
      </c>
      <c r="H12" s="16">
        <v>1190372</v>
      </c>
      <c r="I12" s="16">
        <v>30605</v>
      </c>
      <c r="J12" s="16">
        <v>440880</v>
      </c>
      <c r="K12" s="16">
        <v>153795</v>
      </c>
      <c r="L12" s="16">
        <v>162698</v>
      </c>
      <c r="M12" s="16">
        <v>124387</v>
      </c>
      <c r="N12" s="16">
        <v>260830</v>
      </c>
      <c r="O12" s="16">
        <v>121465</v>
      </c>
      <c r="P12" s="16">
        <v>58585</v>
      </c>
      <c r="Q12" s="16">
        <v>1905</v>
      </c>
      <c r="R12" s="16">
        <v>15031</v>
      </c>
      <c r="S12" s="22" t="s">
        <v>268</v>
      </c>
    </row>
    <row r="13" spans="1:19">
      <c r="A13" s="21" t="s">
        <v>214</v>
      </c>
      <c r="B13" s="21" t="s">
        <v>214</v>
      </c>
      <c r="C13" s="21" t="s">
        <v>240</v>
      </c>
      <c r="D13" s="21" t="s">
        <v>237</v>
      </c>
      <c r="E13" s="21" t="s">
        <v>265</v>
      </c>
      <c r="F13" s="16">
        <v>117827</v>
      </c>
      <c r="G13" s="16">
        <v>116099</v>
      </c>
      <c r="H13" s="16">
        <v>91811</v>
      </c>
      <c r="I13" s="16">
        <v>1500</v>
      </c>
      <c r="J13" s="16">
        <v>22656</v>
      </c>
      <c r="K13" s="16">
        <v>11641</v>
      </c>
      <c r="L13" s="16">
        <v>8900</v>
      </c>
      <c r="M13" s="16">
        <v>2115</v>
      </c>
      <c r="N13" s="16">
        <v>17299</v>
      </c>
      <c r="O13" s="16">
        <v>4312</v>
      </c>
      <c r="P13" s="16">
        <v>1045</v>
      </c>
      <c r="Q13" s="16">
        <v>132</v>
      </c>
      <c r="R13" s="16">
        <v>1728</v>
      </c>
      <c r="S13" s="22" t="s">
        <v>268</v>
      </c>
    </row>
    <row r="14" spans="1:19">
      <c r="A14" s="21" t="s">
        <v>214</v>
      </c>
      <c r="B14" s="21" t="s">
        <v>728</v>
      </c>
      <c r="C14" s="21" t="s">
        <v>232</v>
      </c>
      <c r="D14" s="21" t="s">
        <v>233</v>
      </c>
      <c r="E14" s="21" t="s">
        <v>262</v>
      </c>
      <c r="F14" s="16">
        <v>50106949</v>
      </c>
      <c r="G14" s="16">
        <v>49981806</v>
      </c>
      <c r="H14" s="16">
        <v>40403522</v>
      </c>
      <c r="I14" s="16">
        <v>600215</v>
      </c>
      <c r="J14" s="16">
        <v>8921281</v>
      </c>
      <c r="K14" s="16">
        <v>1243319</v>
      </c>
      <c r="L14" s="16">
        <v>3396871</v>
      </c>
      <c r="M14" s="16">
        <v>4281091</v>
      </c>
      <c r="N14" s="16">
        <v>3874367</v>
      </c>
      <c r="O14" s="16">
        <v>3078983</v>
      </c>
      <c r="P14" s="16">
        <v>1967931</v>
      </c>
      <c r="Q14" s="16">
        <v>56788</v>
      </c>
      <c r="R14" s="16">
        <v>125087</v>
      </c>
      <c r="S14" s="16">
        <v>56</v>
      </c>
    </row>
    <row r="15" spans="1:19">
      <c r="A15" s="21" t="s">
        <v>214</v>
      </c>
      <c r="B15" s="21" t="s">
        <v>728</v>
      </c>
      <c r="C15" s="21" t="s">
        <v>232</v>
      </c>
      <c r="D15" s="21" t="s">
        <v>237</v>
      </c>
      <c r="E15" s="21" t="s">
        <v>264</v>
      </c>
      <c r="F15" s="16">
        <v>775779</v>
      </c>
      <c r="G15" s="16">
        <v>773501</v>
      </c>
      <c r="H15" s="16">
        <v>684267</v>
      </c>
      <c r="I15" s="16">
        <v>11652</v>
      </c>
      <c r="J15" s="16">
        <v>76908</v>
      </c>
      <c r="K15" s="16">
        <v>18490</v>
      </c>
      <c r="L15" s="16">
        <v>33433</v>
      </c>
      <c r="M15" s="16">
        <v>24985</v>
      </c>
      <c r="N15" s="16">
        <v>42512</v>
      </c>
      <c r="O15" s="16">
        <v>23039</v>
      </c>
      <c r="P15" s="16">
        <v>11357</v>
      </c>
      <c r="Q15" s="16">
        <v>674</v>
      </c>
      <c r="R15" s="16">
        <v>2278</v>
      </c>
      <c r="S15" s="22" t="s">
        <v>268</v>
      </c>
    </row>
    <row r="16" spans="1:19">
      <c r="A16" s="21" t="s">
        <v>214</v>
      </c>
      <c r="B16" s="21" t="s">
        <v>728</v>
      </c>
      <c r="C16" s="21" t="s">
        <v>240</v>
      </c>
      <c r="D16" s="21" t="s">
        <v>237</v>
      </c>
      <c r="E16" s="21" t="s">
        <v>265</v>
      </c>
      <c r="F16" s="16">
        <v>62885</v>
      </c>
      <c r="G16" s="16">
        <v>62640</v>
      </c>
      <c r="H16" s="16">
        <v>58471</v>
      </c>
      <c r="I16" s="16">
        <v>770</v>
      </c>
      <c r="J16" s="16">
        <v>3356</v>
      </c>
      <c r="K16" s="16">
        <v>1400</v>
      </c>
      <c r="L16" s="16">
        <v>1434</v>
      </c>
      <c r="M16" s="16">
        <v>522</v>
      </c>
      <c r="N16" s="16">
        <v>2470</v>
      </c>
      <c r="O16" s="16">
        <v>623</v>
      </c>
      <c r="P16" s="16">
        <v>263</v>
      </c>
      <c r="Q16" s="16">
        <v>43</v>
      </c>
      <c r="R16" s="16">
        <v>245</v>
      </c>
      <c r="S16" s="22" t="s">
        <v>268</v>
      </c>
    </row>
    <row r="17" spans="1:19">
      <c r="A17" s="21" t="s">
        <v>753</v>
      </c>
      <c r="B17" s="21" t="s">
        <v>214</v>
      </c>
      <c r="C17" s="21" t="s">
        <v>232</v>
      </c>
      <c r="D17" s="21" t="s">
        <v>233</v>
      </c>
      <c r="E17" s="21" t="s">
        <v>262</v>
      </c>
      <c r="F17" s="16">
        <v>120994071</v>
      </c>
      <c r="G17" s="16">
        <v>120994071</v>
      </c>
      <c r="H17" s="16">
        <v>76758437</v>
      </c>
      <c r="I17" s="16">
        <v>1621005</v>
      </c>
      <c r="J17" s="16">
        <v>42488489</v>
      </c>
      <c r="K17" s="16">
        <v>10058177</v>
      </c>
      <c r="L17" s="16">
        <v>15145666</v>
      </c>
      <c r="M17" s="16">
        <v>17284646</v>
      </c>
      <c r="N17" s="16">
        <v>20815076</v>
      </c>
      <c r="O17" s="16">
        <v>13682314</v>
      </c>
      <c r="P17" s="16">
        <v>7991099</v>
      </c>
      <c r="Q17" s="16">
        <v>126140</v>
      </c>
      <c r="R17" s="22" t="s">
        <v>268</v>
      </c>
      <c r="S17" s="22" t="s">
        <v>268</v>
      </c>
    </row>
    <row r="18" spans="1:19">
      <c r="A18" s="21" t="s">
        <v>753</v>
      </c>
      <c r="B18" s="21" t="s">
        <v>214</v>
      </c>
      <c r="C18" s="21" t="s">
        <v>232</v>
      </c>
      <c r="D18" s="21" t="s">
        <v>237</v>
      </c>
      <c r="E18" s="21" t="s">
        <v>264</v>
      </c>
      <c r="F18" s="16">
        <v>1649776</v>
      </c>
      <c r="G18" s="16">
        <v>1649776</v>
      </c>
      <c r="H18" s="16">
        <v>1179794</v>
      </c>
      <c r="I18" s="16">
        <v>30376</v>
      </c>
      <c r="J18" s="16">
        <v>437792</v>
      </c>
      <c r="K18" s="16">
        <v>152339</v>
      </c>
      <c r="L18" s="16">
        <v>161562</v>
      </c>
      <c r="M18" s="16">
        <v>123891</v>
      </c>
      <c r="N18" s="16">
        <v>258715</v>
      </c>
      <c r="O18" s="16">
        <v>120700</v>
      </c>
      <c r="P18" s="16">
        <v>58377</v>
      </c>
      <c r="Q18" s="16">
        <v>1814</v>
      </c>
      <c r="R18" s="22" t="s">
        <v>268</v>
      </c>
      <c r="S18" s="22" t="s">
        <v>268</v>
      </c>
    </row>
    <row r="19" spans="1:19">
      <c r="A19" s="21" t="s">
        <v>753</v>
      </c>
      <c r="B19" s="21" t="s">
        <v>214</v>
      </c>
      <c r="C19" s="21" t="s">
        <v>240</v>
      </c>
      <c r="D19" s="21" t="s">
        <v>237</v>
      </c>
      <c r="E19" s="21" t="s">
        <v>265</v>
      </c>
      <c r="F19" s="16">
        <v>115128</v>
      </c>
      <c r="G19" s="16">
        <v>115128</v>
      </c>
      <c r="H19" s="16">
        <v>91069</v>
      </c>
      <c r="I19" s="16">
        <v>1485</v>
      </c>
      <c r="J19" s="16">
        <v>22464</v>
      </c>
      <c r="K19" s="16">
        <v>11554</v>
      </c>
      <c r="L19" s="16">
        <v>8808</v>
      </c>
      <c r="M19" s="16">
        <v>2102</v>
      </c>
      <c r="N19" s="16">
        <v>17156</v>
      </c>
      <c r="O19" s="16">
        <v>4270</v>
      </c>
      <c r="P19" s="16">
        <v>1038</v>
      </c>
      <c r="Q19" s="16">
        <v>110</v>
      </c>
      <c r="R19" s="22" t="s">
        <v>268</v>
      </c>
      <c r="S19" s="22" t="s">
        <v>268</v>
      </c>
    </row>
    <row r="20" spans="1:19">
      <c r="A20" s="21" t="s">
        <v>753</v>
      </c>
      <c r="B20" s="21" t="s">
        <v>728</v>
      </c>
      <c r="C20" s="21" t="s">
        <v>232</v>
      </c>
      <c r="D20" s="21" t="s">
        <v>233</v>
      </c>
      <c r="E20" s="21" t="s">
        <v>262</v>
      </c>
      <c r="F20" s="16">
        <v>49738916</v>
      </c>
      <c r="G20" s="16">
        <v>49738916</v>
      </c>
      <c r="H20" s="16">
        <v>40214522</v>
      </c>
      <c r="I20" s="16">
        <v>593873</v>
      </c>
      <c r="J20" s="16">
        <v>8875522</v>
      </c>
      <c r="K20" s="16">
        <v>1228884</v>
      </c>
      <c r="L20" s="16">
        <v>3382914</v>
      </c>
      <c r="M20" s="16">
        <v>4263724</v>
      </c>
      <c r="N20" s="16">
        <v>3848626</v>
      </c>
      <c r="O20" s="16">
        <v>3066867</v>
      </c>
      <c r="P20" s="16">
        <v>1960029</v>
      </c>
      <c r="Q20" s="16">
        <v>54999</v>
      </c>
      <c r="R20" s="22" t="s">
        <v>268</v>
      </c>
      <c r="S20" s="22" t="s">
        <v>268</v>
      </c>
    </row>
    <row r="21" spans="1:19">
      <c r="A21" s="21" t="s">
        <v>753</v>
      </c>
      <c r="B21" s="21" t="s">
        <v>728</v>
      </c>
      <c r="C21" s="21" t="s">
        <v>232</v>
      </c>
      <c r="D21" s="21" t="s">
        <v>237</v>
      </c>
      <c r="E21" s="21" t="s">
        <v>264</v>
      </c>
      <c r="F21" s="16">
        <v>770873</v>
      </c>
      <c r="G21" s="16">
        <v>770873</v>
      </c>
      <c r="H21" s="16">
        <v>681941</v>
      </c>
      <c r="I21" s="16">
        <v>11611</v>
      </c>
      <c r="J21" s="16">
        <v>76665</v>
      </c>
      <c r="K21" s="16">
        <v>18369</v>
      </c>
      <c r="L21" s="16">
        <v>33379</v>
      </c>
      <c r="M21" s="16">
        <v>24917</v>
      </c>
      <c r="N21" s="16">
        <v>42333</v>
      </c>
      <c r="O21" s="16">
        <v>23001</v>
      </c>
      <c r="P21" s="16">
        <v>11331</v>
      </c>
      <c r="Q21" s="16">
        <v>656</v>
      </c>
      <c r="R21" s="22" t="s">
        <v>268</v>
      </c>
      <c r="S21" s="22" t="s">
        <v>268</v>
      </c>
    </row>
    <row r="22" spans="1:19">
      <c r="A22" s="21" t="s">
        <v>753</v>
      </c>
      <c r="B22" s="21" t="s">
        <v>728</v>
      </c>
      <c r="C22" s="21" t="s">
        <v>240</v>
      </c>
      <c r="D22" s="21" t="s">
        <v>237</v>
      </c>
      <c r="E22" s="21" t="s">
        <v>265</v>
      </c>
      <c r="F22" s="16">
        <v>62457</v>
      </c>
      <c r="G22" s="16">
        <v>62457</v>
      </c>
      <c r="H22" s="16">
        <v>58309</v>
      </c>
      <c r="I22" s="16">
        <v>766</v>
      </c>
      <c r="J22" s="16">
        <v>3341</v>
      </c>
      <c r="K22" s="16">
        <v>1392</v>
      </c>
      <c r="L22" s="16">
        <v>1429</v>
      </c>
      <c r="M22" s="16">
        <v>520</v>
      </c>
      <c r="N22" s="16">
        <v>2460</v>
      </c>
      <c r="O22" s="16">
        <v>619</v>
      </c>
      <c r="P22" s="16">
        <v>262</v>
      </c>
      <c r="Q22" s="16">
        <v>41</v>
      </c>
      <c r="R22" s="22" t="s">
        <v>268</v>
      </c>
      <c r="S22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5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ADB977-6571-4C62-AF31-B8C142111C86}">
  <sheetPr>
    <pageSetUpPr fitToPage="1"/>
  </sheetPr>
  <dimension ref="A1:L532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16.25" style="20" customWidth="1"/>
    <col min="5" max="5" width="12.625" style="20"/>
    <col min="6" max="6" width="19" style="20" bestFit="1" customWidth="1"/>
    <col min="7" max="16384" width="12.625" style="20"/>
  </cols>
  <sheetData>
    <row r="1" spans="1:12" s="11" customFormat="1">
      <c r="A1" s="11" t="s">
        <v>192</v>
      </c>
    </row>
    <row r="2" spans="1:12" s="11" customFormat="1">
      <c r="A2" s="11" t="s">
        <v>433</v>
      </c>
    </row>
    <row r="3" spans="1:12" s="11" customFormat="1"/>
    <row r="4" spans="1:12" s="11" customFormat="1" outlineLevel="1">
      <c r="A4" s="11" t="s">
        <v>434</v>
      </c>
    </row>
    <row r="5" spans="1:12" s="11" customFormat="1">
      <c r="G5" s="12" t="s">
        <v>200</v>
      </c>
      <c r="H5" s="12" t="s">
        <v>200</v>
      </c>
      <c r="I5" s="12" t="s">
        <v>200</v>
      </c>
      <c r="J5" s="12" t="s">
        <v>200</v>
      </c>
      <c r="K5" s="12" t="s">
        <v>200</v>
      </c>
      <c r="L5" s="12" t="s">
        <v>200</v>
      </c>
    </row>
    <row r="6" spans="1:12" s="11" customFormat="1">
      <c r="G6" s="12" t="s">
        <v>435</v>
      </c>
      <c r="H6" s="12" t="s">
        <v>435</v>
      </c>
      <c r="I6" s="12" t="s">
        <v>435</v>
      </c>
      <c r="J6" s="12" t="s">
        <v>435</v>
      </c>
      <c r="K6" s="12" t="s">
        <v>435</v>
      </c>
      <c r="L6" s="12" t="s">
        <v>435</v>
      </c>
    </row>
    <row r="7" spans="1:12" s="11" customFormat="1"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</row>
    <row r="8" spans="1:12" s="11" customFormat="1" ht="24">
      <c r="G8" s="12" t="s">
        <v>214</v>
      </c>
      <c r="H8" s="12" t="s">
        <v>436</v>
      </c>
      <c r="I8" s="12" t="s">
        <v>437</v>
      </c>
      <c r="J8" s="12" t="s">
        <v>438</v>
      </c>
      <c r="K8" s="12" t="s">
        <v>439</v>
      </c>
      <c r="L8" s="12" t="s">
        <v>440</v>
      </c>
    </row>
    <row r="9" spans="1:12" s="11" customFormat="1"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</row>
    <row r="10" spans="1:12" s="11" customFormat="1">
      <c r="A10" s="14" t="s">
        <v>224</v>
      </c>
      <c r="B10" s="14" t="s">
        <v>259</v>
      </c>
      <c r="C10" s="14" t="s">
        <v>230</v>
      </c>
      <c r="D10" s="14" t="s">
        <v>393</v>
      </c>
      <c r="E10" s="14" t="s">
        <v>212</v>
      </c>
      <c r="F10" s="14" t="s">
        <v>282</v>
      </c>
      <c r="G10" s="14" t="s">
        <v>231</v>
      </c>
      <c r="H10" s="14"/>
      <c r="I10" s="14"/>
      <c r="J10" s="14"/>
      <c r="K10" s="14"/>
      <c r="L10" s="14"/>
    </row>
    <row r="11" spans="1:12">
      <c r="A11" s="15" t="s">
        <v>232</v>
      </c>
      <c r="B11" s="15" t="s">
        <v>233</v>
      </c>
      <c r="C11" s="15" t="s">
        <v>262</v>
      </c>
      <c r="D11" s="15" t="s">
        <v>394</v>
      </c>
      <c r="E11" s="15" t="s">
        <v>214</v>
      </c>
      <c r="F11" s="15" t="s">
        <v>401</v>
      </c>
      <c r="G11" s="16">
        <v>126146099</v>
      </c>
      <c r="H11" s="16">
        <v>32924856</v>
      </c>
      <c r="I11" s="16">
        <v>29328043</v>
      </c>
      <c r="J11" s="16">
        <v>31095990</v>
      </c>
      <c r="K11" s="16">
        <v>29865372</v>
      </c>
      <c r="L11" s="16">
        <v>2931838</v>
      </c>
    </row>
    <row r="12" spans="1:12">
      <c r="A12" s="21" t="s">
        <v>232</v>
      </c>
      <c r="B12" s="21" t="s">
        <v>233</v>
      </c>
      <c r="C12" s="21" t="s">
        <v>262</v>
      </c>
      <c r="D12" s="21" t="s">
        <v>394</v>
      </c>
      <c r="E12" s="21" t="s">
        <v>214</v>
      </c>
      <c r="F12" s="21" t="s">
        <v>402</v>
      </c>
      <c r="G12" s="16">
        <v>4516082</v>
      </c>
      <c r="H12" s="16">
        <v>1089887</v>
      </c>
      <c r="I12" s="16">
        <v>1114458</v>
      </c>
      <c r="J12" s="16">
        <v>1152028</v>
      </c>
      <c r="K12" s="16">
        <v>1159709</v>
      </c>
      <c r="L12" s="22" t="s">
        <v>268</v>
      </c>
    </row>
    <row r="13" spans="1:12">
      <c r="A13" s="21" t="s">
        <v>232</v>
      </c>
      <c r="B13" s="21" t="s">
        <v>233</v>
      </c>
      <c r="C13" s="21" t="s">
        <v>262</v>
      </c>
      <c r="D13" s="21" t="s">
        <v>394</v>
      </c>
      <c r="E13" s="21" t="s">
        <v>214</v>
      </c>
      <c r="F13" s="21" t="s">
        <v>403</v>
      </c>
      <c r="G13" s="16">
        <v>5089093</v>
      </c>
      <c r="H13" s="16">
        <v>1219993</v>
      </c>
      <c r="I13" s="16">
        <v>1240142</v>
      </c>
      <c r="J13" s="16">
        <v>1335787</v>
      </c>
      <c r="K13" s="16">
        <v>1293171</v>
      </c>
      <c r="L13" s="22" t="s">
        <v>268</v>
      </c>
    </row>
    <row r="14" spans="1:12">
      <c r="A14" s="21" t="s">
        <v>232</v>
      </c>
      <c r="B14" s="21" t="s">
        <v>233</v>
      </c>
      <c r="C14" s="21" t="s">
        <v>262</v>
      </c>
      <c r="D14" s="21" t="s">
        <v>394</v>
      </c>
      <c r="E14" s="21" t="s">
        <v>214</v>
      </c>
      <c r="F14" s="21" t="s">
        <v>404</v>
      </c>
      <c r="G14" s="16">
        <v>5350517</v>
      </c>
      <c r="H14" s="16">
        <v>1299780</v>
      </c>
      <c r="I14" s="16">
        <v>1315608</v>
      </c>
      <c r="J14" s="16">
        <v>1387443</v>
      </c>
      <c r="K14" s="16">
        <v>1347686</v>
      </c>
      <c r="L14" s="22" t="s">
        <v>268</v>
      </c>
    </row>
    <row r="15" spans="1:12">
      <c r="A15" s="21" t="s">
        <v>232</v>
      </c>
      <c r="B15" s="21" t="s">
        <v>233</v>
      </c>
      <c r="C15" s="21" t="s">
        <v>262</v>
      </c>
      <c r="D15" s="21" t="s">
        <v>394</v>
      </c>
      <c r="E15" s="21" t="s">
        <v>214</v>
      </c>
      <c r="F15" s="21" t="s">
        <v>405</v>
      </c>
      <c r="G15" s="16">
        <v>5617440</v>
      </c>
      <c r="H15" s="16">
        <v>1361540</v>
      </c>
      <c r="I15" s="16">
        <v>1378932</v>
      </c>
      <c r="J15" s="16">
        <v>1456792</v>
      </c>
      <c r="K15" s="16">
        <v>1420176</v>
      </c>
      <c r="L15" s="22" t="s">
        <v>268</v>
      </c>
    </row>
    <row r="16" spans="1:12">
      <c r="A16" s="21" t="s">
        <v>232</v>
      </c>
      <c r="B16" s="21" t="s">
        <v>233</v>
      </c>
      <c r="C16" s="21" t="s">
        <v>262</v>
      </c>
      <c r="D16" s="21" t="s">
        <v>394</v>
      </c>
      <c r="E16" s="21" t="s">
        <v>214</v>
      </c>
      <c r="F16" s="21" t="s">
        <v>406</v>
      </c>
      <c r="G16" s="16">
        <v>5931306</v>
      </c>
      <c r="H16" s="16">
        <v>1433447</v>
      </c>
      <c r="I16" s="16">
        <v>1481157</v>
      </c>
      <c r="J16" s="16">
        <v>1552268</v>
      </c>
      <c r="K16" s="16">
        <v>1464434</v>
      </c>
      <c r="L16" s="22" t="s">
        <v>268</v>
      </c>
    </row>
    <row r="17" spans="1:12">
      <c r="A17" s="21" t="s">
        <v>232</v>
      </c>
      <c r="B17" s="21" t="s">
        <v>233</v>
      </c>
      <c r="C17" s="21" t="s">
        <v>262</v>
      </c>
      <c r="D17" s="21" t="s">
        <v>394</v>
      </c>
      <c r="E17" s="21" t="s">
        <v>214</v>
      </c>
      <c r="F17" s="21" t="s">
        <v>407</v>
      </c>
      <c r="G17" s="16">
        <v>6031964</v>
      </c>
      <c r="H17" s="16">
        <v>1450608</v>
      </c>
      <c r="I17" s="16">
        <v>1497205</v>
      </c>
      <c r="J17" s="16">
        <v>1576078</v>
      </c>
      <c r="K17" s="16">
        <v>1508073</v>
      </c>
      <c r="L17" s="22" t="s">
        <v>268</v>
      </c>
    </row>
    <row r="18" spans="1:12">
      <c r="A18" s="21" t="s">
        <v>232</v>
      </c>
      <c r="B18" s="21" t="s">
        <v>233</v>
      </c>
      <c r="C18" s="21" t="s">
        <v>262</v>
      </c>
      <c r="D18" s="21" t="s">
        <v>394</v>
      </c>
      <c r="E18" s="21" t="s">
        <v>214</v>
      </c>
      <c r="F18" s="21" t="s">
        <v>408</v>
      </c>
      <c r="G18" s="16">
        <v>6484594</v>
      </c>
      <c r="H18" s="16">
        <v>1560526</v>
      </c>
      <c r="I18" s="16">
        <v>1596437</v>
      </c>
      <c r="J18" s="16">
        <v>1678839</v>
      </c>
      <c r="K18" s="16">
        <v>1648792</v>
      </c>
      <c r="L18" s="22" t="s">
        <v>268</v>
      </c>
    </row>
    <row r="19" spans="1:12">
      <c r="A19" s="21" t="s">
        <v>232</v>
      </c>
      <c r="B19" s="21" t="s">
        <v>233</v>
      </c>
      <c r="C19" s="21" t="s">
        <v>262</v>
      </c>
      <c r="D19" s="21" t="s">
        <v>394</v>
      </c>
      <c r="E19" s="21" t="s">
        <v>214</v>
      </c>
      <c r="F19" s="21" t="s">
        <v>409</v>
      </c>
      <c r="G19" s="16">
        <v>7311567</v>
      </c>
      <c r="H19" s="16">
        <v>1760733</v>
      </c>
      <c r="I19" s="16">
        <v>1795535</v>
      </c>
      <c r="J19" s="16">
        <v>1928802</v>
      </c>
      <c r="K19" s="16">
        <v>1826497</v>
      </c>
      <c r="L19" s="22" t="s">
        <v>268</v>
      </c>
    </row>
    <row r="20" spans="1:12">
      <c r="A20" s="21" t="s">
        <v>232</v>
      </c>
      <c r="B20" s="21" t="s">
        <v>233</v>
      </c>
      <c r="C20" s="21" t="s">
        <v>262</v>
      </c>
      <c r="D20" s="21" t="s">
        <v>394</v>
      </c>
      <c r="E20" s="21" t="s">
        <v>214</v>
      </c>
      <c r="F20" s="21" t="s">
        <v>410</v>
      </c>
      <c r="G20" s="16">
        <v>8291077</v>
      </c>
      <c r="H20" s="16">
        <v>2014693</v>
      </c>
      <c r="I20" s="16">
        <v>2059476</v>
      </c>
      <c r="J20" s="16">
        <v>2151014</v>
      </c>
      <c r="K20" s="16">
        <v>2065894</v>
      </c>
      <c r="L20" s="22" t="s">
        <v>268</v>
      </c>
    </row>
    <row r="21" spans="1:12">
      <c r="A21" s="21" t="s">
        <v>232</v>
      </c>
      <c r="B21" s="21" t="s">
        <v>233</v>
      </c>
      <c r="C21" s="21" t="s">
        <v>262</v>
      </c>
      <c r="D21" s="21" t="s">
        <v>394</v>
      </c>
      <c r="E21" s="21" t="s">
        <v>214</v>
      </c>
      <c r="F21" s="21" t="s">
        <v>411</v>
      </c>
      <c r="G21" s="16">
        <v>9650293</v>
      </c>
      <c r="H21" s="16">
        <v>2409183</v>
      </c>
      <c r="I21" s="16">
        <v>2376092</v>
      </c>
      <c r="J21" s="16">
        <v>2504440</v>
      </c>
      <c r="K21" s="16">
        <v>2360578</v>
      </c>
      <c r="L21" s="22" t="s">
        <v>268</v>
      </c>
    </row>
    <row r="22" spans="1:12">
      <c r="A22" s="21" t="s">
        <v>232</v>
      </c>
      <c r="B22" s="21" t="s">
        <v>233</v>
      </c>
      <c r="C22" s="21" t="s">
        <v>262</v>
      </c>
      <c r="D22" s="21" t="s">
        <v>394</v>
      </c>
      <c r="E22" s="21" t="s">
        <v>214</v>
      </c>
      <c r="F22" s="21" t="s">
        <v>412</v>
      </c>
      <c r="G22" s="16">
        <v>8539851</v>
      </c>
      <c r="H22" s="16">
        <v>2234867</v>
      </c>
      <c r="I22" s="16">
        <v>2095141</v>
      </c>
      <c r="J22" s="16">
        <v>2149225</v>
      </c>
      <c r="K22" s="16">
        <v>2060618</v>
      </c>
      <c r="L22" s="22" t="s">
        <v>268</v>
      </c>
    </row>
    <row r="23" spans="1:12">
      <c r="A23" s="21" t="s">
        <v>232</v>
      </c>
      <c r="B23" s="21" t="s">
        <v>233</v>
      </c>
      <c r="C23" s="21" t="s">
        <v>262</v>
      </c>
      <c r="D23" s="21" t="s">
        <v>394</v>
      </c>
      <c r="E23" s="21" t="s">
        <v>214</v>
      </c>
      <c r="F23" s="21" t="s">
        <v>413</v>
      </c>
      <c r="G23" s="16">
        <v>7767482</v>
      </c>
      <c r="H23" s="16">
        <v>2122610</v>
      </c>
      <c r="I23" s="16">
        <v>1879640</v>
      </c>
      <c r="J23" s="16">
        <v>1942735</v>
      </c>
      <c r="K23" s="16">
        <v>1822497</v>
      </c>
      <c r="L23" s="22" t="s">
        <v>268</v>
      </c>
    </row>
    <row r="24" spans="1:12">
      <c r="A24" s="21" t="s">
        <v>232</v>
      </c>
      <c r="B24" s="21" t="s">
        <v>233</v>
      </c>
      <c r="C24" s="21" t="s">
        <v>262</v>
      </c>
      <c r="D24" s="21" t="s">
        <v>394</v>
      </c>
      <c r="E24" s="21" t="s">
        <v>214</v>
      </c>
      <c r="F24" s="21" t="s">
        <v>414</v>
      </c>
      <c r="G24" s="16">
        <v>7297190</v>
      </c>
      <c r="H24" s="16">
        <v>2077342</v>
      </c>
      <c r="I24" s="16">
        <v>1745443</v>
      </c>
      <c r="J24" s="16">
        <v>1741933</v>
      </c>
      <c r="K24" s="16">
        <v>1732472</v>
      </c>
      <c r="L24" s="22" t="s">
        <v>268</v>
      </c>
    </row>
    <row r="25" spans="1:12">
      <c r="A25" s="21" t="s">
        <v>232</v>
      </c>
      <c r="B25" s="21" t="s">
        <v>233</v>
      </c>
      <c r="C25" s="21" t="s">
        <v>262</v>
      </c>
      <c r="D25" s="21" t="s">
        <v>394</v>
      </c>
      <c r="E25" s="21" t="s">
        <v>214</v>
      </c>
      <c r="F25" s="21" t="s">
        <v>415</v>
      </c>
      <c r="G25" s="16">
        <v>8075268</v>
      </c>
      <c r="H25" s="16">
        <v>2382570</v>
      </c>
      <c r="I25" s="16">
        <v>1835955</v>
      </c>
      <c r="J25" s="16">
        <v>1918590</v>
      </c>
      <c r="K25" s="16">
        <v>1938153</v>
      </c>
      <c r="L25" s="22" t="s">
        <v>268</v>
      </c>
    </row>
    <row r="26" spans="1:12">
      <c r="A26" s="21" t="s">
        <v>232</v>
      </c>
      <c r="B26" s="21" t="s">
        <v>233</v>
      </c>
      <c r="C26" s="21" t="s">
        <v>262</v>
      </c>
      <c r="D26" s="21" t="s">
        <v>394</v>
      </c>
      <c r="E26" s="21" t="s">
        <v>214</v>
      </c>
      <c r="F26" s="21" t="s">
        <v>416</v>
      </c>
      <c r="G26" s="16">
        <v>9011795</v>
      </c>
      <c r="H26" s="16">
        <v>2622477</v>
      </c>
      <c r="I26" s="16">
        <v>2035506</v>
      </c>
      <c r="J26" s="16">
        <v>2308398</v>
      </c>
      <c r="K26" s="16">
        <v>2045414</v>
      </c>
      <c r="L26" s="22" t="s">
        <v>268</v>
      </c>
    </row>
    <row r="27" spans="1:12">
      <c r="A27" s="21" t="s">
        <v>232</v>
      </c>
      <c r="B27" s="21" t="s">
        <v>233</v>
      </c>
      <c r="C27" s="21" t="s">
        <v>262</v>
      </c>
      <c r="D27" s="21" t="s">
        <v>394</v>
      </c>
      <c r="E27" s="21" t="s">
        <v>214</v>
      </c>
      <c r="F27" s="21" t="s">
        <v>417</v>
      </c>
      <c r="G27" s="16">
        <v>6930928</v>
      </c>
      <c r="H27" s="16">
        <v>2142474</v>
      </c>
      <c r="I27" s="16">
        <v>1501048</v>
      </c>
      <c r="J27" s="16">
        <v>1645966</v>
      </c>
      <c r="K27" s="16">
        <v>1641440</v>
      </c>
      <c r="L27" s="22" t="s">
        <v>268</v>
      </c>
    </row>
    <row r="28" spans="1:12">
      <c r="A28" s="21" t="s">
        <v>232</v>
      </c>
      <c r="B28" s="21" t="s">
        <v>233</v>
      </c>
      <c r="C28" s="21" t="s">
        <v>262</v>
      </c>
      <c r="D28" s="21" t="s">
        <v>394</v>
      </c>
      <c r="E28" s="21" t="s">
        <v>214</v>
      </c>
      <c r="F28" s="21" t="s">
        <v>418</v>
      </c>
      <c r="G28" s="16">
        <v>5296728</v>
      </c>
      <c r="H28" s="16">
        <v>1727944</v>
      </c>
      <c r="I28" s="16">
        <v>1122833</v>
      </c>
      <c r="J28" s="16">
        <v>1228880</v>
      </c>
      <c r="K28" s="16">
        <v>1217071</v>
      </c>
      <c r="L28" s="22" t="s">
        <v>268</v>
      </c>
    </row>
    <row r="29" spans="1:12">
      <c r="A29" s="21" t="s">
        <v>232</v>
      </c>
      <c r="B29" s="21" t="s">
        <v>233</v>
      </c>
      <c r="C29" s="21" t="s">
        <v>262</v>
      </c>
      <c r="D29" s="21" t="s">
        <v>394</v>
      </c>
      <c r="E29" s="21" t="s">
        <v>214</v>
      </c>
      <c r="F29" s="21" t="s">
        <v>419</v>
      </c>
      <c r="G29" s="16">
        <v>3669823</v>
      </c>
      <c r="H29" s="16">
        <v>1217851</v>
      </c>
      <c r="I29" s="16">
        <v>775221</v>
      </c>
      <c r="J29" s="16">
        <v>866379</v>
      </c>
      <c r="K29" s="16">
        <v>810372</v>
      </c>
      <c r="L29" s="22" t="s">
        <v>268</v>
      </c>
    </row>
    <row r="30" spans="1:12">
      <c r="A30" s="21" t="s">
        <v>232</v>
      </c>
      <c r="B30" s="21" t="s">
        <v>233</v>
      </c>
      <c r="C30" s="21" t="s">
        <v>262</v>
      </c>
      <c r="D30" s="21" t="s">
        <v>394</v>
      </c>
      <c r="E30" s="21" t="s">
        <v>214</v>
      </c>
      <c r="F30" s="21" t="s">
        <v>420</v>
      </c>
      <c r="G30" s="16">
        <v>1779016</v>
      </c>
      <c r="H30" s="16">
        <v>597513</v>
      </c>
      <c r="I30" s="16">
        <v>369153</v>
      </c>
      <c r="J30" s="16">
        <v>427431</v>
      </c>
      <c r="K30" s="16">
        <v>384919</v>
      </c>
      <c r="L30" s="22" t="s">
        <v>268</v>
      </c>
    </row>
    <row r="31" spans="1:12">
      <c r="A31" s="21" t="s">
        <v>232</v>
      </c>
      <c r="B31" s="21" t="s">
        <v>233</v>
      </c>
      <c r="C31" s="21" t="s">
        <v>262</v>
      </c>
      <c r="D31" s="21" t="s">
        <v>394</v>
      </c>
      <c r="E31" s="21" t="s">
        <v>214</v>
      </c>
      <c r="F31" s="21" t="s">
        <v>421</v>
      </c>
      <c r="G31" s="16">
        <v>492724</v>
      </c>
      <c r="H31" s="16">
        <v>171542</v>
      </c>
      <c r="I31" s="16">
        <v>96937</v>
      </c>
      <c r="J31" s="16">
        <v>122920</v>
      </c>
      <c r="K31" s="16">
        <v>101325</v>
      </c>
      <c r="L31" s="22" t="s">
        <v>268</v>
      </c>
    </row>
    <row r="32" spans="1:12">
      <c r="A32" s="21" t="s">
        <v>232</v>
      </c>
      <c r="B32" s="21" t="s">
        <v>233</v>
      </c>
      <c r="C32" s="21" t="s">
        <v>262</v>
      </c>
      <c r="D32" s="21" t="s">
        <v>394</v>
      </c>
      <c r="E32" s="21" t="s">
        <v>214</v>
      </c>
      <c r="F32" s="21" t="s">
        <v>422</v>
      </c>
      <c r="G32" s="16">
        <v>79523</v>
      </c>
      <c r="H32" s="16">
        <v>27276</v>
      </c>
      <c r="I32" s="16">
        <v>16124</v>
      </c>
      <c r="J32" s="16">
        <v>20042</v>
      </c>
      <c r="K32" s="16">
        <v>16081</v>
      </c>
      <c r="L32" s="22" t="s">
        <v>268</v>
      </c>
    </row>
    <row r="33" spans="1:12">
      <c r="A33" s="21" t="s">
        <v>232</v>
      </c>
      <c r="B33" s="21" t="s">
        <v>233</v>
      </c>
      <c r="C33" s="21" t="s">
        <v>262</v>
      </c>
      <c r="D33" s="21" t="s">
        <v>394</v>
      </c>
      <c r="E33" s="21" t="s">
        <v>214</v>
      </c>
      <c r="F33" s="21" t="s">
        <v>423</v>
      </c>
      <c r="G33" s="16">
        <v>2931838</v>
      </c>
      <c r="H33" s="22" t="s">
        <v>268</v>
      </c>
      <c r="I33" s="22" t="s">
        <v>268</v>
      </c>
      <c r="J33" s="22" t="s">
        <v>268</v>
      </c>
      <c r="K33" s="22" t="s">
        <v>268</v>
      </c>
      <c r="L33" s="16">
        <v>2931838</v>
      </c>
    </row>
    <row r="34" spans="1:12">
      <c r="A34" s="21" t="s">
        <v>232</v>
      </c>
      <c r="B34" s="21" t="s">
        <v>233</v>
      </c>
      <c r="C34" s="21" t="s">
        <v>262</v>
      </c>
      <c r="D34" s="21" t="s">
        <v>394</v>
      </c>
      <c r="E34" s="21" t="s">
        <v>214</v>
      </c>
      <c r="F34" s="21" t="s">
        <v>386</v>
      </c>
      <c r="G34" s="16">
        <v>14955692</v>
      </c>
      <c r="H34" s="16">
        <v>3609660</v>
      </c>
      <c r="I34" s="16">
        <v>3670208</v>
      </c>
      <c r="J34" s="16">
        <v>3875258</v>
      </c>
      <c r="K34" s="16">
        <v>3800566</v>
      </c>
      <c r="L34" s="22" t="s">
        <v>268</v>
      </c>
    </row>
    <row r="35" spans="1:12">
      <c r="A35" s="21" t="s">
        <v>232</v>
      </c>
      <c r="B35" s="21" t="s">
        <v>233</v>
      </c>
      <c r="C35" s="21" t="s">
        <v>262</v>
      </c>
      <c r="D35" s="21" t="s">
        <v>394</v>
      </c>
      <c r="E35" s="21" t="s">
        <v>214</v>
      </c>
      <c r="F35" s="21" t="s">
        <v>387</v>
      </c>
      <c r="G35" s="16">
        <v>72922764</v>
      </c>
      <c r="H35" s="16">
        <v>18425549</v>
      </c>
      <c r="I35" s="16">
        <v>17905058</v>
      </c>
      <c r="J35" s="16">
        <v>18682126</v>
      </c>
      <c r="K35" s="16">
        <v>17910031</v>
      </c>
      <c r="L35" s="22" t="s">
        <v>268</v>
      </c>
    </row>
    <row r="36" spans="1:12">
      <c r="A36" s="21" t="s">
        <v>232</v>
      </c>
      <c r="B36" s="21" t="s">
        <v>233</v>
      </c>
      <c r="C36" s="21" t="s">
        <v>262</v>
      </c>
      <c r="D36" s="21" t="s">
        <v>394</v>
      </c>
      <c r="E36" s="21" t="s">
        <v>214</v>
      </c>
      <c r="F36" s="21" t="s">
        <v>388</v>
      </c>
      <c r="G36" s="16">
        <v>35335805</v>
      </c>
      <c r="H36" s="16">
        <v>10889647</v>
      </c>
      <c r="I36" s="16">
        <v>7752777</v>
      </c>
      <c r="J36" s="16">
        <v>8538606</v>
      </c>
      <c r="K36" s="16">
        <v>8154775</v>
      </c>
      <c r="L36" s="22" t="s">
        <v>268</v>
      </c>
    </row>
    <row r="37" spans="1:12">
      <c r="A37" s="21" t="s">
        <v>232</v>
      </c>
      <c r="B37" s="21" t="s">
        <v>233</v>
      </c>
      <c r="C37" s="21" t="s">
        <v>262</v>
      </c>
      <c r="D37" s="21" t="s">
        <v>394</v>
      </c>
      <c r="E37" s="21" t="s">
        <v>214</v>
      </c>
      <c r="F37" s="21" t="s">
        <v>389</v>
      </c>
      <c r="G37" s="16">
        <v>18248742</v>
      </c>
      <c r="H37" s="16">
        <v>5884600</v>
      </c>
      <c r="I37" s="16">
        <v>3881316</v>
      </c>
      <c r="J37" s="16">
        <v>4311618</v>
      </c>
      <c r="K37" s="16">
        <v>4171208</v>
      </c>
      <c r="L37" s="22" t="s">
        <v>268</v>
      </c>
    </row>
    <row r="38" spans="1:12">
      <c r="A38" s="21" t="s">
        <v>232</v>
      </c>
      <c r="B38" s="21" t="s">
        <v>233</v>
      </c>
      <c r="C38" s="21" t="s">
        <v>262</v>
      </c>
      <c r="D38" s="21" t="s">
        <v>394</v>
      </c>
      <c r="E38" s="21" t="s">
        <v>214</v>
      </c>
      <c r="F38" s="21" t="s">
        <v>390</v>
      </c>
      <c r="G38" s="16">
        <v>6021086</v>
      </c>
      <c r="H38" s="16">
        <v>2014182</v>
      </c>
      <c r="I38" s="16">
        <v>1257435</v>
      </c>
      <c r="J38" s="16">
        <v>1436772</v>
      </c>
      <c r="K38" s="16">
        <v>1312697</v>
      </c>
      <c r="L38" s="22" t="s">
        <v>268</v>
      </c>
    </row>
    <row r="39" spans="1:12">
      <c r="A39" s="21" t="s">
        <v>232</v>
      </c>
      <c r="B39" s="21" t="s">
        <v>233</v>
      </c>
      <c r="C39" s="21" t="s">
        <v>262</v>
      </c>
      <c r="D39" s="21" t="s">
        <v>394</v>
      </c>
      <c r="E39" s="21" t="s">
        <v>214</v>
      </c>
      <c r="F39" s="21" t="s">
        <v>391</v>
      </c>
      <c r="G39" s="16">
        <v>75380592</v>
      </c>
      <c r="H39" s="16">
        <v>19446579</v>
      </c>
      <c r="I39" s="16">
        <v>18362081</v>
      </c>
      <c r="J39" s="16">
        <v>19143924</v>
      </c>
      <c r="K39" s="16">
        <v>18428008</v>
      </c>
      <c r="L39" s="22" t="s">
        <v>268</v>
      </c>
    </row>
    <row r="40" spans="1:12">
      <c r="A40" s="21" t="s">
        <v>232</v>
      </c>
      <c r="B40" s="21" t="s">
        <v>233</v>
      </c>
      <c r="C40" s="21" t="s">
        <v>262</v>
      </c>
      <c r="D40" s="21" t="s">
        <v>394</v>
      </c>
      <c r="E40" s="21" t="s">
        <v>215</v>
      </c>
      <c r="F40" s="21" t="s">
        <v>401</v>
      </c>
      <c r="G40" s="16">
        <v>61349581</v>
      </c>
      <c r="H40" s="16">
        <v>15743853</v>
      </c>
      <c r="I40" s="16">
        <v>14331269</v>
      </c>
      <c r="J40" s="16">
        <v>15158750</v>
      </c>
      <c r="K40" s="16">
        <v>14524566</v>
      </c>
      <c r="L40" s="16">
        <v>1591143</v>
      </c>
    </row>
    <row r="41" spans="1:12">
      <c r="A41" s="21" t="s">
        <v>232</v>
      </c>
      <c r="B41" s="21" t="s">
        <v>233</v>
      </c>
      <c r="C41" s="21" t="s">
        <v>262</v>
      </c>
      <c r="D41" s="21" t="s">
        <v>394</v>
      </c>
      <c r="E41" s="21" t="s">
        <v>215</v>
      </c>
      <c r="F41" s="21" t="s">
        <v>402</v>
      </c>
      <c r="G41" s="16">
        <v>2311189</v>
      </c>
      <c r="H41" s="16">
        <v>556382</v>
      </c>
      <c r="I41" s="16">
        <v>572356</v>
      </c>
      <c r="J41" s="16">
        <v>590414</v>
      </c>
      <c r="K41" s="16">
        <v>592037</v>
      </c>
      <c r="L41" s="22" t="s">
        <v>268</v>
      </c>
    </row>
    <row r="42" spans="1:12">
      <c r="A42" s="21" t="s">
        <v>232</v>
      </c>
      <c r="B42" s="21" t="s">
        <v>233</v>
      </c>
      <c r="C42" s="21" t="s">
        <v>262</v>
      </c>
      <c r="D42" s="21" t="s">
        <v>394</v>
      </c>
      <c r="E42" s="21" t="s">
        <v>215</v>
      </c>
      <c r="F42" s="21" t="s">
        <v>403</v>
      </c>
      <c r="G42" s="16">
        <v>2606651</v>
      </c>
      <c r="H42" s="16">
        <v>623107</v>
      </c>
      <c r="I42" s="16">
        <v>637846</v>
      </c>
      <c r="J42" s="16">
        <v>684937</v>
      </c>
      <c r="K42" s="16">
        <v>660761</v>
      </c>
      <c r="L42" s="22" t="s">
        <v>268</v>
      </c>
    </row>
    <row r="43" spans="1:12">
      <c r="A43" s="21" t="s">
        <v>232</v>
      </c>
      <c r="B43" s="21" t="s">
        <v>233</v>
      </c>
      <c r="C43" s="21" t="s">
        <v>262</v>
      </c>
      <c r="D43" s="21" t="s">
        <v>394</v>
      </c>
      <c r="E43" s="21" t="s">
        <v>215</v>
      </c>
      <c r="F43" s="21" t="s">
        <v>404</v>
      </c>
      <c r="G43" s="16">
        <v>2742131</v>
      </c>
      <c r="H43" s="16">
        <v>664520</v>
      </c>
      <c r="I43" s="16">
        <v>677002</v>
      </c>
      <c r="J43" s="16">
        <v>712231</v>
      </c>
      <c r="K43" s="16">
        <v>688378</v>
      </c>
      <c r="L43" s="22" t="s">
        <v>268</v>
      </c>
    </row>
    <row r="44" spans="1:12">
      <c r="A44" s="21" t="s">
        <v>232</v>
      </c>
      <c r="B44" s="21" t="s">
        <v>233</v>
      </c>
      <c r="C44" s="21" t="s">
        <v>262</v>
      </c>
      <c r="D44" s="21" t="s">
        <v>394</v>
      </c>
      <c r="E44" s="21" t="s">
        <v>215</v>
      </c>
      <c r="F44" s="21" t="s">
        <v>405</v>
      </c>
      <c r="G44" s="16">
        <v>2880029</v>
      </c>
      <c r="H44" s="16">
        <v>695179</v>
      </c>
      <c r="I44" s="16">
        <v>710533</v>
      </c>
      <c r="J44" s="16">
        <v>749372</v>
      </c>
      <c r="K44" s="16">
        <v>724945</v>
      </c>
      <c r="L44" s="22" t="s">
        <v>268</v>
      </c>
    </row>
    <row r="45" spans="1:12">
      <c r="A45" s="21" t="s">
        <v>232</v>
      </c>
      <c r="B45" s="21" t="s">
        <v>233</v>
      </c>
      <c r="C45" s="21" t="s">
        <v>262</v>
      </c>
      <c r="D45" s="21" t="s">
        <v>394</v>
      </c>
      <c r="E45" s="21" t="s">
        <v>215</v>
      </c>
      <c r="F45" s="21" t="s">
        <v>406</v>
      </c>
      <c r="G45" s="16">
        <v>3017869</v>
      </c>
      <c r="H45" s="16">
        <v>727452</v>
      </c>
      <c r="I45" s="16">
        <v>754620</v>
      </c>
      <c r="J45" s="16">
        <v>791089</v>
      </c>
      <c r="K45" s="16">
        <v>744708</v>
      </c>
      <c r="L45" s="22" t="s">
        <v>268</v>
      </c>
    </row>
    <row r="46" spans="1:12">
      <c r="A46" s="21" t="s">
        <v>232</v>
      </c>
      <c r="B46" s="21" t="s">
        <v>233</v>
      </c>
      <c r="C46" s="21" t="s">
        <v>262</v>
      </c>
      <c r="D46" s="21" t="s">
        <v>394</v>
      </c>
      <c r="E46" s="21" t="s">
        <v>215</v>
      </c>
      <c r="F46" s="21" t="s">
        <v>407</v>
      </c>
      <c r="G46" s="16">
        <v>3074087</v>
      </c>
      <c r="H46" s="16">
        <v>738896</v>
      </c>
      <c r="I46" s="16">
        <v>764782</v>
      </c>
      <c r="J46" s="16">
        <v>803690</v>
      </c>
      <c r="K46" s="16">
        <v>766719</v>
      </c>
      <c r="L46" s="22" t="s">
        <v>268</v>
      </c>
    </row>
    <row r="47" spans="1:12">
      <c r="A47" s="21" t="s">
        <v>232</v>
      </c>
      <c r="B47" s="21" t="s">
        <v>233</v>
      </c>
      <c r="C47" s="21" t="s">
        <v>262</v>
      </c>
      <c r="D47" s="21" t="s">
        <v>394</v>
      </c>
      <c r="E47" s="21" t="s">
        <v>215</v>
      </c>
      <c r="F47" s="21" t="s">
        <v>408</v>
      </c>
      <c r="G47" s="16">
        <v>3297031</v>
      </c>
      <c r="H47" s="16">
        <v>792114</v>
      </c>
      <c r="I47" s="16">
        <v>814133</v>
      </c>
      <c r="J47" s="16">
        <v>854976</v>
      </c>
      <c r="K47" s="16">
        <v>835808</v>
      </c>
      <c r="L47" s="22" t="s">
        <v>268</v>
      </c>
    </row>
    <row r="48" spans="1:12">
      <c r="A48" s="21" t="s">
        <v>232</v>
      </c>
      <c r="B48" s="21" t="s">
        <v>233</v>
      </c>
      <c r="C48" s="21" t="s">
        <v>262</v>
      </c>
      <c r="D48" s="21" t="s">
        <v>394</v>
      </c>
      <c r="E48" s="21" t="s">
        <v>215</v>
      </c>
      <c r="F48" s="21" t="s">
        <v>409</v>
      </c>
      <c r="G48" s="16">
        <v>3696855</v>
      </c>
      <c r="H48" s="16">
        <v>889025</v>
      </c>
      <c r="I48" s="16">
        <v>911165</v>
      </c>
      <c r="J48" s="16">
        <v>976618</v>
      </c>
      <c r="K48" s="16">
        <v>920047</v>
      </c>
      <c r="L48" s="22" t="s">
        <v>268</v>
      </c>
    </row>
    <row r="49" spans="1:12">
      <c r="A49" s="21" t="s">
        <v>232</v>
      </c>
      <c r="B49" s="21" t="s">
        <v>233</v>
      </c>
      <c r="C49" s="21" t="s">
        <v>262</v>
      </c>
      <c r="D49" s="21" t="s">
        <v>394</v>
      </c>
      <c r="E49" s="21" t="s">
        <v>215</v>
      </c>
      <c r="F49" s="21" t="s">
        <v>410</v>
      </c>
      <c r="G49" s="16">
        <v>4189446</v>
      </c>
      <c r="H49" s="16">
        <v>1016093</v>
      </c>
      <c r="I49" s="16">
        <v>1044189</v>
      </c>
      <c r="J49" s="16">
        <v>1088820</v>
      </c>
      <c r="K49" s="16">
        <v>1040344</v>
      </c>
      <c r="L49" s="22" t="s">
        <v>268</v>
      </c>
    </row>
    <row r="50" spans="1:12">
      <c r="A50" s="21" t="s">
        <v>232</v>
      </c>
      <c r="B50" s="21" t="s">
        <v>233</v>
      </c>
      <c r="C50" s="21" t="s">
        <v>262</v>
      </c>
      <c r="D50" s="21" t="s">
        <v>394</v>
      </c>
      <c r="E50" s="21" t="s">
        <v>215</v>
      </c>
      <c r="F50" s="21" t="s">
        <v>411</v>
      </c>
      <c r="G50" s="16">
        <v>4862990</v>
      </c>
      <c r="H50" s="16">
        <v>1211158</v>
      </c>
      <c r="I50" s="16">
        <v>1201308</v>
      </c>
      <c r="J50" s="16">
        <v>1263920</v>
      </c>
      <c r="K50" s="16">
        <v>1186604</v>
      </c>
      <c r="L50" s="22" t="s">
        <v>268</v>
      </c>
    </row>
    <row r="51" spans="1:12">
      <c r="A51" s="21" t="s">
        <v>232</v>
      </c>
      <c r="B51" s="21" t="s">
        <v>233</v>
      </c>
      <c r="C51" s="21" t="s">
        <v>262</v>
      </c>
      <c r="D51" s="21" t="s">
        <v>394</v>
      </c>
      <c r="E51" s="21" t="s">
        <v>215</v>
      </c>
      <c r="F51" s="21" t="s">
        <v>412</v>
      </c>
      <c r="G51" s="16">
        <v>4277003</v>
      </c>
      <c r="H51" s="16">
        <v>1114724</v>
      </c>
      <c r="I51" s="16">
        <v>1052957</v>
      </c>
      <c r="J51" s="16">
        <v>1078682</v>
      </c>
      <c r="K51" s="16">
        <v>1030640</v>
      </c>
      <c r="L51" s="22" t="s">
        <v>268</v>
      </c>
    </row>
    <row r="52" spans="1:12">
      <c r="A52" s="21" t="s">
        <v>232</v>
      </c>
      <c r="B52" s="21" t="s">
        <v>233</v>
      </c>
      <c r="C52" s="21" t="s">
        <v>262</v>
      </c>
      <c r="D52" s="21" t="s">
        <v>394</v>
      </c>
      <c r="E52" s="21" t="s">
        <v>215</v>
      </c>
      <c r="F52" s="21" t="s">
        <v>413</v>
      </c>
      <c r="G52" s="16">
        <v>3865303</v>
      </c>
      <c r="H52" s="16">
        <v>1053622</v>
      </c>
      <c r="I52" s="16">
        <v>936506</v>
      </c>
      <c r="J52" s="16">
        <v>968423</v>
      </c>
      <c r="K52" s="16">
        <v>906752</v>
      </c>
      <c r="L52" s="22" t="s">
        <v>268</v>
      </c>
    </row>
    <row r="53" spans="1:12">
      <c r="A53" s="21" t="s">
        <v>232</v>
      </c>
      <c r="B53" s="21" t="s">
        <v>233</v>
      </c>
      <c r="C53" s="21" t="s">
        <v>262</v>
      </c>
      <c r="D53" s="21" t="s">
        <v>394</v>
      </c>
      <c r="E53" s="21" t="s">
        <v>215</v>
      </c>
      <c r="F53" s="21" t="s">
        <v>414</v>
      </c>
      <c r="G53" s="16">
        <v>3592903</v>
      </c>
      <c r="H53" s="16">
        <v>1016214</v>
      </c>
      <c r="I53" s="16">
        <v>861348</v>
      </c>
      <c r="J53" s="16">
        <v>858657</v>
      </c>
      <c r="K53" s="16">
        <v>856684</v>
      </c>
      <c r="L53" s="22" t="s">
        <v>268</v>
      </c>
    </row>
    <row r="54" spans="1:12">
      <c r="A54" s="21" t="s">
        <v>232</v>
      </c>
      <c r="B54" s="21" t="s">
        <v>233</v>
      </c>
      <c r="C54" s="21" t="s">
        <v>262</v>
      </c>
      <c r="D54" s="21" t="s">
        <v>394</v>
      </c>
      <c r="E54" s="21" t="s">
        <v>215</v>
      </c>
      <c r="F54" s="21" t="s">
        <v>415</v>
      </c>
      <c r="G54" s="16">
        <v>3910060</v>
      </c>
      <c r="H54" s="16">
        <v>1147957</v>
      </c>
      <c r="I54" s="16">
        <v>890392</v>
      </c>
      <c r="J54" s="16">
        <v>930511</v>
      </c>
      <c r="K54" s="16">
        <v>941200</v>
      </c>
      <c r="L54" s="22" t="s">
        <v>268</v>
      </c>
    </row>
    <row r="55" spans="1:12">
      <c r="A55" s="21" t="s">
        <v>232</v>
      </c>
      <c r="B55" s="21" t="s">
        <v>233</v>
      </c>
      <c r="C55" s="21" t="s">
        <v>262</v>
      </c>
      <c r="D55" s="21" t="s">
        <v>394</v>
      </c>
      <c r="E55" s="21" t="s">
        <v>215</v>
      </c>
      <c r="F55" s="21" t="s">
        <v>416</v>
      </c>
      <c r="G55" s="16">
        <v>4249286</v>
      </c>
      <c r="H55" s="16">
        <v>1228263</v>
      </c>
      <c r="I55" s="16">
        <v>960652</v>
      </c>
      <c r="J55" s="16">
        <v>1092545</v>
      </c>
      <c r="K55" s="16">
        <v>967826</v>
      </c>
      <c r="L55" s="22" t="s">
        <v>268</v>
      </c>
    </row>
    <row r="56" spans="1:12">
      <c r="A56" s="21" t="s">
        <v>232</v>
      </c>
      <c r="B56" s="21" t="s">
        <v>233</v>
      </c>
      <c r="C56" s="21" t="s">
        <v>262</v>
      </c>
      <c r="D56" s="21" t="s">
        <v>394</v>
      </c>
      <c r="E56" s="21" t="s">
        <v>215</v>
      </c>
      <c r="F56" s="21" t="s">
        <v>417</v>
      </c>
      <c r="G56" s="16">
        <v>3092860</v>
      </c>
      <c r="H56" s="16">
        <v>947645</v>
      </c>
      <c r="I56" s="16">
        <v>670593</v>
      </c>
      <c r="J56" s="16">
        <v>738275</v>
      </c>
      <c r="K56" s="16">
        <v>736347</v>
      </c>
      <c r="L56" s="22" t="s">
        <v>268</v>
      </c>
    </row>
    <row r="57" spans="1:12">
      <c r="A57" s="21" t="s">
        <v>232</v>
      </c>
      <c r="B57" s="21" t="s">
        <v>233</v>
      </c>
      <c r="C57" s="21" t="s">
        <v>262</v>
      </c>
      <c r="D57" s="21" t="s">
        <v>394</v>
      </c>
      <c r="E57" s="21" t="s">
        <v>215</v>
      </c>
      <c r="F57" s="21" t="s">
        <v>418</v>
      </c>
      <c r="G57" s="16">
        <v>2196093</v>
      </c>
      <c r="H57" s="16">
        <v>703567</v>
      </c>
      <c r="I57" s="16">
        <v>468561</v>
      </c>
      <c r="J57" s="16">
        <v>514797</v>
      </c>
      <c r="K57" s="16">
        <v>509168</v>
      </c>
      <c r="L57" s="22" t="s">
        <v>268</v>
      </c>
    </row>
    <row r="58" spans="1:12">
      <c r="A58" s="21" t="s">
        <v>232</v>
      </c>
      <c r="B58" s="21" t="s">
        <v>233</v>
      </c>
      <c r="C58" s="21" t="s">
        <v>262</v>
      </c>
      <c r="D58" s="21" t="s">
        <v>394</v>
      </c>
      <c r="E58" s="21" t="s">
        <v>215</v>
      </c>
      <c r="F58" s="21" t="s">
        <v>419</v>
      </c>
      <c r="G58" s="16">
        <v>1303473</v>
      </c>
      <c r="H58" s="16">
        <v>421451</v>
      </c>
      <c r="I58" s="16">
        <v>278644</v>
      </c>
      <c r="J58" s="16">
        <v>313989</v>
      </c>
      <c r="K58" s="16">
        <v>289389</v>
      </c>
      <c r="L58" s="22" t="s">
        <v>268</v>
      </c>
    </row>
    <row r="59" spans="1:12">
      <c r="A59" s="21" t="s">
        <v>232</v>
      </c>
      <c r="B59" s="21" t="s">
        <v>233</v>
      </c>
      <c r="C59" s="21" t="s">
        <v>262</v>
      </c>
      <c r="D59" s="21" t="s">
        <v>394</v>
      </c>
      <c r="E59" s="21" t="s">
        <v>215</v>
      </c>
      <c r="F59" s="21" t="s">
        <v>420</v>
      </c>
      <c r="G59" s="16">
        <v>491303</v>
      </c>
      <c r="H59" s="16">
        <v>162080</v>
      </c>
      <c r="I59" s="16">
        <v>103340</v>
      </c>
      <c r="J59" s="16">
        <v>120540</v>
      </c>
      <c r="K59" s="16">
        <v>105343</v>
      </c>
      <c r="L59" s="22" t="s">
        <v>268</v>
      </c>
    </row>
    <row r="60" spans="1:12">
      <c r="A60" s="21" t="s">
        <v>232</v>
      </c>
      <c r="B60" s="21" t="s">
        <v>233</v>
      </c>
      <c r="C60" s="21" t="s">
        <v>262</v>
      </c>
      <c r="D60" s="21" t="s">
        <v>394</v>
      </c>
      <c r="E60" s="21" t="s">
        <v>215</v>
      </c>
      <c r="F60" s="21" t="s">
        <v>421</v>
      </c>
      <c r="G60" s="16">
        <v>92110</v>
      </c>
      <c r="H60" s="16">
        <v>31081</v>
      </c>
      <c r="I60" s="16">
        <v>18383</v>
      </c>
      <c r="J60" s="16">
        <v>23818</v>
      </c>
      <c r="K60" s="16">
        <v>18828</v>
      </c>
      <c r="L60" s="22" t="s">
        <v>268</v>
      </c>
    </row>
    <row r="61" spans="1:12">
      <c r="A61" s="21" t="s">
        <v>232</v>
      </c>
      <c r="B61" s="21" t="s">
        <v>233</v>
      </c>
      <c r="C61" s="21" t="s">
        <v>262</v>
      </c>
      <c r="D61" s="21" t="s">
        <v>394</v>
      </c>
      <c r="E61" s="21" t="s">
        <v>215</v>
      </c>
      <c r="F61" s="21" t="s">
        <v>422</v>
      </c>
      <c r="G61" s="16">
        <v>9766</v>
      </c>
      <c r="H61" s="16">
        <v>3323</v>
      </c>
      <c r="I61" s="16">
        <v>1959</v>
      </c>
      <c r="J61" s="16">
        <v>2446</v>
      </c>
      <c r="K61" s="16">
        <v>2038</v>
      </c>
      <c r="L61" s="22" t="s">
        <v>268</v>
      </c>
    </row>
    <row r="62" spans="1:12">
      <c r="A62" s="21" t="s">
        <v>232</v>
      </c>
      <c r="B62" s="21" t="s">
        <v>233</v>
      </c>
      <c r="C62" s="21" t="s">
        <v>262</v>
      </c>
      <c r="D62" s="21" t="s">
        <v>394</v>
      </c>
      <c r="E62" s="21" t="s">
        <v>215</v>
      </c>
      <c r="F62" s="21" t="s">
        <v>423</v>
      </c>
      <c r="G62" s="16">
        <v>1591143</v>
      </c>
      <c r="H62" s="22" t="s">
        <v>268</v>
      </c>
      <c r="I62" s="22" t="s">
        <v>268</v>
      </c>
      <c r="J62" s="22" t="s">
        <v>268</v>
      </c>
      <c r="K62" s="22" t="s">
        <v>268</v>
      </c>
      <c r="L62" s="16">
        <v>1591143</v>
      </c>
    </row>
    <row r="63" spans="1:12">
      <c r="A63" s="21" t="s">
        <v>232</v>
      </c>
      <c r="B63" s="21" t="s">
        <v>233</v>
      </c>
      <c r="C63" s="21" t="s">
        <v>262</v>
      </c>
      <c r="D63" s="21" t="s">
        <v>394</v>
      </c>
      <c r="E63" s="21" t="s">
        <v>215</v>
      </c>
      <c r="F63" s="21" t="s">
        <v>386</v>
      </c>
      <c r="G63" s="16">
        <v>7659971</v>
      </c>
      <c r="H63" s="16">
        <v>1844009</v>
      </c>
      <c r="I63" s="16">
        <v>1887204</v>
      </c>
      <c r="J63" s="16">
        <v>1987582</v>
      </c>
      <c r="K63" s="16">
        <v>1941176</v>
      </c>
      <c r="L63" s="22" t="s">
        <v>268</v>
      </c>
    </row>
    <row r="64" spans="1:12">
      <c r="A64" s="21" t="s">
        <v>232</v>
      </c>
      <c r="B64" s="21" t="s">
        <v>233</v>
      </c>
      <c r="C64" s="21" t="s">
        <v>262</v>
      </c>
      <c r="D64" s="21" t="s">
        <v>394</v>
      </c>
      <c r="E64" s="21" t="s">
        <v>215</v>
      </c>
      <c r="F64" s="21" t="s">
        <v>387</v>
      </c>
      <c r="G64" s="16">
        <v>36753516</v>
      </c>
      <c r="H64" s="16">
        <v>9254477</v>
      </c>
      <c r="I64" s="16">
        <v>9051541</v>
      </c>
      <c r="J64" s="16">
        <v>9434247</v>
      </c>
      <c r="K64" s="16">
        <v>9013251</v>
      </c>
      <c r="L64" s="22" t="s">
        <v>268</v>
      </c>
    </row>
    <row r="65" spans="1:12">
      <c r="A65" s="21" t="s">
        <v>232</v>
      </c>
      <c r="B65" s="21" t="s">
        <v>233</v>
      </c>
      <c r="C65" s="21" t="s">
        <v>262</v>
      </c>
      <c r="D65" s="21" t="s">
        <v>394</v>
      </c>
      <c r="E65" s="21" t="s">
        <v>215</v>
      </c>
      <c r="F65" s="21" t="s">
        <v>388</v>
      </c>
      <c r="G65" s="16">
        <v>15344951</v>
      </c>
      <c r="H65" s="16">
        <v>4645367</v>
      </c>
      <c r="I65" s="16">
        <v>3392524</v>
      </c>
      <c r="J65" s="16">
        <v>3736921</v>
      </c>
      <c r="K65" s="16">
        <v>3570139</v>
      </c>
      <c r="L65" s="22" t="s">
        <v>268</v>
      </c>
    </row>
    <row r="66" spans="1:12">
      <c r="A66" s="21" t="s">
        <v>232</v>
      </c>
      <c r="B66" s="21" t="s">
        <v>233</v>
      </c>
      <c r="C66" s="21" t="s">
        <v>262</v>
      </c>
      <c r="D66" s="21" t="s">
        <v>394</v>
      </c>
      <c r="E66" s="21" t="s">
        <v>215</v>
      </c>
      <c r="F66" s="21" t="s">
        <v>389</v>
      </c>
      <c r="G66" s="16">
        <v>7185605</v>
      </c>
      <c r="H66" s="16">
        <v>2269147</v>
      </c>
      <c r="I66" s="16">
        <v>1541480</v>
      </c>
      <c r="J66" s="16">
        <v>1713865</v>
      </c>
      <c r="K66" s="16">
        <v>1661113</v>
      </c>
      <c r="L66" s="22" t="s">
        <v>268</v>
      </c>
    </row>
    <row r="67" spans="1:12">
      <c r="A67" s="21" t="s">
        <v>232</v>
      </c>
      <c r="B67" s="21" t="s">
        <v>233</v>
      </c>
      <c r="C67" s="21" t="s">
        <v>262</v>
      </c>
      <c r="D67" s="21" t="s">
        <v>394</v>
      </c>
      <c r="E67" s="21" t="s">
        <v>215</v>
      </c>
      <c r="F67" s="21" t="s">
        <v>390</v>
      </c>
      <c r="G67" s="16">
        <v>1896652</v>
      </c>
      <c r="H67" s="16">
        <v>617935</v>
      </c>
      <c r="I67" s="16">
        <v>402326</v>
      </c>
      <c r="J67" s="16">
        <v>460793</v>
      </c>
      <c r="K67" s="16">
        <v>415598</v>
      </c>
      <c r="L67" s="22" t="s">
        <v>268</v>
      </c>
    </row>
    <row r="68" spans="1:12">
      <c r="A68" s="21" t="s">
        <v>232</v>
      </c>
      <c r="B68" s="21" t="s">
        <v>233</v>
      </c>
      <c r="C68" s="21" t="s">
        <v>262</v>
      </c>
      <c r="D68" s="21" t="s">
        <v>394</v>
      </c>
      <c r="E68" s="21" t="s">
        <v>215</v>
      </c>
      <c r="F68" s="21" t="s">
        <v>391</v>
      </c>
      <c r="G68" s="16">
        <v>37783547</v>
      </c>
      <c r="H68" s="16">
        <v>9707255</v>
      </c>
      <c r="I68" s="16">
        <v>9231400</v>
      </c>
      <c r="J68" s="16">
        <v>9615386</v>
      </c>
      <c r="K68" s="16">
        <v>9229506</v>
      </c>
      <c r="L68" s="22" t="s">
        <v>268</v>
      </c>
    </row>
    <row r="69" spans="1:12">
      <c r="A69" s="21" t="s">
        <v>232</v>
      </c>
      <c r="B69" s="21" t="s">
        <v>233</v>
      </c>
      <c r="C69" s="21" t="s">
        <v>262</v>
      </c>
      <c r="D69" s="21" t="s">
        <v>394</v>
      </c>
      <c r="E69" s="21" t="s">
        <v>216</v>
      </c>
      <c r="F69" s="21" t="s">
        <v>401</v>
      </c>
      <c r="G69" s="16">
        <v>64796518</v>
      </c>
      <c r="H69" s="16">
        <v>17181003</v>
      </c>
      <c r="I69" s="16">
        <v>14996774</v>
      </c>
      <c r="J69" s="16">
        <v>15937240</v>
      </c>
      <c r="K69" s="16">
        <v>15340806</v>
      </c>
      <c r="L69" s="16">
        <v>1340695</v>
      </c>
    </row>
    <row r="70" spans="1:12">
      <c r="A70" s="21" t="s">
        <v>232</v>
      </c>
      <c r="B70" s="21" t="s">
        <v>233</v>
      </c>
      <c r="C70" s="21" t="s">
        <v>262</v>
      </c>
      <c r="D70" s="21" t="s">
        <v>394</v>
      </c>
      <c r="E70" s="21" t="s">
        <v>216</v>
      </c>
      <c r="F70" s="21" t="s">
        <v>402</v>
      </c>
      <c r="G70" s="16">
        <v>2204893</v>
      </c>
      <c r="H70" s="16">
        <v>533505</v>
      </c>
      <c r="I70" s="16">
        <v>542102</v>
      </c>
      <c r="J70" s="16">
        <v>561614</v>
      </c>
      <c r="K70" s="16">
        <v>567672</v>
      </c>
      <c r="L70" s="22" t="s">
        <v>268</v>
      </c>
    </row>
    <row r="71" spans="1:12">
      <c r="A71" s="21" t="s">
        <v>232</v>
      </c>
      <c r="B71" s="21" t="s">
        <v>233</v>
      </c>
      <c r="C71" s="21" t="s">
        <v>262</v>
      </c>
      <c r="D71" s="21" t="s">
        <v>394</v>
      </c>
      <c r="E71" s="21" t="s">
        <v>216</v>
      </c>
      <c r="F71" s="21" t="s">
        <v>403</v>
      </c>
      <c r="G71" s="16">
        <v>2482442</v>
      </c>
      <c r="H71" s="16">
        <v>596886</v>
      </c>
      <c r="I71" s="16">
        <v>602296</v>
      </c>
      <c r="J71" s="16">
        <v>650850</v>
      </c>
      <c r="K71" s="16">
        <v>632410</v>
      </c>
      <c r="L71" s="22" t="s">
        <v>268</v>
      </c>
    </row>
    <row r="72" spans="1:12">
      <c r="A72" s="21" t="s">
        <v>232</v>
      </c>
      <c r="B72" s="21" t="s">
        <v>233</v>
      </c>
      <c r="C72" s="21" t="s">
        <v>262</v>
      </c>
      <c r="D72" s="21" t="s">
        <v>394</v>
      </c>
      <c r="E72" s="21" t="s">
        <v>216</v>
      </c>
      <c r="F72" s="21" t="s">
        <v>404</v>
      </c>
      <c r="G72" s="16">
        <v>2608386</v>
      </c>
      <c r="H72" s="16">
        <v>635260</v>
      </c>
      <c r="I72" s="16">
        <v>638606</v>
      </c>
      <c r="J72" s="16">
        <v>675212</v>
      </c>
      <c r="K72" s="16">
        <v>659308</v>
      </c>
      <c r="L72" s="22" t="s">
        <v>268</v>
      </c>
    </row>
    <row r="73" spans="1:12">
      <c r="A73" s="21" t="s">
        <v>232</v>
      </c>
      <c r="B73" s="21" t="s">
        <v>233</v>
      </c>
      <c r="C73" s="21" t="s">
        <v>262</v>
      </c>
      <c r="D73" s="21" t="s">
        <v>394</v>
      </c>
      <c r="E73" s="21" t="s">
        <v>216</v>
      </c>
      <c r="F73" s="21" t="s">
        <v>405</v>
      </c>
      <c r="G73" s="16">
        <v>2737411</v>
      </c>
      <c r="H73" s="16">
        <v>666361</v>
      </c>
      <c r="I73" s="16">
        <v>668399</v>
      </c>
      <c r="J73" s="16">
        <v>707420</v>
      </c>
      <c r="K73" s="16">
        <v>695231</v>
      </c>
      <c r="L73" s="22" t="s">
        <v>268</v>
      </c>
    </row>
    <row r="74" spans="1:12">
      <c r="A74" s="21" t="s">
        <v>232</v>
      </c>
      <c r="B74" s="21" t="s">
        <v>233</v>
      </c>
      <c r="C74" s="21" t="s">
        <v>262</v>
      </c>
      <c r="D74" s="21" t="s">
        <v>394</v>
      </c>
      <c r="E74" s="21" t="s">
        <v>216</v>
      </c>
      <c r="F74" s="21" t="s">
        <v>406</v>
      </c>
      <c r="G74" s="16">
        <v>2913437</v>
      </c>
      <c r="H74" s="16">
        <v>705995</v>
      </c>
      <c r="I74" s="16">
        <v>726537</v>
      </c>
      <c r="J74" s="16">
        <v>761179</v>
      </c>
      <c r="K74" s="16">
        <v>719726</v>
      </c>
      <c r="L74" s="22" t="s">
        <v>268</v>
      </c>
    </row>
    <row r="75" spans="1:12">
      <c r="A75" s="21" t="s">
        <v>232</v>
      </c>
      <c r="B75" s="21" t="s">
        <v>233</v>
      </c>
      <c r="C75" s="21" t="s">
        <v>262</v>
      </c>
      <c r="D75" s="21" t="s">
        <v>394</v>
      </c>
      <c r="E75" s="21" t="s">
        <v>216</v>
      </c>
      <c r="F75" s="21" t="s">
        <v>407</v>
      </c>
      <c r="G75" s="16">
        <v>2957877</v>
      </c>
      <c r="H75" s="16">
        <v>711712</v>
      </c>
      <c r="I75" s="16">
        <v>732423</v>
      </c>
      <c r="J75" s="16">
        <v>772388</v>
      </c>
      <c r="K75" s="16">
        <v>741354</v>
      </c>
      <c r="L75" s="22" t="s">
        <v>268</v>
      </c>
    </row>
    <row r="76" spans="1:12">
      <c r="A76" s="21" t="s">
        <v>232</v>
      </c>
      <c r="B76" s="21" t="s">
        <v>233</v>
      </c>
      <c r="C76" s="21" t="s">
        <v>262</v>
      </c>
      <c r="D76" s="21" t="s">
        <v>394</v>
      </c>
      <c r="E76" s="21" t="s">
        <v>216</v>
      </c>
      <c r="F76" s="21" t="s">
        <v>408</v>
      </c>
      <c r="G76" s="16">
        <v>3187563</v>
      </c>
      <c r="H76" s="16">
        <v>768412</v>
      </c>
      <c r="I76" s="16">
        <v>782304</v>
      </c>
      <c r="J76" s="16">
        <v>823863</v>
      </c>
      <c r="K76" s="16">
        <v>812984</v>
      </c>
      <c r="L76" s="22" t="s">
        <v>268</v>
      </c>
    </row>
    <row r="77" spans="1:12">
      <c r="A77" s="21" t="s">
        <v>232</v>
      </c>
      <c r="B77" s="21" t="s">
        <v>233</v>
      </c>
      <c r="C77" s="21" t="s">
        <v>262</v>
      </c>
      <c r="D77" s="21" t="s">
        <v>394</v>
      </c>
      <c r="E77" s="21" t="s">
        <v>216</v>
      </c>
      <c r="F77" s="21" t="s">
        <v>409</v>
      </c>
      <c r="G77" s="16">
        <v>3614712</v>
      </c>
      <c r="H77" s="16">
        <v>871708</v>
      </c>
      <c r="I77" s="16">
        <v>884370</v>
      </c>
      <c r="J77" s="16">
        <v>952184</v>
      </c>
      <c r="K77" s="16">
        <v>906450</v>
      </c>
      <c r="L77" s="22" t="s">
        <v>268</v>
      </c>
    </row>
    <row r="78" spans="1:12">
      <c r="A78" s="21" t="s">
        <v>232</v>
      </c>
      <c r="B78" s="21" t="s">
        <v>233</v>
      </c>
      <c r="C78" s="21" t="s">
        <v>262</v>
      </c>
      <c r="D78" s="21" t="s">
        <v>394</v>
      </c>
      <c r="E78" s="21" t="s">
        <v>216</v>
      </c>
      <c r="F78" s="21" t="s">
        <v>410</v>
      </c>
      <c r="G78" s="16">
        <v>4101631</v>
      </c>
      <c r="H78" s="16">
        <v>998600</v>
      </c>
      <c r="I78" s="16">
        <v>1015287</v>
      </c>
      <c r="J78" s="16">
        <v>1062194</v>
      </c>
      <c r="K78" s="16">
        <v>1025550</v>
      </c>
      <c r="L78" s="22" t="s">
        <v>268</v>
      </c>
    </row>
    <row r="79" spans="1:12">
      <c r="A79" s="21" t="s">
        <v>232</v>
      </c>
      <c r="B79" s="21" t="s">
        <v>233</v>
      </c>
      <c r="C79" s="21" t="s">
        <v>262</v>
      </c>
      <c r="D79" s="21" t="s">
        <v>394</v>
      </c>
      <c r="E79" s="21" t="s">
        <v>216</v>
      </c>
      <c r="F79" s="21" t="s">
        <v>411</v>
      </c>
      <c r="G79" s="16">
        <v>4787303</v>
      </c>
      <c r="H79" s="16">
        <v>1198025</v>
      </c>
      <c r="I79" s="16">
        <v>1174784</v>
      </c>
      <c r="J79" s="16">
        <v>1240520</v>
      </c>
      <c r="K79" s="16">
        <v>1173974</v>
      </c>
      <c r="L79" s="22" t="s">
        <v>268</v>
      </c>
    </row>
    <row r="80" spans="1:12">
      <c r="A80" s="21" t="s">
        <v>232</v>
      </c>
      <c r="B80" s="21" t="s">
        <v>233</v>
      </c>
      <c r="C80" s="21" t="s">
        <v>262</v>
      </c>
      <c r="D80" s="21" t="s">
        <v>394</v>
      </c>
      <c r="E80" s="21" t="s">
        <v>216</v>
      </c>
      <c r="F80" s="21" t="s">
        <v>412</v>
      </c>
      <c r="G80" s="16">
        <v>4262848</v>
      </c>
      <c r="H80" s="16">
        <v>1120143</v>
      </c>
      <c r="I80" s="16">
        <v>1042184</v>
      </c>
      <c r="J80" s="16">
        <v>1070543</v>
      </c>
      <c r="K80" s="16">
        <v>1029978</v>
      </c>
      <c r="L80" s="22" t="s">
        <v>268</v>
      </c>
    </row>
    <row r="81" spans="1:12">
      <c r="A81" s="21" t="s">
        <v>232</v>
      </c>
      <c r="B81" s="21" t="s">
        <v>233</v>
      </c>
      <c r="C81" s="21" t="s">
        <v>262</v>
      </c>
      <c r="D81" s="21" t="s">
        <v>394</v>
      </c>
      <c r="E81" s="21" t="s">
        <v>216</v>
      </c>
      <c r="F81" s="21" t="s">
        <v>413</v>
      </c>
      <c r="G81" s="16">
        <v>3902179</v>
      </c>
      <c r="H81" s="16">
        <v>1068988</v>
      </c>
      <c r="I81" s="16">
        <v>943134</v>
      </c>
      <c r="J81" s="16">
        <v>974312</v>
      </c>
      <c r="K81" s="16">
        <v>915745</v>
      </c>
      <c r="L81" s="22" t="s">
        <v>268</v>
      </c>
    </row>
    <row r="82" spans="1:12">
      <c r="A82" s="21" t="s">
        <v>232</v>
      </c>
      <c r="B82" s="21" t="s">
        <v>233</v>
      </c>
      <c r="C82" s="21" t="s">
        <v>262</v>
      </c>
      <c r="D82" s="21" t="s">
        <v>394</v>
      </c>
      <c r="E82" s="21" t="s">
        <v>216</v>
      </c>
      <c r="F82" s="21" t="s">
        <v>414</v>
      </c>
      <c r="G82" s="16">
        <v>3704287</v>
      </c>
      <c r="H82" s="16">
        <v>1061128</v>
      </c>
      <c r="I82" s="16">
        <v>884095</v>
      </c>
      <c r="J82" s="16">
        <v>883276</v>
      </c>
      <c r="K82" s="16">
        <v>875788</v>
      </c>
      <c r="L82" s="22" t="s">
        <v>268</v>
      </c>
    </row>
    <row r="83" spans="1:12">
      <c r="A83" s="21" t="s">
        <v>232</v>
      </c>
      <c r="B83" s="21" t="s">
        <v>233</v>
      </c>
      <c r="C83" s="21" t="s">
        <v>262</v>
      </c>
      <c r="D83" s="21" t="s">
        <v>394</v>
      </c>
      <c r="E83" s="21" t="s">
        <v>216</v>
      </c>
      <c r="F83" s="21" t="s">
        <v>415</v>
      </c>
      <c r="G83" s="16">
        <v>4165208</v>
      </c>
      <c r="H83" s="16">
        <v>1234613</v>
      </c>
      <c r="I83" s="16">
        <v>945563</v>
      </c>
      <c r="J83" s="16">
        <v>988079</v>
      </c>
      <c r="K83" s="16">
        <v>996953</v>
      </c>
      <c r="L83" s="22" t="s">
        <v>268</v>
      </c>
    </row>
    <row r="84" spans="1:12">
      <c r="A84" s="21" t="s">
        <v>232</v>
      </c>
      <c r="B84" s="21" t="s">
        <v>233</v>
      </c>
      <c r="C84" s="21" t="s">
        <v>262</v>
      </c>
      <c r="D84" s="21" t="s">
        <v>394</v>
      </c>
      <c r="E84" s="21" t="s">
        <v>216</v>
      </c>
      <c r="F84" s="21" t="s">
        <v>416</v>
      </c>
      <c r="G84" s="16">
        <v>4762509</v>
      </c>
      <c r="H84" s="16">
        <v>1394214</v>
      </c>
      <c r="I84" s="16">
        <v>1074854</v>
      </c>
      <c r="J84" s="16">
        <v>1215853</v>
      </c>
      <c r="K84" s="16">
        <v>1077588</v>
      </c>
      <c r="L84" s="22" t="s">
        <v>268</v>
      </c>
    </row>
    <row r="85" spans="1:12">
      <c r="A85" s="21" t="s">
        <v>232</v>
      </c>
      <c r="B85" s="21" t="s">
        <v>233</v>
      </c>
      <c r="C85" s="21" t="s">
        <v>262</v>
      </c>
      <c r="D85" s="21" t="s">
        <v>394</v>
      </c>
      <c r="E85" s="21" t="s">
        <v>216</v>
      </c>
      <c r="F85" s="21" t="s">
        <v>417</v>
      </c>
      <c r="G85" s="16">
        <v>3838068</v>
      </c>
      <c r="H85" s="16">
        <v>1194829</v>
      </c>
      <c r="I85" s="16">
        <v>830455</v>
      </c>
      <c r="J85" s="16">
        <v>907691</v>
      </c>
      <c r="K85" s="16">
        <v>905093</v>
      </c>
      <c r="L85" s="22" t="s">
        <v>268</v>
      </c>
    </row>
    <row r="86" spans="1:12">
      <c r="A86" s="21" t="s">
        <v>232</v>
      </c>
      <c r="B86" s="21" t="s">
        <v>233</v>
      </c>
      <c r="C86" s="21" t="s">
        <v>262</v>
      </c>
      <c r="D86" s="21" t="s">
        <v>394</v>
      </c>
      <c r="E86" s="21" t="s">
        <v>216</v>
      </c>
      <c r="F86" s="21" t="s">
        <v>418</v>
      </c>
      <c r="G86" s="16">
        <v>3100635</v>
      </c>
      <c r="H86" s="16">
        <v>1024377</v>
      </c>
      <c r="I86" s="16">
        <v>654272</v>
      </c>
      <c r="J86" s="16">
        <v>714083</v>
      </c>
      <c r="K86" s="16">
        <v>707903</v>
      </c>
      <c r="L86" s="22" t="s">
        <v>268</v>
      </c>
    </row>
    <row r="87" spans="1:12">
      <c r="A87" s="21" t="s">
        <v>232</v>
      </c>
      <c r="B87" s="21" t="s">
        <v>233</v>
      </c>
      <c r="C87" s="21" t="s">
        <v>262</v>
      </c>
      <c r="D87" s="21" t="s">
        <v>394</v>
      </c>
      <c r="E87" s="21" t="s">
        <v>216</v>
      </c>
      <c r="F87" s="21" t="s">
        <v>419</v>
      </c>
      <c r="G87" s="16">
        <v>2366350</v>
      </c>
      <c r="H87" s="16">
        <v>796400</v>
      </c>
      <c r="I87" s="16">
        <v>496577</v>
      </c>
      <c r="J87" s="16">
        <v>552390</v>
      </c>
      <c r="K87" s="16">
        <v>520983</v>
      </c>
      <c r="L87" s="22" t="s">
        <v>268</v>
      </c>
    </row>
    <row r="88" spans="1:12">
      <c r="A88" s="21" t="s">
        <v>232</v>
      </c>
      <c r="B88" s="21" t="s">
        <v>233</v>
      </c>
      <c r="C88" s="21" t="s">
        <v>262</v>
      </c>
      <c r="D88" s="21" t="s">
        <v>394</v>
      </c>
      <c r="E88" s="21" t="s">
        <v>216</v>
      </c>
      <c r="F88" s="21" t="s">
        <v>420</v>
      </c>
      <c r="G88" s="16">
        <v>1287713</v>
      </c>
      <c r="H88" s="16">
        <v>435433</v>
      </c>
      <c r="I88" s="16">
        <v>265813</v>
      </c>
      <c r="J88" s="16">
        <v>306891</v>
      </c>
      <c r="K88" s="16">
        <v>279576</v>
      </c>
      <c r="L88" s="22" t="s">
        <v>268</v>
      </c>
    </row>
    <row r="89" spans="1:12">
      <c r="A89" s="21" t="s">
        <v>232</v>
      </c>
      <c r="B89" s="21" t="s">
        <v>233</v>
      </c>
      <c r="C89" s="21" t="s">
        <v>262</v>
      </c>
      <c r="D89" s="21" t="s">
        <v>394</v>
      </c>
      <c r="E89" s="21" t="s">
        <v>216</v>
      </c>
      <c r="F89" s="21" t="s">
        <v>421</v>
      </c>
      <c r="G89" s="16">
        <v>400614</v>
      </c>
      <c r="H89" s="16">
        <v>140461</v>
      </c>
      <c r="I89" s="16">
        <v>78554</v>
      </c>
      <c r="J89" s="16">
        <v>99102</v>
      </c>
      <c r="K89" s="16">
        <v>82497</v>
      </c>
      <c r="L89" s="22" t="s">
        <v>268</v>
      </c>
    </row>
    <row r="90" spans="1:12">
      <c r="A90" s="21" t="s">
        <v>232</v>
      </c>
      <c r="B90" s="21" t="s">
        <v>233</v>
      </c>
      <c r="C90" s="21" t="s">
        <v>262</v>
      </c>
      <c r="D90" s="21" t="s">
        <v>394</v>
      </c>
      <c r="E90" s="21" t="s">
        <v>216</v>
      </c>
      <c r="F90" s="21" t="s">
        <v>422</v>
      </c>
      <c r="G90" s="16">
        <v>69757</v>
      </c>
      <c r="H90" s="16">
        <v>23953</v>
      </c>
      <c r="I90" s="16">
        <v>14165</v>
      </c>
      <c r="J90" s="16">
        <v>17596</v>
      </c>
      <c r="K90" s="16">
        <v>14043</v>
      </c>
      <c r="L90" s="22" t="s">
        <v>268</v>
      </c>
    </row>
    <row r="91" spans="1:12">
      <c r="A91" s="21" t="s">
        <v>232</v>
      </c>
      <c r="B91" s="21" t="s">
        <v>233</v>
      </c>
      <c r="C91" s="21" t="s">
        <v>262</v>
      </c>
      <c r="D91" s="21" t="s">
        <v>394</v>
      </c>
      <c r="E91" s="21" t="s">
        <v>216</v>
      </c>
      <c r="F91" s="21" t="s">
        <v>423</v>
      </c>
      <c r="G91" s="16">
        <v>1340695</v>
      </c>
      <c r="H91" s="22" t="s">
        <v>268</v>
      </c>
      <c r="I91" s="22" t="s">
        <v>268</v>
      </c>
      <c r="J91" s="22" t="s">
        <v>268</v>
      </c>
      <c r="K91" s="22" t="s">
        <v>268</v>
      </c>
      <c r="L91" s="16">
        <v>1340695</v>
      </c>
    </row>
    <row r="92" spans="1:12">
      <c r="A92" s="21" t="s">
        <v>232</v>
      </c>
      <c r="B92" s="21" t="s">
        <v>233</v>
      </c>
      <c r="C92" s="21" t="s">
        <v>262</v>
      </c>
      <c r="D92" s="21" t="s">
        <v>394</v>
      </c>
      <c r="E92" s="21" t="s">
        <v>216</v>
      </c>
      <c r="F92" s="21" t="s">
        <v>386</v>
      </c>
      <c r="G92" s="16">
        <v>7295721</v>
      </c>
      <c r="H92" s="16">
        <v>1765651</v>
      </c>
      <c r="I92" s="16">
        <v>1783004</v>
      </c>
      <c r="J92" s="16">
        <v>1887676</v>
      </c>
      <c r="K92" s="16">
        <v>1859390</v>
      </c>
      <c r="L92" s="22" t="s">
        <v>268</v>
      </c>
    </row>
    <row r="93" spans="1:12">
      <c r="A93" s="21" t="s">
        <v>232</v>
      </c>
      <c r="B93" s="21" t="s">
        <v>233</v>
      </c>
      <c r="C93" s="21" t="s">
        <v>262</v>
      </c>
      <c r="D93" s="21" t="s">
        <v>394</v>
      </c>
      <c r="E93" s="21" t="s">
        <v>216</v>
      </c>
      <c r="F93" s="21" t="s">
        <v>387</v>
      </c>
      <c r="G93" s="16">
        <v>36169248</v>
      </c>
      <c r="H93" s="16">
        <v>9171072</v>
      </c>
      <c r="I93" s="16">
        <v>8853517</v>
      </c>
      <c r="J93" s="16">
        <v>9247879</v>
      </c>
      <c r="K93" s="16">
        <v>8896780</v>
      </c>
      <c r="L93" s="22" t="s">
        <v>268</v>
      </c>
    </row>
    <row r="94" spans="1:12">
      <c r="A94" s="21" t="s">
        <v>232</v>
      </c>
      <c r="B94" s="21" t="s">
        <v>233</v>
      </c>
      <c r="C94" s="21" t="s">
        <v>262</v>
      </c>
      <c r="D94" s="21" t="s">
        <v>394</v>
      </c>
      <c r="E94" s="21" t="s">
        <v>216</v>
      </c>
      <c r="F94" s="21" t="s">
        <v>388</v>
      </c>
      <c r="G94" s="16">
        <v>19990854</v>
      </c>
      <c r="H94" s="16">
        <v>6244280</v>
      </c>
      <c r="I94" s="16">
        <v>4360253</v>
      </c>
      <c r="J94" s="16">
        <v>4801685</v>
      </c>
      <c r="K94" s="16">
        <v>4584636</v>
      </c>
      <c r="L94" s="22" t="s">
        <v>268</v>
      </c>
    </row>
    <row r="95" spans="1:12">
      <c r="A95" s="21" t="s">
        <v>232</v>
      </c>
      <c r="B95" s="21" t="s">
        <v>233</v>
      </c>
      <c r="C95" s="21" t="s">
        <v>262</v>
      </c>
      <c r="D95" s="21" t="s">
        <v>394</v>
      </c>
      <c r="E95" s="21" t="s">
        <v>216</v>
      </c>
      <c r="F95" s="21" t="s">
        <v>389</v>
      </c>
      <c r="G95" s="16">
        <v>11063137</v>
      </c>
      <c r="H95" s="16">
        <v>3615453</v>
      </c>
      <c r="I95" s="16">
        <v>2339836</v>
      </c>
      <c r="J95" s="16">
        <v>2597753</v>
      </c>
      <c r="K95" s="16">
        <v>2510095</v>
      </c>
      <c r="L95" s="22" t="s">
        <v>268</v>
      </c>
    </row>
    <row r="96" spans="1:12">
      <c r="A96" s="21" t="s">
        <v>232</v>
      </c>
      <c r="B96" s="21" t="s">
        <v>233</v>
      </c>
      <c r="C96" s="21" t="s">
        <v>262</v>
      </c>
      <c r="D96" s="21" t="s">
        <v>394</v>
      </c>
      <c r="E96" s="21" t="s">
        <v>216</v>
      </c>
      <c r="F96" s="21" t="s">
        <v>390</v>
      </c>
      <c r="G96" s="16">
        <v>4124434</v>
      </c>
      <c r="H96" s="16">
        <v>1396247</v>
      </c>
      <c r="I96" s="16">
        <v>855109</v>
      </c>
      <c r="J96" s="16">
        <v>975979</v>
      </c>
      <c r="K96" s="16">
        <v>897099</v>
      </c>
      <c r="L96" s="22" t="s">
        <v>268</v>
      </c>
    </row>
    <row r="97" spans="1:12">
      <c r="A97" s="21" t="s">
        <v>232</v>
      </c>
      <c r="B97" s="21" t="s">
        <v>233</v>
      </c>
      <c r="C97" s="21" t="s">
        <v>262</v>
      </c>
      <c r="D97" s="21" t="s">
        <v>394</v>
      </c>
      <c r="E97" s="21" t="s">
        <v>216</v>
      </c>
      <c r="F97" s="21" t="s">
        <v>391</v>
      </c>
      <c r="G97" s="16">
        <v>37597045</v>
      </c>
      <c r="H97" s="16">
        <v>9739324</v>
      </c>
      <c r="I97" s="16">
        <v>9130681</v>
      </c>
      <c r="J97" s="16">
        <v>9528538</v>
      </c>
      <c r="K97" s="16">
        <v>9198502</v>
      </c>
      <c r="L97" s="22" t="s">
        <v>268</v>
      </c>
    </row>
    <row r="98" spans="1:12">
      <c r="A98" s="21" t="s">
        <v>232</v>
      </c>
      <c r="B98" s="21" t="s">
        <v>233</v>
      </c>
      <c r="C98" s="21" t="s">
        <v>262</v>
      </c>
      <c r="D98" s="21" t="s">
        <v>395</v>
      </c>
      <c r="E98" s="21" t="s">
        <v>214</v>
      </c>
      <c r="F98" s="21" t="s">
        <v>401</v>
      </c>
      <c r="G98" s="16">
        <v>121541155</v>
      </c>
      <c r="H98" s="16">
        <v>32294629</v>
      </c>
      <c r="I98" s="16">
        <v>28729290</v>
      </c>
      <c r="J98" s="16">
        <v>30469211</v>
      </c>
      <c r="K98" s="16">
        <v>29228109</v>
      </c>
      <c r="L98" s="16">
        <v>819916</v>
      </c>
    </row>
    <row r="99" spans="1:12">
      <c r="A99" s="21" t="s">
        <v>232</v>
      </c>
      <c r="B99" s="21" t="s">
        <v>233</v>
      </c>
      <c r="C99" s="21" t="s">
        <v>262</v>
      </c>
      <c r="D99" s="21" t="s">
        <v>395</v>
      </c>
      <c r="E99" s="21" t="s">
        <v>214</v>
      </c>
      <c r="F99" s="21" t="s">
        <v>402</v>
      </c>
      <c r="G99" s="16">
        <v>4424105</v>
      </c>
      <c r="H99" s="16">
        <v>1066642</v>
      </c>
      <c r="I99" s="16">
        <v>1092285</v>
      </c>
      <c r="J99" s="16">
        <v>1129006</v>
      </c>
      <c r="K99" s="16">
        <v>1136172</v>
      </c>
      <c r="L99" s="22" t="s">
        <v>268</v>
      </c>
    </row>
    <row r="100" spans="1:12">
      <c r="A100" s="21" t="s">
        <v>232</v>
      </c>
      <c r="B100" s="21" t="s">
        <v>233</v>
      </c>
      <c r="C100" s="21" t="s">
        <v>262</v>
      </c>
      <c r="D100" s="21" t="s">
        <v>395</v>
      </c>
      <c r="E100" s="21" t="s">
        <v>214</v>
      </c>
      <c r="F100" s="21" t="s">
        <v>403</v>
      </c>
      <c r="G100" s="16">
        <v>5003731</v>
      </c>
      <c r="H100" s="16">
        <v>1199292</v>
      </c>
      <c r="I100" s="16">
        <v>1219765</v>
      </c>
      <c r="J100" s="16">
        <v>1313407</v>
      </c>
      <c r="K100" s="16">
        <v>1271267</v>
      </c>
      <c r="L100" s="22" t="s">
        <v>268</v>
      </c>
    </row>
    <row r="101" spans="1:12">
      <c r="A101" s="21" t="s">
        <v>232</v>
      </c>
      <c r="B101" s="21" t="s">
        <v>233</v>
      </c>
      <c r="C101" s="21" t="s">
        <v>262</v>
      </c>
      <c r="D101" s="21" t="s">
        <v>395</v>
      </c>
      <c r="E101" s="21" t="s">
        <v>214</v>
      </c>
      <c r="F101" s="21" t="s">
        <v>404</v>
      </c>
      <c r="G101" s="16">
        <v>5280076</v>
      </c>
      <c r="H101" s="16">
        <v>1282429</v>
      </c>
      <c r="I101" s="16">
        <v>1298818</v>
      </c>
      <c r="J101" s="16">
        <v>1369058</v>
      </c>
      <c r="K101" s="16">
        <v>1329771</v>
      </c>
      <c r="L101" s="22" t="s">
        <v>268</v>
      </c>
    </row>
    <row r="102" spans="1:12">
      <c r="A102" s="21" t="s">
        <v>232</v>
      </c>
      <c r="B102" s="21" t="s">
        <v>233</v>
      </c>
      <c r="C102" s="21" t="s">
        <v>262</v>
      </c>
      <c r="D102" s="21" t="s">
        <v>395</v>
      </c>
      <c r="E102" s="21" t="s">
        <v>214</v>
      </c>
      <c r="F102" s="21" t="s">
        <v>405</v>
      </c>
      <c r="G102" s="16">
        <v>5529345</v>
      </c>
      <c r="H102" s="16">
        <v>1340994</v>
      </c>
      <c r="I102" s="16">
        <v>1359480</v>
      </c>
      <c r="J102" s="16">
        <v>1437272</v>
      </c>
      <c r="K102" s="16">
        <v>1391599</v>
      </c>
      <c r="L102" s="22" t="s">
        <v>268</v>
      </c>
    </row>
    <row r="103" spans="1:12">
      <c r="A103" s="21" t="s">
        <v>232</v>
      </c>
      <c r="B103" s="21" t="s">
        <v>233</v>
      </c>
      <c r="C103" s="21" t="s">
        <v>262</v>
      </c>
      <c r="D103" s="21" t="s">
        <v>395</v>
      </c>
      <c r="E103" s="21" t="s">
        <v>214</v>
      </c>
      <c r="F103" s="21" t="s">
        <v>406</v>
      </c>
      <c r="G103" s="16">
        <v>5592715</v>
      </c>
      <c r="H103" s="16">
        <v>1350318</v>
      </c>
      <c r="I103" s="16">
        <v>1400531</v>
      </c>
      <c r="J103" s="16">
        <v>1467514</v>
      </c>
      <c r="K103" s="16">
        <v>1374352</v>
      </c>
      <c r="L103" s="22" t="s">
        <v>268</v>
      </c>
    </row>
    <row r="104" spans="1:12">
      <c r="A104" s="21" t="s">
        <v>232</v>
      </c>
      <c r="B104" s="21" t="s">
        <v>233</v>
      </c>
      <c r="C104" s="21" t="s">
        <v>262</v>
      </c>
      <c r="D104" s="21" t="s">
        <v>395</v>
      </c>
      <c r="E104" s="21" t="s">
        <v>214</v>
      </c>
      <c r="F104" s="21" t="s">
        <v>407</v>
      </c>
      <c r="G104" s="16">
        <v>5667309</v>
      </c>
      <c r="H104" s="16">
        <v>1360631</v>
      </c>
      <c r="I104" s="16">
        <v>1408531</v>
      </c>
      <c r="J104" s="16">
        <v>1481375</v>
      </c>
      <c r="K104" s="16">
        <v>1416772</v>
      </c>
      <c r="L104" s="22" t="s">
        <v>268</v>
      </c>
    </row>
    <row r="105" spans="1:12">
      <c r="A105" s="21" t="s">
        <v>232</v>
      </c>
      <c r="B105" s="21" t="s">
        <v>233</v>
      </c>
      <c r="C105" s="21" t="s">
        <v>262</v>
      </c>
      <c r="D105" s="21" t="s">
        <v>395</v>
      </c>
      <c r="E105" s="21" t="s">
        <v>214</v>
      </c>
      <c r="F105" s="21" t="s">
        <v>408</v>
      </c>
      <c r="G105" s="16">
        <v>6179323</v>
      </c>
      <c r="H105" s="16">
        <v>1483710</v>
      </c>
      <c r="I105" s="16">
        <v>1522332</v>
      </c>
      <c r="J105" s="16">
        <v>1600308</v>
      </c>
      <c r="K105" s="16">
        <v>1572973</v>
      </c>
      <c r="L105" s="22" t="s">
        <v>268</v>
      </c>
    </row>
    <row r="106" spans="1:12">
      <c r="A106" s="21" t="s">
        <v>232</v>
      </c>
      <c r="B106" s="21" t="s">
        <v>233</v>
      </c>
      <c r="C106" s="21" t="s">
        <v>262</v>
      </c>
      <c r="D106" s="21" t="s">
        <v>395</v>
      </c>
      <c r="E106" s="21" t="s">
        <v>214</v>
      </c>
      <c r="F106" s="21" t="s">
        <v>409</v>
      </c>
      <c r="G106" s="16">
        <v>7069081</v>
      </c>
      <c r="H106" s="16">
        <v>1699597</v>
      </c>
      <c r="I106" s="16">
        <v>1737024</v>
      </c>
      <c r="J106" s="16">
        <v>1868161</v>
      </c>
      <c r="K106" s="16">
        <v>1764299</v>
      </c>
      <c r="L106" s="22" t="s">
        <v>268</v>
      </c>
    </row>
    <row r="107" spans="1:12">
      <c r="A107" s="21" t="s">
        <v>232</v>
      </c>
      <c r="B107" s="21" t="s">
        <v>233</v>
      </c>
      <c r="C107" s="21" t="s">
        <v>262</v>
      </c>
      <c r="D107" s="21" t="s">
        <v>395</v>
      </c>
      <c r="E107" s="21" t="s">
        <v>214</v>
      </c>
      <c r="F107" s="21" t="s">
        <v>410</v>
      </c>
      <c r="G107" s="16">
        <v>8093834</v>
      </c>
      <c r="H107" s="16">
        <v>1964423</v>
      </c>
      <c r="I107" s="16">
        <v>2011710</v>
      </c>
      <c r="J107" s="16">
        <v>2101787</v>
      </c>
      <c r="K107" s="16">
        <v>2015914</v>
      </c>
      <c r="L107" s="22" t="s">
        <v>268</v>
      </c>
    </row>
    <row r="108" spans="1:12">
      <c r="A108" s="21" t="s">
        <v>232</v>
      </c>
      <c r="B108" s="21" t="s">
        <v>233</v>
      </c>
      <c r="C108" s="21" t="s">
        <v>262</v>
      </c>
      <c r="D108" s="21" t="s">
        <v>395</v>
      </c>
      <c r="E108" s="21" t="s">
        <v>214</v>
      </c>
      <c r="F108" s="21" t="s">
        <v>411</v>
      </c>
      <c r="G108" s="16">
        <v>9476480</v>
      </c>
      <c r="H108" s="16">
        <v>2364690</v>
      </c>
      <c r="I108" s="16">
        <v>2333480</v>
      </c>
      <c r="J108" s="16">
        <v>2462107</v>
      </c>
      <c r="K108" s="16">
        <v>2316203</v>
      </c>
      <c r="L108" s="22" t="s">
        <v>268</v>
      </c>
    </row>
    <row r="109" spans="1:12">
      <c r="A109" s="21" t="s">
        <v>232</v>
      </c>
      <c r="B109" s="21" t="s">
        <v>233</v>
      </c>
      <c r="C109" s="21" t="s">
        <v>262</v>
      </c>
      <c r="D109" s="21" t="s">
        <v>395</v>
      </c>
      <c r="E109" s="21" t="s">
        <v>214</v>
      </c>
      <c r="F109" s="21" t="s">
        <v>412</v>
      </c>
      <c r="G109" s="16">
        <v>8385191</v>
      </c>
      <c r="H109" s="16">
        <v>2195033</v>
      </c>
      <c r="I109" s="16">
        <v>2057608</v>
      </c>
      <c r="J109" s="16">
        <v>2110547</v>
      </c>
      <c r="K109" s="16">
        <v>2022003</v>
      </c>
      <c r="L109" s="22" t="s">
        <v>268</v>
      </c>
    </row>
    <row r="110" spans="1:12">
      <c r="A110" s="21" t="s">
        <v>232</v>
      </c>
      <c r="B110" s="21" t="s">
        <v>233</v>
      </c>
      <c r="C110" s="21" t="s">
        <v>262</v>
      </c>
      <c r="D110" s="21" t="s">
        <v>395</v>
      </c>
      <c r="E110" s="21" t="s">
        <v>214</v>
      </c>
      <c r="F110" s="21" t="s">
        <v>413</v>
      </c>
      <c r="G110" s="16">
        <v>7648608</v>
      </c>
      <c r="H110" s="16">
        <v>2091831</v>
      </c>
      <c r="I110" s="16">
        <v>1850858</v>
      </c>
      <c r="J110" s="16">
        <v>1913003</v>
      </c>
      <c r="K110" s="16">
        <v>1792916</v>
      </c>
      <c r="L110" s="22" t="s">
        <v>268</v>
      </c>
    </row>
    <row r="111" spans="1:12">
      <c r="A111" s="21" t="s">
        <v>232</v>
      </c>
      <c r="B111" s="21" t="s">
        <v>233</v>
      </c>
      <c r="C111" s="21" t="s">
        <v>262</v>
      </c>
      <c r="D111" s="21" t="s">
        <v>395</v>
      </c>
      <c r="E111" s="21" t="s">
        <v>214</v>
      </c>
      <c r="F111" s="21" t="s">
        <v>414</v>
      </c>
      <c r="G111" s="16">
        <v>7215153</v>
      </c>
      <c r="H111" s="16">
        <v>2055839</v>
      </c>
      <c r="I111" s="16">
        <v>1725929</v>
      </c>
      <c r="J111" s="16">
        <v>1721317</v>
      </c>
      <c r="K111" s="16">
        <v>1712068</v>
      </c>
      <c r="L111" s="22" t="s">
        <v>268</v>
      </c>
    </row>
    <row r="112" spans="1:12">
      <c r="A112" s="21" t="s">
        <v>232</v>
      </c>
      <c r="B112" s="21" t="s">
        <v>233</v>
      </c>
      <c r="C112" s="21" t="s">
        <v>262</v>
      </c>
      <c r="D112" s="21" t="s">
        <v>395</v>
      </c>
      <c r="E112" s="21" t="s">
        <v>214</v>
      </c>
      <c r="F112" s="21" t="s">
        <v>415</v>
      </c>
      <c r="G112" s="16">
        <v>8014003</v>
      </c>
      <c r="H112" s="16">
        <v>2365965</v>
      </c>
      <c r="I112" s="16">
        <v>1821657</v>
      </c>
      <c r="J112" s="16">
        <v>1903404</v>
      </c>
      <c r="K112" s="16">
        <v>1922977</v>
      </c>
      <c r="L112" s="22" t="s">
        <v>268</v>
      </c>
    </row>
    <row r="113" spans="1:12">
      <c r="A113" s="21" t="s">
        <v>232</v>
      </c>
      <c r="B113" s="21" t="s">
        <v>233</v>
      </c>
      <c r="C113" s="21" t="s">
        <v>262</v>
      </c>
      <c r="D113" s="21" t="s">
        <v>395</v>
      </c>
      <c r="E113" s="21" t="s">
        <v>214</v>
      </c>
      <c r="F113" s="21" t="s">
        <v>416</v>
      </c>
      <c r="G113" s="16">
        <v>8965680</v>
      </c>
      <c r="H113" s="16">
        <v>2609534</v>
      </c>
      <c r="I113" s="16">
        <v>2024884</v>
      </c>
      <c r="J113" s="16">
        <v>2296836</v>
      </c>
      <c r="K113" s="16">
        <v>2034426</v>
      </c>
      <c r="L113" s="22" t="s">
        <v>268</v>
      </c>
    </row>
    <row r="114" spans="1:12">
      <c r="A114" s="21" t="s">
        <v>232</v>
      </c>
      <c r="B114" s="21" t="s">
        <v>233</v>
      </c>
      <c r="C114" s="21" t="s">
        <v>262</v>
      </c>
      <c r="D114" s="21" t="s">
        <v>395</v>
      </c>
      <c r="E114" s="21" t="s">
        <v>214</v>
      </c>
      <c r="F114" s="21" t="s">
        <v>417</v>
      </c>
      <c r="G114" s="16">
        <v>6898696</v>
      </c>
      <c r="H114" s="16">
        <v>2133176</v>
      </c>
      <c r="I114" s="16">
        <v>1493518</v>
      </c>
      <c r="J114" s="16">
        <v>1638123</v>
      </c>
      <c r="K114" s="16">
        <v>1633879</v>
      </c>
      <c r="L114" s="22" t="s">
        <v>268</v>
      </c>
    </row>
    <row r="115" spans="1:12">
      <c r="A115" s="21" t="s">
        <v>232</v>
      </c>
      <c r="B115" s="21" t="s">
        <v>233</v>
      </c>
      <c r="C115" s="21" t="s">
        <v>262</v>
      </c>
      <c r="D115" s="21" t="s">
        <v>395</v>
      </c>
      <c r="E115" s="21" t="s">
        <v>214</v>
      </c>
      <c r="F115" s="21" t="s">
        <v>418</v>
      </c>
      <c r="G115" s="16">
        <v>5275289</v>
      </c>
      <c r="H115" s="16">
        <v>1721616</v>
      </c>
      <c r="I115" s="16">
        <v>1117834</v>
      </c>
      <c r="J115" s="16">
        <v>1223766</v>
      </c>
      <c r="K115" s="16">
        <v>1212073</v>
      </c>
      <c r="L115" s="22" t="s">
        <v>268</v>
      </c>
    </row>
    <row r="116" spans="1:12">
      <c r="A116" s="21" t="s">
        <v>232</v>
      </c>
      <c r="B116" s="21" t="s">
        <v>233</v>
      </c>
      <c r="C116" s="21" t="s">
        <v>262</v>
      </c>
      <c r="D116" s="21" t="s">
        <v>395</v>
      </c>
      <c r="E116" s="21" t="s">
        <v>214</v>
      </c>
      <c r="F116" s="21" t="s">
        <v>419</v>
      </c>
      <c r="G116" s="16">
        <v>3657911</v>
      </c>
      <c r="H116" s="16">
        <v>1214478</v>
      </c>
      <c r="I116" s="16">
        <v>772391</v>
      </c>
      <c r="J116" s="16">
        <v>863481</v>
      </c>
      <c r="K116" s="16">
        <v>807561</v>
      </c>
      <c r="L116" s="22" t="s">
        <v>268</v>
      </c>
    </row>
    <row r="117" spans="1:12">
      <c r="A117" s="21" t="s">
        <v>232</v>
      </c>
      <c r="B117" s="21" t="s">
        <v>233</v>
      </c>
      <c r="C117" s="21" t="s">
        <v>262</v>
      </c>
      <c r="D117" s="21" t="s">
        <v>395</v>
      </c>
      <c r="E117" s="21" t="s">
        <v>214</v>
      </c>
      <c r="F117" s="21" t="s">
        <v>420</v>
      </c>
      <c r="G117" s="16">
        <v>1773894</v>
      </c>
      <c r="H117" s="16">
        <v>596025</v>
      </c>
      <c r="I117" s="16">
        <v>367981</v>
      </c>
      <c r="J117" s="16">
        <v>426133</v>
      </c>
      <c r="K117" s="16">
        <v>383755</v>
      </c>
      <c r="L117" s="22" t="s">
        <v>268</v>
      </c>
    </row>
    <row r="118" spans="1:12">
      <c r="A118" s="21" t="s">
        <v>232</v>
      </c>
      <c r="B118" s="21" t="s">
        <v>233</v>
      </c>
      <c r="C118" s="21" t="s">
        <v>262</v>
      </c>
      <c r="D118" s="21" t="s">
        <v>395</v>
      </c>
      <c r="E118" s="21" t="s">
        <v>214</v>
      </c>
      <c r="F118" s="21" t="s">
        <v>421</v>
      </c>
      <c r="G118" s="16">
        <v>491488</v>
      </c>
      <c r="H118" s="16">
        <v>171189</v>
      </c>
      <c r="I118" s="16">
        <v>96600</v>
      </c>
      <c r="J118" s="16">
        <v>122615</v>
      </c>
      <c r="K118" s="16">
        <v>101084</v>
      </c>
      <c r="L118" s="22" t="s">
        <v>268</v>
      </c>
    </row>
    <row r="119" spans="1:12">
      <c r="A119" s="21" t="s">
        <v>232</v>
      </c>
      <c r="B119" s="21" t="s">
        <v>233</v>
      </c>
      <c r="C119" s="21" t="s">
        <v>262</v>
      </c>
      <c r="D119" s="21" t="s">
        <v>395</v>
      </c>
      <c r="E119" s="21" t="s">
        <v>214</v>
      </c>
      <c r="F119" s="21" t="s">
        <v>422</v>
      </c>
      <c r="G119" s="16">
        <v>79327</v>
      </c>
      <c r="H119" s="16">
        <v>27217</v>
      </c>
      <c r="I119" s="16">
        <v>16074</v>
      </c>
      <c r="J119" s="16">
        <v>19991</v>
      </c>
      <c r="K119" s="16">
        <v>16045</v>
      </c>
      <c r="L119" s="22" t="s">
        <v>268</v>
      </c>
    </row>
    <row r="120" spans="1:12">
      <c r="A120" s="21" t="s">
        <v>232</v>
      </c>
      <c r="B120" s="21" t="s">
        <v>233</v>
      </c>
      <c r="C120" s="21" t="s">
        <v>262</v>
      </c>
      <c r="D120" s="21" t="s">
        <v>395</v>
      </c>
      <c r="E120" s="21" t="s">
        <v>214</v>
      </c>
      <c r="F120" s="21" t="s">
        <v>423</v>
      </c>
      <c r="G120" s="16">
        <v>819916</v>
      </c>
      <c r="H120" s="22" t="s">
        <v>268</v>
      </c>
      <c r="I120" s="22" t="s">
        <v>268</v>
      </c>
      <c r="J120" s="22" t="s">
        <v>268</v>
      </c>
      <c r="K120" s="22" t="s">
        <v>268</v>
      </c>
      <c r="L120" s="16">
        <v>819916</v>
      </c>
    </row>
    <row r="121" spans="1:12">
      <c r="A121" s="21" t="s">
        <v>232</v>
      </c>
      <c r="B121" s="21" t="s">
        <v>233</v>
      </c>
      <c r="C121" s="21" t="s">
        <v>262</v>
      </c>
      <c r="D121" s="21" t="s">
        <v>395</v>
      </c>
      <c r="E121" s="21" t="s">
        <v>214</v>
      </c>
      <c r="F121" s="21" t="s">
        <v>386</v>
      </c>
      <c r="G121" s="16">
        <v>14707912</v>
      </c>
      <c r="H121" s="16">
        <v>3548363</v>
      </c>
      <c r="I121" s="16">
        <v>3610868</v>
      </c>
      <c r="J121" s="16">
        <v>3811471</v>
      </c>
      <c r="K121" s="16">
        <v>3737210</v>
      </c>
      <c r="L121" s="22" t="s">
        <v>268</v>
      </c>
    </row>
    <row r="122" spans="1:12">
      <c r="A122" s="21" t="s">
        <v>232</v>
      </c>
      <c r="B122" s="21" t="s">
        <v>233</v>
      </c>
      <c r="C122" s="21" t="s">
        <v>262</v>
      </c>
      <c r="D122" s="21" t="s">
        <v>395</v>
      </c>
      <c r="E122" s="21" t="s">
        <v>214</v>
      </c>
      <c r="F122" s="21" t="s">
        <v>387</v>
      </c>
      <c r="G122" s="16">
        <v>70857039</v>
      </c>
      <c r="H122" s="16">
        <v>17907066</v>
      </c>
      <c r="I122" s="16">
        <v>17407483</v>
      </c>
      <c r="J122" s="16">
        <v>18163391</v>
      </c>
      <c r="K122" s="16">
        <v>17379099</v>
      </c>
      <c r="L122" s="22" t="s">
        <v>268</v>
      </c>
    </row>
    <row r="123" spans="1:12">
      <c r="A123" s="21" t="s">
        <v>232</v>
      </c>
      <c r="B123" s="21" t="s">
        <v>233</v>
      </c>
      <c r="C123" s="21" t="s">
        <v>262</v>
      </c>
      <c r="D123" s="21" t="s">
        <v>395</v>
      </c>
      <c r="E123" s="21" t="s">
        <v>214</v>
      </c>
      <c r="F123" s="21" t="s">
        <v>388</v>
      </c>
      <c r="G123" s="16">
        <v>35156288</v>
      </c>
      <c r="H123" s="16">
        <v>10839200</v>
      </c>
      <c r="I123" s="16">
        <v>7710939</v>
      </c>
      <c r="J123" s="16">
        <v>8494349</v>
      </c>
      <c r="K123" s="16">
        <v>8111800</v>
      </c>
      <c r="L123" s="22" t="s">
        <v>268</v>
      </c>
    </row>
    <row r="124" spans="1:12">
      <c r="A124" s="21" t="s">
        <v>232</v>
      </c>
      <c r="B124" s="21" t="s">
        <v>233</v>
      </c>
      <c r="C124" s="21" t="s">
        <v>262</v>
      </c>
      <c r="D124" s="21" t="s">
        <v>395</v>
      </c>
      <c r="E124" s="21" t="s">
        <v>214</v>
      </c>
      <c r="F124" s="21" t="s">
        <v>389</v>
      </c>
      <c r="G124" s="16">
        <v>18176605</v>
      </c>
      <c r="H124" s="16">
        <v>5863701</v>
      </c>
      <c r="I124" s="16">
        <v>3864398</v>
      </c>
      <c r="J124" s="16">
        <v>4294109</v>
      </c>
      <c r="K124" s="16">
        <v>4154397</v>
      </c>
      <c r="L124" s="22" t="s">
        <v>268</v>
      </c>
    </row>
    <row r="125" spans="1:12">
      <c r="A125" s="21" t="s">
        <v>232</v>
      </c>
      <c r="B125" s="21" t="s">
        <v>233</v>
      </c>
      <c r="C125" s="21" t="s">
        <v>262</v>
      </c>
      <c r="D125" s="21" t="s">
        <v>395</v>
      </c>
      <c r="E125" s="21" t="s">
        <v>214</v>
      </c>
      <c r="F125" s="21" t="s">
        <v>390</v>
      </c>
      <c r="G125" s="16">
        <v>6002620</v>
      </c>
      <c r="H125" s="16">
        <v>2008909</v>
      </c>
      <c r="I125" s="16">
        <v>1253046</v>
      </c>
      <c r="J125" s="16">
        <v>1432220</v>
      </c>
      <c r="K125" s="16">
        <v>1308445</v>
      </c>
      <c r="L125" s="22" t="s">
        <v>268</v>
      </c>
    </row>
    <row r="126" spans="1:12">
      <c r="A126" s="21" t="s">
        <v>232</v>
      </c>
      <c r="B126" s="21" t="s">
        <v>233</v>
      </c>
      <c r="C126" s="21" t="s">
        <v>262</v>
      </c>
      <c r="D126" s="21" t="s">
        <v>395</v>
      </c>
      <c r="E126" s="21" t="s">
        <v>214</v>
      </c>
      <c r="F126" s="21" t="s">
        <v>391</v>
      </c>
      <c r="G126" s="16">
        <v>73341697</v>
      </c>
      <c r="H126" s="16">
        <v>18932037</v>
      </c>
      <c r="I126" s="16">
        <v>17869660</v>
      </c>
      <c r="J126" s="16">
        <v>18629523</v>
      </c>
      <c r="K126" s="16">
        <v>17910477</v>
      </c>
      <c r="L126" s="22" t="s">
        <v>268</v>
      </c>
    </row>
    <row r="127" spans="1:12">
      <c r="A127" s="21" t="s">
        <v>232</v>
      </c>
      <c r="B127" s="21" t="s">
        <v>233</v>
      </c>
      <c r="C127" s="21" t="s">
        <v>262</v>
      </c>
      <c r="D127" s="21" t="s">
        <v>395</v>
      </c>
      <c r="E127" s="21" t="s">
        <v>215</v>
      </c>
      <c r="F127" s="21" t="s">
        <v>401</v>
      </c>
      <c r="G127" s="16">
        <v>59075539</v>
      </c>
      <c r="H127" s="16">
        <v>15442447</v>
      </c>
      <c r="I127" s="16">
        <v>14042980</v>
      </c>
      <c r="J127" s="16">
        <v>14857015</v>
      </c>
      <c r="K127" s="16">
        <v>14221332</v>
      </c>
      <c r="L127" s="16">
        <v>511765</v>
      </c>
    </row>
    <row r="128" spans="1:12">
      <c r="A128" s="21" t="s">
        <v>232</v>
      </c>
      <c r="B128" s="21" t="s">
        <v>233</v>
      </c>
      <c r="C128" s="21" t="s">
        <v>262</v>
      </c>
      <c r="D128" s="21" t="s">
        <v>395</v>
      </c>
      <c r="E128" s="21" t="s">
        <v>215</v>
      </c>
      <c r="F128" s="21" t="s">
        <v>402</v>
      </c>
      <c r="G128" s="16">
        <v>2264145</v>
      </c>
      <c r="H128" s="16">
        <v>544502</v>
      </c>
      <c r="I128" s="16">
        <v>560995</v>
      </c>
      <c r="J128" s="16">
        <v>578674</v>
      </c>
      <c r="K128" s="16">
        <v>579974</v>
      </c>
      <c r="L128" s="22" t="s">
        <v>268</v>
      </c>
    </row>
    <row r="129" spans="1:12">
      <c r="A129" s="21" t="s">
        <v>232</v>
      </c>
      <c r="B129" s="21" t="s">
        <v>233</v>
      </c>
      <c r="C129" s="21" t="s">
        <v>262</v>
      </c>
      <c r="D129" s="21" t="s">
        <v>395</v>
      </c>
      <c r="E129" s="21" t="s">
        <v>215</v>
      </c>
      <c r="F129" s="21" t="s">
        <v>403</v>
      </c>
      <c r="G129" s="16">
        <v>2562581</v>
      </c>
      <c r="H129" s="16">
        <v>612430</v>
      </c>
      <c r="I129" s="16">
        <v>627286</v>
      </c>
      <c r="J129" s="16">
        <v>673511</v>
      </c>
      <c r="K129" s="16">
        <v>649354</v>
      </c>
      <c r="L129" s="22" t="s">
        <v>268</v>
      </c>
    </row>
    <row r="130" spans="1:12">
      <c r="A130" s="21" t="s">
        <v>232</v>
      </c>
      <c r="B130" s="21" t="s">
        <v>233</v>
      </c>
      <c r="C130" s="21" t="s">
        <v>262</v>
      </c>
      <c r="D130" s="21" t="s">
        <v>395</v>
      </c>
      <c r="E130" s="21" t="s">
        <v>215</v>
      </c>
      <c r="F130" s="21" t="s">
        <v>404</v>
      </c>
      <c r="G130" s="16">
        <v>2705865</v>
      </c>
      <c r="H130" s="16">
        <v>655509</v>
      </c>
      <c r="I130" s="16">
        <v>668370</v>
      </c>
      <c r="J130" s="16">
        <v>702854</v>
      </c>
      <c r="K130" s="16">
        <v>679132</v>
      </c>
      <c r="L130" s="22" t="s">
        <v>268</v>
      </c>
    </row>
    <row r="131" spans="1:12">
      <c r="A131" s="21" t="s">
        <v>232</v>
      </c>
      <c r="B131" s="21" t="s">
        <v>233</v>
      </c>
      <c r="C131" s="21" t="s">
        <v>262</v>
      </c>
      <c r="D131" s="21" t="s">
        <v>395</v>
      </c>
      <c r="E131" s="21" t="s">
        <v>215</v>
      </c>
      <c r="F131" s="21" t="s">
        <v>405</v>
      </c>
      <c r="G131" s="16">
        <v>2835255</v>
      </c>
      <c r="H131" s="16">
        <v>684608</v>
      </c>
      <c r="I131" s="16">
        <v>700488</v>
      </c>
      <c r="J131" s="16">
        <v>739288</v>
      </c>
      <c r="K131" s="16">
        <v>710871</v>
      </c>
      <c r="L131" s="22" t="s">
        <v>268</v>
      </c>
    </row>
    <row r="132" spans="1:12">
      <c r="A132" s="21" t="s">
        <v>232</v>
      </c>
      <c r="B132" s="21" t="s">
        <v>233</v>
      </c>
      <c r="C132" s="21" t="s">
        <v>262</v>
      </c>
      <c r="D132" s="21" t="s">
        <v>395</v>
      </c>
      <c r="E132" s="21" t="s">
        <v>215</v>
      </c>
      <c r="F132" s="21" t="s">
        <v>406</v>
      </c>
      <c r="G132" s="16">
        <v>2838832</v>
      </c>
      <c r="H132" s="16">
        <v>683537</v>
      </c>
      <c r="I132" s="16">
        <v>712216</v>
      </c>
      <c r="J132" s="16">
        <v>746654</v>
      </c>
      <c r="K132" s="16">
        <v>696425</v>
      </c>
      <c r="L132" s="22" t="s">
        <v>268</v>
      </c>
    </row>
    <row r="133" spans="1:12">
      <c r="A133" s="21" t="s">
        <v>232</v>
      </c>
      <c r="B133" s="21" t="s">
        <v>233</v>
      </c>
      <c r="C133" s="21" t="s">
        <v>262</v>
      </c>
      <c r="D133" s="21" t="s">
        <v>395</v>
      </c>
      <c r="E133" s="21" t="s">
        <v>215</v>
      </c>
      <c r="F133" s="21" t="s">
        <v>407</v>
      </c>
      <c r="G133" s="16">
        <v>2875451</v>
      </c>
      <c r="H133" s="16">
        <v>690045</v>
      </c>
      <c r="I133" s="16">
        <v>716831</v>
      </c>
      <c r="J133" s="16">
        <v>751516</v>
      </c>
      <c r="K133" s="16">
        <v>717059</v>
      </c>
      <c r="L133" s="22" t="s">
        <v>268</v>
      </c>
    </row>
    <row r="134" spans="1:12">
      <c r="A134" s="21" t="s">
        <v>232</v>
      </c>
      <c r="B134" s="21" t="s">
        <v>233</v>
      </c>
      <c r="C134" s="21" t="s">
        <v>262</v>
      </c>
      <c r="D134" s="21" t="s">
        <v>395</v>
      </c>
      <c r="E134" s="21" t="s">
        <v>215</v>
      </c>
      <c r="F134" s="21" t="s">
        <v>408</v>
      </c>
      <c r="G134" s="16">
        <v>3138230</v>
      </c>
      <c r="H134" s="16">
        <v>752339</v>
      </c>
      <c r="I134" s="16">
        <v>775444</v>
      </c>
      <c r="J134" s="16">
        <v>813586</v>
      </c>
      <c r="K134" s="16">
        <v>796861</v>
      </c>
      <c r="L134" s="22" t="s">
        <v>268</v>
      </c>
    </row>
    <row r="135" spans="1:12">
      <c r="A135" s="21" t="s">
        <v>232</v>
      </c>
      <c r="B135" s="21" t="s">
        <v>233</v>
      </c>
      <c r="C135" s="21" t="s">
        <v>262</v>
      </c>
      <c r="D135" s="21" t="s">
        <v>395</v>
      </c>
      <c r="E135" s="21" t="s">
        <v>215</v>
      </c>
      <c r="F135" s="21" t="s">
        <v>409</v>
      </c>
      <c r="G135" s="16">
        <v>3583229</v>
      </c>
      <c r="H135" s="16">
        <v>860257</v>
      </c>
      <c r="I135" s="16">
        <v>883132</v>
      </c>
      <c r="J135" s="16">
        <v>948082</v>
      </c>
      <c r="K135" s="16">
        <v>891758</v>
      </c>
      <c r="L135" s="22" t="s">
        <v>268</v>
      </c>
    </row>
    <row r="136" spans="1:12">
      <c r="A136" s="21" t="s">
        <v>232</v>
      </c>
      <c r="B136" s="21" t="s">
        <v>233</v>
      </c>
      <c r="C136" s="21" t="s">
        <v>262</v>
      </c>
      <c r="D136" s="21" t="s">
        <v>395</v>
      </c>
      <c r="E136" s="21" t="s">
        <v>215</v>
      </c>
      <c r="F136" s="21" t="s">
        <v>410</v>
      </c>
      <c r="G136" s="16">
        <v>4104771</v>
      </c>
      <c r="H136" s="16">
        <v>994457</v>
      </c>
      <c r="I136" s="16">
        <v>1023238</v>
      </c>
      <c r="J136" s="16">
        <v>1067583</v>
      </c>
      <c r="K136" s="16">
        <v>1019493</v>
      </c>
      <c r="L136" s="22" t="s">
        <v>268</v>
      </c>
    </row>
    <row r="137" spans="1:12">
      <c r="A137" s="21" t="s">
        <v>232</v>
      </c>
      <c r="B137" s="21" t="s">
        <v>233</v>
      </c>
      <c r="C137" s="21" t="s">
        <v>262</v>
      </c>
      <c r="D137" s="21" t="s">
        <v>395</v>
      </c>
      <c r="E137" s="21" t="s">
        <v>215</v>
      </c>
      <c r="F137" s="21" t="s">
        <v>411</v>
      </c>
      <c r="G137" s="16">
        <v>4792505</v>
      </c>
      <c r="H137" s="16">
        <v>1192931</v>
      </c>
      <c r="I137" s="16">
        <v>1183737</v>
      </c>
      <c r="J137" s="16">
        <v>1246641</v>
      </c>
      <c r="K137" s="16">
        <v>1169196</v>
      </c>
      <c r="L137" s="22" t="s">
        <v>268</v>
      </c>
    </row>
    <row r="138" spans="1:12">
      <c r="A138" s="21" t="s">
        <v>232</v>
      </c>
      <c r="B138" s="21" t="s">
        <v>233</v>
      </c>
      <c r="C138" s="21" t="s">
        <v>262</v>
      </c>
      <c r="D138" s="21" t="s">
        <v>395</v>
      </c>
      <c r="E138" s="21" t="s">
        <v>215</v>
      </c>
      <c r="F138" s="21" t="s">
        <v>412</v>
      </c>
      <c r="G138" s="16">
        <v>4217400</v>
      </c>
      <c r="H138" s="16">
        <v>1099127</v>
      </c>
      <c r="I138" s="16">
        <v>1038387</v>
      </c>
      <c r="J138" s="16">
        <v>1063827</v>
      </c>
      <c r="K138" s="16">
        <v>1016059</v>
      </c>
      <c r="L138" s="22" t="s">
        <v>268</v>
      </c>
    </row>
    <row r="139" spans="1:12">
      <c r="A139" s="21" t="s">
        <v>232</v>
      </c>
      <c r="B139" s="21" t="s">
        <v>233</v>
      </c>
      <c r="C139" s="21" t="s">
        <v>262</v>
      </c>
      <c r="D139" s="21" t="s">
        <v>395</v>
      </c>
      <c r="E139" s="21" t="s">
        <v>215</v>
      </c>
      <c r="F139" s="21" t="s">
        <v>413</v>
      </c>
      <c r="G139" s="16">
        <v>3817458</v>
      </c>
      <c r="H139" s="16">
        <v>1041096</v>
      </c>
      <c r="I139" s="16">
        <v>924829</v>
      </c>
      <c r="J139" s="16">
        <v>956616</v>
      </c>
      <c r="K139" s="16">
        <v>894917</v>
      </c>
      <c r="L139" s="22" t="s">
        <v>268</v>
      </c>
    </row>
    <row r="140" spans="1:12">
      <c r="A140" s="21" t="s">
        <v>232</v>
      </c>
      <c r="B140" s="21" t="s">
        <v>233</v>
      </c>
      <c r="C140" s="21" t="s">
        <v>262</v>
      </c>
      <c r="D140" s="21" t="s">
        <v>395</v>
      </c>
      <c r="E140" s="21" t="s">
        <v>215</v>
      </c>
      <c r="F140" s="21" t="s">
        <v>414</v>
      </c>
      <c r="G140" s="16">
        <v>3558734</v>
      </c>
      <c r="H140" s="16">
        <v>1007305</v>
      </c>
      <c r="I140" s="16">
        <v>853103</v>
      </c>
      <c r="J140" s="16">
        <v>849985</v>
      </c>
      <c r="K140" s="16">
        <v>848341</v>
      </c>
      <c r="L140" s="22" t="s">
        <v>268</v>
      </c>
    </row>
    <row r="141" spans="1:12">
      <c r="A141" s="21" t="s">
        <v>232</v>
      </c>
      <c r="B141" s="21" t="s">
        <v>233</v>
      </c>
      <c r="C141" s="21" t="s">
        <v>262</v>
      </c>
      <c r="D141" s="21" t="s">
        <v>395</v>
      </c>
      <c r="E141" s="21" t="s">
        <v>215</v>
      </c>
      <c r="F141" s="21" t="s">
        <v>415</v>
      </c>
      <c r="G141" s="16">
        <v>3883159</v>
      </c>
      <c r="H141" s="16">
        <v>1140691</v>
      </c>
      <c r="I141" s="16">
        <v>884157</v>
      </c>
      <c r="J141" s="16">
        <v>923856</v>
      </c>
      <c r="K141" s="16">
        <v>934455</v>
      </c>
      <c r="L141" s="22" t="s">
        <v>268</v>
      </c>
    </row>
    <row r="142" spans="1:12">
      <c r="A142" s="21" t="s">
        <v>232</v>
      </c>
      <c r="B142" s="21" t="s">
        <v>233</v>
      </c>
      <c r="C142" s="21" t="s">
        <v>262</v>
      </c>
      <c r="D142" s="21" t="s">
        <v>395</v>
      </c>
      <c r="E142" s="21" t="s">
        <v>215</v>
      </c>
      <c r="F142" s="21" t="s">
        <v>416</v>
      </c>
      <c r="G142" s="16">
        <v>4228188</v>
      </c>
      <c r="H142" s="16">
        <v>1222373</v>
      </c>
      <c r="I142" s="16">
        <v>955766</v>
      </c>
      <c r="J142" s="16">
        <v>1087285</v>
      </c>
      <c r="K142" s="16">
        <v>962764</v>
      </c>
      <c r="L142" s="22" t="s">
        <v>268</v>
      </c>
    </row>
    <row r="143" spans="1:12">
      <c r="A143" s="21" t="s">
        <v>232</v>
      </c>
      <c r="B143" s="21" t="s">
        <v>233</v>
      </c>
      <c r="C143" s="21" t="s">
        <v>262</v>
      </c>
      <c r="D143" s="21" t="s">
        <v>395</v>
      </c>
      <c r="E143" s="21" t="s">
        <v>215</v>
      </c>
      <c r="F143" s="21" t="s">
        <v>417</v>
      </c>
      <c r="G143" s="16">
        <v>3079388</v>
      </c>
      <c r="H143" s="16">
        <v>943786</v>
      </c>
      <c r="I143" s="16">
        <v>667466</v>
      </c>
      <c r="J143" s="16">
        <v>734961</v>
      </c>
      <c r="K143" s="16">
        <v>733175</v>
      </c>
      <c r="L143" s="22" t="s">
        <v>268</v>
      </c>
    </row>
    <row r="144" spans="1:12">
      <c r="A144" s="21" t="s">
        <v>232</v>
      </c>
      <c r="B144" s="21" t="s">
        <v>233</v>
      </c>
      <c r="C144" s="21" t="s">
        <v>262</v>
      </c>
      <c r="D144" s="21" t="s">
        <v>395</v>
      </c>
      <c r="E144" s="21" t="s">
        <v>215</v>
      </c>
      <c r="F144" s="21" t="s">
        <v>418</v>
      </c>
      <c r="G144" s="16">
        <v>2187890</v>
      </c>
      <c r="H144" s="16">
        <v>701155</v>
      </c>
      <c r="I144" s="16">
        <v>466630</v>
      </c>
      <c r="J144" s="16">
        <v>512842</v>
      </c>
      <c r="K144" s="16">
        <v>507263</v>
      </c>
      <c r="L144" s="22" t="s">
        <v>268</v>
      </c>
    </row>
    <row r="145" spans="1:12">
      <c r="A145" s="21" t="s">
        <v>232</v>
      </c>
      <c r="B145" s="21" t="s">
        <v>233</v>
      </c>
      <c r="C145" s="21" t="s">
        <v>262</v>
      </c>
      <c r="D145" s="21" t="s">
        <v>395</v>
      </c>
      <c r="E145" s="21" t="s">
        <v>215</v>
      </c>
      <c r="F145" s="21" t="s">
        <v>419</v>
      </c>
      <c r="G145" s="16">
        <v>1299513</v>
      </c>
      <c r="H145" s="16">
        <v>420376</v>
      </c>
      <c r="I145" s="16">
        <v>277702</v>
      </c>
      <c r="J145" s="16">
        <v>312981</v>
      </c>
      <c r="K145" s="16">
        <v>288454</v>
      </c>
      <c r="L145" s="22" t="s">
        <v>268</v>
      </c>
    </row>
    <row r="146" spans="1:12">
      <c r="A146" s="21" t="s">
        <v>232</v>
      </c>
      <c r="B146" s="21" t="s">
        <v>233</v>
      </c>
      <c r="C146" s="21" t="s">
        <v>262</v>
      </c>
      <c r="D146" s="21" t="s">
        <v>395</v>
      </c>
      <c r="E146" s="21" t="s">
        <v>215</v>
      </c>
      <c r="F146" s="21" t="s">
        <v>420</v>
      </c>
      <c r="G146" s="16">
        <v>489648</v>
      </c>
      <c r="H146" s="16">
        <v>161619</v>
      </c>
      <c r="I146" s="16">
        <v>102945</v>
      </c>
      <c r="J146" s="16">
        <v>120098</v>
      </c>
      <c r="K146" s="16">
        <v>104986</v>
      </c>
      <c r="L146" s="22" t="s">
        <v>268</v>
      </c>
    </row>
    <row r="147" spans="1:12">
      <c r="A147" s="21" t="s">
        <v>232</v>
      </c>
      <c r="B147" s="21" t="s">
        <v>233</v>
      </c>
      <c r="C147" s="21" t="s">
        <v>262</v>
      </c>
      <c r="D147" s="21" t="s">
        <v>395</v>
      </c>
      <c r="E147" s="21" t="s">
        <v>215</v>
      </c>
      <c r="F147" s="21" t="s">
        <v>421</v>
      </c>
      <c r="G147" s="16">
        <v>91813</v>
      </c>
      <c r="H147" s="16">
        <v>30997</v>
      </c>
      <c r="I147" s="16">
        <v>18308</v>
      </c>
      <c r="J147" s="16">
        <v>23742</v>
      </c>
      <c r="K147" s="16">
        <v>18766</v>
      </c>
      <c r="L147" s="22" t="s">
        <v>268</v>
      </c>
    </row>
    <row r="148" spans="1:12">
      <c r="A148" s="21" t="s">
        <v>232</v>
      </c>
      <c r="B148" s="21" t="s">
        <v>233</v>
      </c>
      <c r="C148" s="21" t="s">
        <v>262</v>
      </c>
      <c r="D148" s="21" t="s">
        <v>395</v>
      </c>
      <c r="E148" s="21" t="s">
        <v>215</v>
      </c>
      <c r="F148" s="21" t="s">
        <v>422</v>
      </c>
      <c r="G148" s="16">
        <v>9719</v>
      </c>
      <c r="H148" s="16">
        <v>3307</v>
      </c>
      <c r="I148" s="16">
        <v>1950</v>
      </c>
      <c r="J148" s="16">
        <v>2433</v>
      </c>
      <c r="K148" s="16">
        <v>2029</v>
      </c>
      <c r="L148" s="22" t="s">
        <v>268</v>
      </c>
    </row>
    <row r="149" spans="1:12">
      <c r="A149" s="21" t="s">
        <v>232</v>
      </c>
      <c r="B149" s="21" t="s">
        <v>233</v>
      </c>
      <c r="C149" s="21" t="s">
        <v>262</v>
      </c>
      <c r="D149" s="21" t="s">
        <v>395</v>
      </c>
      <c r="E149" s="21" t="s">
        <v>215</v>
      </c>
      <c r="F149" s="21" t="s">
        <v>423</v>
      </c>
      <c r="G149" s="16">
        <v>511765</v>
      </c>
      <c r="H149" s="22" t="s">
        <v>268</v>
      </c>
      <c r="I149" s="22" t="s">
        <v>268</v>
      </c>
      <c r="J149" s="22" t="s">
        <v>268</v>
      </c>
      <c r="K149" s="22" t="s">
        <v>268</v>
      </c>
      <c r="L149" s="16">
        <v>511765</v>
      </c>
    </row>
    <row r="150" spans="1:12">
      <c r="A150" s="21" t="s">
        <v>232</v>
      </c>
      <c r="B150" s="21" t="s">
        <v>233</v>
      </c>
      <c r="C150" s="21" t="s">
        <v>262</v>
      </c>
      <c r="D150" s="21" t="s">
        <v>395</v>
      </c>
      <c r="E150" s="21" t="s">
        <v>215</v>
      </c>
      <c r="F150" s="21" t="s">
        <v>386</v>
      </c>
      <c r="G150" s="16">
        <v>7532591</v>
      </c>
      <c r="H150" s="16">
        <v>1812441</v>
      </c>
      <c r="I150" s="16">
        <v>1856651</v>
      </c>
      <c r="J150" s="16">
        <v>1955039</v>
      </c>
      <c r="K150" s="16">
        <v>1908460</v>
      </c>
      <c r="L150" s="22" t="s">
        <v>268</v>
      </c>
    </row>
    <row r="151" spans="1:12">
      <c r="A151" s="21" t="s">
        <v>232</v>
      </c>
      <c r="B151" s="21" t="s">
        <v>233</v>
      </c>
      <c r="C151" s="21" t="s">
        <v>262</v>
      </c>
      <c r="D151" s="21" t="s">
        <v>395</v>
      </c>
      <c r="E151" s="21" t="s">
        <v>215</v>
      </c>
      <c r="F151" s="21" t="s">
        <v>387</v>
      </c>
      <c r="G151" s="16">
        <v>35761865</v>
      </c>
      <c r="H151" s="16">
        <v>9005702</v>
      </c>
      <c r="I151" s="16">
        <v>8811405</v>
      </c>
      <c r="J151" s="16">
        <v>9183778</v>
      </c>
      <c r="K151" s="16">
        <v>8760980</v>
      </c>
      <c r="L151" s="22" t="s">
        <v>268</v>
      </c>
    </row>
    <row r="152" spans="1:12">
      <c r="A152" s="21" t="s">
        <v>232</v>
      </c>
      <c r="B152" s="21" t="s">
        <v>233</v>
      </c>
      <c r="C152" s="21" t="s">
        <v>262</v>
      </c>
      <c r="D152" s="21" t="s">
        <v>395</v>
      </c>
      <c r="E152" s="21" t="s">
        <v>215</v>
      </c>
      <c r="F152" s="21" t="s">
        <v>388</v>
      </c>
      <c r="G152" s="16">
        <v>15269318</v>
      </c>
      <c r="H152" s="16">
        <v>4624304</v>
      </c>
      <c r="I152" s="16">
        <v>3374924</v>
      </c>
      <c r="J152" s="16">
        <v>3718198</v>
      </c>
      <c r="K152" s="16">
        <v>3551892</v>
      </c>
      <c r="L152" s="22" t="s">
        <v>268</v>
      </c>
    </row>
    <row r="153" spans="1:12">
      <c r="A153" s="21" t="s">
        <v>232</v>
      </c>
      <c r="B153" s="21" t="s">
        <v>233</v>
      </c>
      <c r="C153" s="21" t="s">
        <v>262</v>
      </c>
      <c r="D153" s="21" t="s">
        <v>395</v>
      </c>
      <c r="E153" s="21" t="s">
        <v>215</v>
      </c>
      <c r="F153" s="21" t="s">
        <v>389</v>
      </c>
      <c r="G153" s="16">
        <v>7157971</v>
      </c>
      <c r="H153" s="16">
        <v>2261240</v>
      </c>
      <c r="I153" s="16">
        <v>1535001</v>
      </c>
      <c r="J153" s="16">
        <v>1707057</v>
      </c>
      <c r="K153" s="16">
        <v>1654673</v>
      </c>
      <c r="L153" s="22" t="s">
        <v>268</v>
      </c>
    </row>
    <row r="154" spans="1:12">
      <c r="A154" s="21" t="s">
        <v>232</v>
      </c>
      <c r="B154" s="21" t="s">
        <v>233</v>
      </c>
      <c r="C154" s="21" t="s">
        <v>262</v>
      </c>
      <c r="D154" s="21" t="s">
        <v>395</v>
      </c>
      <c r="E154" s="21" t="s">
        <v>215</v>
      </c>
      <c r="F154" s="21" t="s">
        <v>390</v>
      </c>
      <c r="G154" s="16">
        <v>1890693</v>
      </c>
      <c r="H154" s="16">
        <v>616299</v>
      </c>
      <c r="I154" s="16">
        <v>400905</v>
      </c>
      <c r="J154" s="16">
        <v>459254</v>
      </c>
      <c r="K154" s="16">
        <v>414235</v>
      </c>
      <c r="L154" s="22" t="s">
        <v>268</v>
      </c>
    </row>
    <row r="155" spans="1:12">
      <c r="A155" s="21" t="s">
        <v>232</v>
      </c>
      <c r="B155" s="21" t="s">
        <v>233</v>
      </c>
      <c r="C155" s="21" t="s">
        <v>262</v>
      </c>
      <c r="D155" s="21" t="s">
        <v>395</v>
      </c>
      <c r="E155" s="21" t="s">
        <v>215</v>
      </c>
      <c r="F155" s="21" t="s">
        <v>391</v>
      </c>
      <c r="G155" s="16">
        <v>36809769</v>
      </c>
      <c r="H155" s="16">
        <v>9461785</v>
      </c>
      <c r="I155" s="16">
        <v>8995074</v>
      </c>
      <c r="J155" s="16">
        <v>9368346</v>
      </c>
      <c r="K155" s="16">
        <v>8984564</v>
      </c>
      <c r="L155" s="22" t="s">
        <v>268</v>
      </c>
    </row>
    <row r="156" spans="1:12">
      <c r="A156" s="21" t="s">
        <v>232</v>
      </c>
      <c r="B156" s="21" t="s">
        <v>233</v>
      </c>
      <c r="C156" s="21" t="s">
        <v>262</v>
      </c>
      <c r="D156" s="21" t="s">
        <v>395</v>
      </c>
      <c r="E156" s="21" t="s">
        <v>216</v>
      </c>
      <c r="F156" s="21" t="s">
        <v>401</v>
      </c>
      <c r="G156" s="16">
        <v>62465616</v>
      </c>
      <c r="H156" s="16">
        <v>16852182</v>
      </c>
      <c r="I156" s="16">
        <v>14686310</v>
      </c>
      <c r="J156" s="16">
        <v>15612196</v>
      </c>
      <c r="K156" s="16">
        <v>15006777</v>
      </c>
      <c r="L156" s="16">
        <v>308151</v>
      </c>
    </row>
    <row r="157" spans="1:12">
      <c r="A157" s="21" t="s">
        <v>232</v>
      </c>
      <c r="B157" s="21" t="s">
        <v>233</v>
      </c>
      <c r="C157" s="21" t="s">
        <v>262</v>
      </c>
      <c r="D157" s="21" t="s">
        <v>395</v>
      </c>
      <c r="E157" s="21" t="s">
        <v>216</v>
      </c>
      <c r="F157" s="21" t="s">
        <v>402</v>
      </c>
      <c r="G157" s="16">
        <v>2159960</v>
      </c>
      <c r="H157" s="16">
        <v>522140</v>
      </c>
      <c r="I157" s="16">
        <v>531290</v>
      </c>
      <c r="J157" s="16">
        <v>550332</v>
      </c>
      <c r="K157" s="16">
        <v>556198</v>
      </c>
      <c r="L157" s="22" t="s">
        <v>268</v>
      </c>
    </row>
    <row r="158" spans="1:12">
      <c r="A158" s="21" t="s">
        <v>232</v>
      </c>
      <c r="B158" s="21" t="s">
        <v>233</v>
      </c>
      <c r="C158" s="21" t="s">
        <v>262</v>
      </c>
      <c r="D158" s="21" t="s">
        <v>395</v>
      </c>
      <c r="E158" s="21" t="s">
        <v>216</v>
      </c>
      <c r="F158" s="21" t="s">
        <v>403</v>
      </c>
      <c r="G158" s="16">
        <v>2441150</v>
      </c>
      <c r="H158" s="16">
        <v>586862</v>
      </c>
      <c r="I158" s="16">
        <v>592479</v>
      </c>
      <c r="J158" s="16">
        <v>639896</v>
      </c>
      <c r="K158" s="16">
        <v>621913</v>
      </c>
      <c r="L158" s="22" t="s">
        <v>268</v>
      </c>
    </row>
    <row r="159" spans="1:12">
      <c r="A159" s="21" t="s">
        <v>232</v>
      </c>
      <c r="B159" s="21" t="s">
        <v>233</v>
      </c>
      <c r="C159" s="21" t="s">
        <v>262</v>
      </c>
      <c r="D159" s="21" t="s">
        <v>395</v>
      </c>
      <c r="E159" s="21" t="s">
        <v>216</v>
      </c>
      <c r="F159" s="21" t="s">
        <v>404</v>
      </c>
      <c r="G159" s="16">
        <v>2574211</v>
      </c>
      <c r="H159" s="16">
        <v>626920</v>
      </c>
      <c r="I159" s="16">
        <v>630448</v>
      </c>
      <c r="J159" s="16">
        <v>666204</v>
      </c>
      <c r="K159" s="16">
        <v>650639</v>
      </c>
      <c r="L159" s="22" t="s">
        <v>268</v>
      </c>
    </row>
    <row r="160" spans="1:12">
      <c r="A160" s="21" t="s">
        <v>232</v>
      </c>
      <c r="B160" s="21" t="s">
        <v>233</v>
      </c>
      <c r="C160" s="21" t="s">
        <v>262</v>
      </c>
      <c r="D160" s="21" t="s">
        <v>395</v>
      </c>
      <c r="E160" s="21" t="s">
        <v>216</v>
      </c>
      <c r="F160" s="21" t="s">
        <v>405</v>
      </c>
      <c r="G160" s="16">
        <v>2694090</v>
      </c>
      <c r="H160" s="16">
        <v>656386</v>
      </c>
      <c r="I160" s="16">
        <v>658992</v>
      </c>
      <c r="J160" s="16">
        <v>697984</v>
      </c>
      <c r="K160" s="16">
        <v>680728</v>
      </c>
      <c r="L160" s="22" t="s">
        <v>268</v>
      </c>
    </row>
    <row r="161" spans="1:12">
      <c r="A161" s="21" t="s">
        <v>232</v>
      </c>
      <c r="B161" s="21" t="s">
        <v>233</v>
      </c>
      <c r="C161" s="21" t="s">
        <v>262</v>
      </c>
      <c r="D161" s="21" t="s">
        <v>395</v>
      </c>
      <c r="E161" s="21" t="s">
        <v>216</v>
      </c>
      <c r="F161" s="21" t="s">
        <v>406</v>
      </c>
      <c r="G161" s="16">
        <v>2753883</v>
      </c>
      <c r="H161" s="16">
        <v>666781</v>
      </c>
      <c r="I161" s="16">
        <v>688315</v>
      </c>
      <c r="J161" s="16">
        <v>720860</v>
      </c>
      <c r="K161" s="16">
        <v>677927</v>
      </c>
      <c r="L161" s="22" t="s">
        <v>268</v>
      </c>
    </row>
    <row r="162" spans="1:12">
      <c r="A162" s="21" t="s">
        <v>232</v>
      </c>
      <c r="B162" s="21" t="s">
        <v>233</v>
      </c>
      <c r="C162" s="21" t="s">
        <v>262</v>
      </c>
      <c r="D162" s="21" t="s">
        <v>395</v>
      </c>
      <c r="E162" s="21" t="s">
        <v>216</v>
      </c>
      <c r="F162" s="21" t="s">
        <v>407</v>
      </c>
      <c r="G162" s="16">
        <v>2791858</v>
      </c>
      <c r="H162" s="16">
        <v>670586</v>
      </c>
      <c r="I162" s="16">
        <v>691700</v>
      </c>
      <c r="J162" s="16">
        <v>729859</v>
      </c>
      <c r="K162" s="16">
        <v>699713</v>
      </c>
      <c r="L162" s="22" t="s">
        <v>268</v>
      </c>
    </row>
    <row r="163" spans="1:12">
      <c r="A163" s="21" t="s">
        <v>232</v>
      </c>
      <c r="B163" s="21" t="s">
        <v>233</v>
      </c>
      <c r="C163" s="21" t="s">
        <v>262</v>
      </c>
      <c r="D163" s="21" t="s">
        <v>395</v>
      </c>
      <c r="E163" s="21" t="s">
        <v>216</v>
      </c>
      <c r="F163" s="21" t="s">
        <v>408</v>
      </c>
      <c r="G163" s="16">
        <v>3041093</v>
      </c>
      <c r="H163" s="16">
        <v>731371</v>
      </c>
      <c r="I163" s="16">
        <v>746888</v>
      </c>
      <c r="J163" s="16">
        <v>786722</v>
      </c>
      <c r="K163" s="16">
        <v>776112</v>
      </c>
      <c r="L163" s="22" t="s">
        <v>268</v>
      </c>
    </row>
    <row r="164" spans="1:12">
      <c r="A164" s="21" t="s">
        <v>232</v>
      </c>
      <c r="B164" s="21" t="s">
        <v>233</v>
      </c>
      <c r="C164" s="21" t="s">
        <v>262</v>
      </c>
      <c r="D164" s="21" t="s">
        <v>395</v>
      </c>
      <c r="E164" s="21" t="s">
        <v>216</v>
      </c>
      <c r="F164" s="21" t="s">
        <v>409</v>
      </c>
      <c r="G164" s="16">
        <v>3485852</v>
      </c>
      <c r="H164" s="16">
        <v>839340</v>
      </c>
      <c r="I164" s="16">
        <v>853892</v>
      </c>
      <c r="J164" s="16">
        <v>920079</v>
      </c>
      <c r="K164" s="16">
        <v>872541</v>
      </c>
      <c r="L164" s="22" t="s">
        <v>268</v>
      </c>
    </row>
    <row r="165" spans="1:12">
      <c r="A165" s="21" t="s">
        <v>232</v>
      </c>
      <c r="B165" s="21" t="s">
        <v>233</v>
      </c>
      <c r="C165" s="21" t="s">
        <v>262</v>
      </c>
      <c r="D165" s="21" t="s">
        <v>395</v>
      </c>
      <c r="E165" s="21" t="s">
        <v>216</v>
      </c>
      <c r="F165" s="21" t="s">
        <v>410</v>
      </c>
      <c r="G165" s="16">
        <v>3989063</v>
      </c>
      <c r="H165" s="16">
        <v>969966</v>
      </c>
      <c r="I165" s="16">
        <v>988472</v>
      </c>
      <c r="J165" s="16">
        <v>1034204</v>
      </c>
      <c r="K165" s="16">
        <v>996421</v>
      </c>
      <c r="L165" s="22" t="s">
        <v>268</v>
      </c>
    </row>
    <row r="166" spans="1:12">
      <c r="A166" s="21" t="s">
        <v>232</v>
      </c>
      <c r="B166" s="21" t="s">
        <v>233</v>
      </c>
      <c r="C166" s="21" t="s">
        <v>262</v>
      </c>
      <c r="D166" s="21" t="s">
        <v>395</v>
      </c>
      <c r="E166" s="21" t="s">
        <v>216</v>
      </c>
      <c r="F166" s="21" t="s">
        <v>411</v>
      </c>
      <c r="G166" s="16">
        <v>4683975</v>
      </c>
      <c r="H166" s="16">
        <v>1171759</v>
      </c>
      <c r="I166" s="16">
        <v>1149743</v>
      </c>
      <c r="J166" s="16">
        <v>1215466</v>
      </c>
      <c r="K166" s="16">
        <v>1147007</v>
      </c>
      <c r="L166" s="22" t="s">
        <v>268</v>
      </c>
    </row>
    <row r="167" spans="1:12">
      <c r="A167" s="21" t="s">
        <v>232</v>
      </c>
      <c r="B167" s="21" t="s">
        <v>233</v>
      </c>
      <c r="C167" s="21" t="s">
        <v>262</v>
      </c>
      <c r="D167" s="21" t="s">
        <v>395</v>
      </c>
      <c r="E167" s="21" t="s">
        <v>216</v>
      </c>
      <c r="F167" s="21" t="s">
        <v>412</v>
      </c>
      <c r="G167" s="16">
        <v>4167791</v>
      </c>
      <c r="H167" s="16">
        <v>1095906</v>
      </c>
      <c r="I167" s="16">
        <v>1019221</v>
      </c>
      <c r="J167" s="16">
        <v>1046720</v>
      </c>
      <c r="K167" s="16">
        <v>1005944</v>
      </c>
      <c r="L167" s="22" t="s">
        <v>268</v>
      </c>
    </row>
    <row r="168" spans="1:12">
      <c r="A168" s="21" t="s">
        <v>232</v>
      </c>
      <c r="B168" s="21" t="s">
        <v>233</v>
      </c>
      <c r="C168" s="21" t="s">
        <v>262</v>
      </c>
      <c r="D168" s="21" t="s">
        <v>395</v>
      </c>
      <c r="E168" s="21" t="s">
        <v>216</v>
      </c>
      <c r="F168" s="21" t="s">
        <v>413</v>
      </c>
      <c r="G168" s="16">
        <v>3831150</v>
      </c>
      <c r="H168" s="16">
        <v>1050735</v>
      </c>
      <c r="I168" s="16">
        <v>926029</v>
      </c>
      <c r="J168" s="16">
        <v>956387</v>
      </c>
      <c r="K168" s="16">
        <v>897999</v>
      </c>
      <c r="L168" s="22" t="s">
        <v>268</v>
      </c>
    </row>
    <row r="169" spans="1:12">
      <c r="A169" s="21" t="s">
        <v>232</v>
      </c>
      <c r="B169" s="21" t="s">
        <v>233</v>
      </c>
      <c r="C169" s="21" t="s">
        <v>262</v>
      </c>
      <c r="D169" s="21" t="s">
        <v>395</v>
      </c>
      <c r="E169" s="21" t="s">
        <v>216</v>
      </c>
      <c r="F169" s="21" t="s">
        <v>414</v>
      </c>
      <c r="G169" s="16">
        <v>3656419</v>
      </c>
      <c r="H169" s="16">
        <v>1048534</v>
      </c>
      <c r="I169" s="16">
        <v>872826</v>
      </c>
      <c r="J169" s="16">
        <v>871332</v>
      </c>
      <c r="K169" s="16">
        <v>863727</v>
      </c>
      <c r="L169" s="22" t="s">
        <v>268</v>
      </c>
    </row>
    <row r="170" spans="1:12">
      <c r="A170" s="21" t="s">
        <v>232</v>
      </c>
      <c r="B170" s="21" t="s">
        <v>233</v>
      </c>
      <c r="C170" s="21" t="s">
        <v>262</v>
      </c>
      <c r="D170" s="21" t="s">
        <v>395</v>
      </c>
      <c r="E170" s="21" t="s">
        <v>216</v>
      </c>
      <c r="F170" s="21" t="s">
        <v>415</v>
      </c>
      <c r="G170" s="16">
        <v>4130844</v>
      </c>
      <c r="H170" s="16">
        <v>1225274</v>
      </c>
      <c r="I170" s="16">
        <v>937500</v>
      </c>
      <c r="J170" s="16">
        <v>979548</v>
      </c>
      <c r="K170" s="16">
        <v>988522</v>
      </c>
      <c r="L170" s="22" t="s">
        <v>268</v>
      </c>
    </row>
    <row r="171" spans="1:12">
      <c r="A171" s="21" t="s">
        <v>232</v>
      </c>
      <c r="B171" s="21" t="s">
        <v>233</v>
      </c>
      <c r="C171" s="21" t="s">
        <v>262</v>
      </c>
      <c r="D171" s="21" t="s">
        <v>395</v>
      </c>
      <c r="E171" s="21" t="s">
        <v>216</v>
      </c>
      <c r="F171" s="21" t="s">
        <v>416</v>
      </c>
      <c r="G171" s="16">
        <v>4737492</v>
      </c>
      <c r="H171" s="16">
        <v>1387161</v>
      </c>
      <c r="I171" s="16">
        <v>1069118</v>
      </c>
      <c r="J171" s="16">
        <v>1209551</v>
      </c>
      <c r="K171" s="16">
        <v>1071662</v>
      </c>
      <c r="L171" s="22" t="s">
        <v>268</v>
      </c>
    </row>
    <row r="172" spans="1:12">
      <c r="A172" s="21" t="s">
        <v>232</v>
      </c>
      <c r="B172" s="21" t="s">
        <v>233</v>
      </c>
      <c r="C172" s="21" t="s">
        <v>262</v>
      </c>
      <c r="D172" s="21" t="s">
        <v>395</v>
      </c>
      <c r="E172" s="21" t="s">
        <v>216</v>
      </c>
      <c r="F172" s="21" t="s">
        <v>417</v>
      </c>
      <c r="G172" s="16">
        <v>3819308</v>
      </c>
      <c r="H172" s="16">
        <v>1189390</v>
      </c>
      <c r="I172" s="16">
        <v>826052</v>
      </c>
      <c r="J172" s="16">
        <v>903162</v>
      </c>
      <c r="K172" s="16">
        <v>900704</v>
      </c>
      <c r="L172" s="22" t="s">
        <v>268</v>
      </c>
    </row>
    <row r="173" spans="1:12">
      <c r="A173" s="21" t="s">
        <v>232</v>
      </c>
      <c r="B173" s="21" t="s">
        <v>233</v>
      </c>
      <c r="C173" s="21" t="s">
        <v>262</v>
      </c>
      <c r="D173" s="21" t="s">
        <v>395</v>
      </c>
      <c r="E173" s="21" t="s">
        <v>216</v>
      </c>
      <c r="F173" s="21" t="s">
        <v>418</v>
      </c>
      <c r="G173" s="16">
        <v>3087399</v>
      </c>
      <c r="H173" s="16">
        <v>1020461</v>
      </c>
      <c r="I173" s="16">
        <v>651204</v>
      </c>
      <c r="J173" s="16">
        <v>710924</v>
      </c>
      <c r="K173" s="16">
        <v>704810</v>
      </c>
      <c r="L173" s="22" t="s">
        <v>268</v>
      </c>
    </row>
    <row r="174" spans="1:12">
      <c r="A174" s="21" t="s">
        <v>232</v>
      </c>
      <c r="B174" s="21" t="s">
        <v>233</v>
      </c>
      <c r="C174" s="21" t="s">
        <v>262</v>
      </c>
      <c r="D174" s="21" t="s">
        <v>395</v>
      </c>
      <c r="E174" s="21" t="s">
        <v>216</v>
      </c>
      <c r="F174" s="21" t="s">
        <v>419</v>
      </c>
      <c r="G174" s="16">
        <v>2358398</v>
      </c>
      <c r="H174" s="16">
        <v>794102</v>
      </c>
      <c r="I174" s="16">
        <v>494689</v>
      </c>
      <c r="J174" s="16">
        <v>550500</v>
      </c>
      <c r="K174" s="16">
        <v>519107</v>
      </c>
      <c r="L174" s="22" t="s">
        <v>268</v>
      </c>
    </row>
    <row r="175" spans="1:12">
      <c r="A175" s="21" t="s">
        <v>232</v>
      </c>
      <c r="B175" s="21" t="s">
        <v>233</v>
      </c>
      <c r="C175" s="21" t="s">
        <v>262</v>
      </c>
      <c r="D175" s="21" t="s">
        <v>395</v>
      </c>
      <c r="E175" s="21" t="s">
        <v>216</v>
      </c>
      <c r="F175" s="21" t="s">
        <v>420</v>
      </c>
      <c r="G175" s="16">
        <v>1284246</v>
      </c>
      <c r="H175" s="16">
        <v>434406</v>
      </c>
      <c r="I175" s="16">
        <v>265036</v>
      </c>
      <c r="J175" s="16">
        <v>306035</v>
      </c>
      <c r="K175" s="16">
        <v>278769</v>
      </c>
      <c r="L175" s="22" t="s">
        <v>268</v>
      </c>
    </row>
    <row r="176" spans="1:12">
      <c r="A176" s="21" t="s">
        <v>232</v>
      </c>
      <c r="B176" s="21" t="s">
        <v>233</v>
      </c>
      <c r="C176" s="21" t="s">
        <v>262</v>
      </c>
      <c r="D176" s="21" t="s">
        <v>395</v>
      </c>
      <c r="E176" s="21" t="s">
        <v>216</v>
      </c>
      <c r="F176" s="21" t="s">
        <v>421</v>
      </c>
      <c r="G176" s="16">
        <v>399675</v>
      </c>
      <c r="H176" s="16">
        <v>140192</v>
      </c>
      <c r="I176" s="16">
        <v>78292</v>
      </c>
      <c r="J176" s="16">
        <v>98873</v>
      </c>
      <c r="K176" s="16">
        <v>82318</v>
      </c>
      <c r="L176" s="22" t="s">
        <v>268</v>
      </c>
    </row>
    <row r="177" spans="1:12">
      <c r="A177" s="21" t="s">
        <v>232</v>
      </c>
      <c r="B177" s="21" t="s">
        <v>233</v>
      </c>
      <c r="C177" s="21" t="s">
        <v>262</v>
      </c>
      <c r="D177" s="21" t="s">
        <v>395</v>
      </c>
      <c r="E177" s="21" t="s">
        <v>216</v>
      </c>
      <c r="F177" s="21" t="s">
        <v>422</v>
      </c>
      <c r="G177" s="16">
        <v>69608</v>
      </c>
      <c r="H177" s="16">
        <v>23910</v>
      </c>
      <c r="I177" s="16">
        <v>14124</v>
      </c>
      <c r="J177" s="16">
        <v>17558</v>
      </c>
      <c r="K177" s="16">
        <v>14016</v>
      </c>
      <c r="L177" s="22" t="s">
        <v>268</v>
      </c>
    </row>
    <row r="178" spans="1:12">
      <c r="A178" s="21" t="s">
        <v>232</v>
      </c>
      <c r="B178" s="21" t="s">
        <v>233</v>
      </c>
      <c r="C178" s="21" t="s">
        <v>262</v>
      </c>
      <c r="D178" s="21" t="s">
        <v>395</v>
      </c>
      <c r="E178" s="21" t="s">
        <v>216</v>
      </c>
      <c r="F178" s="21" t="s">
        <v>423</v>
      </c>
      <c r="G178" s="16">
        <v>308151</v>
      </c>
      <c r="H178" s="22" t="s">
        <v>268</v>
      </c>
      <c r="I178" s="22" t="s">
        <v>268</v>
      </c>
      <c r="J178" s="22" t="s">
        <v>268</v>
      </c>
      <c r="K178" s="22" t="s">
        <v>268</v>
      </c>
      <c r="L178" s="16">
        <v>308151</v>
      </c>
    </row>
    <row r="179" spans="1:12">
      <c r="A179" s="21" t="s">
        <v>232</v>
      </c>
      <c r="B179" s="21" t="s">
        <v>233</v>
      </c>
      <c r="C179" s="21" t="s">
        <v>262</v>
      </c>
      <c r="D179" s="21" t="s">
        <v>395</v>
      </c>
      <c r="E179" s="21" t="s">
        <v>216</v>
      </c>
      <c r="F179" s="21" t="s">
        <v>386</v>
      </c>
      <c r="G179" s="16">
        <v>7175321</v>
      </c>
      <c r="H179" s="16">
        <v>1735922</v>
      </c>
      <c r="I179" s="16">
        <v>1754217</v>
      </c>
      <c r="J179" s="16">
        <v>1856432</v>
      </c>
      <c r="K179" s="16">
        <v>1828750</v>
      </c>
      <c r="L179" s="22" t="s">
        <v>268</v>
      </c>
    </row>
    <row r="180" spans="1:12">
      <c r="A180" s="21" t="s">
        <v>232</v>
      </c>
      <c r="B180" s="21" t="s">
        <v>233</v>
      </c>
      <c r="C180" s="21" t="s">
        <v>262</v>
      </c>
      <c r="D180" s="21" t="s">
        <v>395</v>
      </c>
      <c r="E180" s="21" t="s">
        <v>216</v>
      </c>
      <c r="F180" s="21" t="s">
        <v>387</v>
      </c>
      <c r="G180" s="16">
        <v>35095174</v>
      </c>
      <c r="H180" s="16">
        <v>8901364</v>
      </c>
      <c r="I180" s="16">
        <v>8596078</v>
      </c>
      <c r="J180" s="16">
        <v>8979613</v>
      </c>
      <c r="K180" s="16">
        <v>8618119</v>
      </c>
      <c r="L180" s="22" t="s">
        <v>268</v>
      </c>
    </row>
    <row r="181" spans="1:12">
      <c r="A181" s="21" t="s">
        <v>232</v>
      </c>
      <c r="B181" s="21" t="s">
        <v>233</v>
      </c>
      <c r="C181" s="21" t="s">
        <v>262</v>
      </c>
      <c r="D181" s="21" t="s">
        <v>395</v>
      </c>
      <c r="E181" s="21" t="s">
        <v>216</v>
      </c>
      <c r="F181" s="21" t="s">
        <v>388</v>
      </c>
      <c r="G181" s="16">
        <v>19886970</v>
      </c>
      <c r="H181" s="16">
        <v>6214896</v>
      </c>
      <c r="I181" s="16">
        <v>4336015</v>
      </c>
      <c r="J181" s="16">
        <v>4776151</v>
      </c>
      <c r="K181" s="16">
        <v>4559908</v>
      </c>
      <c r="L181" s="22" t="s">
        <v>268</v>
      </c>
    </row>
    <row r="182" spans="1:12">
      <c r="A182" s="21" t="s">
        <v>232</v>
      </c>
      <c r="B182" s="21" t="s">
        <v>233</v>
      </c>
      <c r="C182" s="21" t="s">
        <v>262</v>
      </c>
      <c r="D182" s="21" t="s">
        <v>395</v>
      </c>
      <c r="E182" s="21" t="s">
        <v>216</v>
      </c>
      <c r="F182" s="21" t="s">
        <v>389</v>
      </c>
      <c r="G182" s="16">
        <v>11018634</v>
      </c>
      <c r="H182" s="16">
        <v>3602461</v>
      </c>
      <c r="I182" s="16">
        <v>2329397</v>
      </c>
      <c r="J182" s="16">
        <v>2587052</v>
      </c>
      <c r="K182" s="16">
        <v>2499724</v>
      </c>
      <c r="L182" s="22" t="s">
        <v>268</v>
      </c>
    </row>
    <row r="183" spans="1:12">
      <c r="A183" s="21" t="s">
        <v>232</v>
      </c>
      <c r="B183" s="21" t="s">
        <v>233</v>
      </c>
      <c r="C183" s="21" t="s">
        <v>262</v>
      </c>
      <c r="D183" s="21" t="s">
        <v>395</v>
      </c>
      <c r="E183" s="21" t="s">
        <v>216</v>
      </c>
      <c r="F183" s="21" t="s">
        <v>390</v>
      </c>
      <c r="G183" s="16">
        <v>4111927</v>
      </c>
      <c r="H183" s="16">
        <v>1392610</v>
      </c>
      <c r="I183" s="16">
        <v>852141</v>
      </c>
      <c r="J183" s="16">
        <v>972966</v>
      </c>
      <c r="K183" s="16">
        <v>894210</v>
      </c>
      <c r="L183" s="22" t="s">
        <v>268</v>
      </c>
    </row>
    <row r="184" spans="1:12">
      <c r="A184" s="21" t="s">
        <v>232</v>
      </c>
      <c r="B184" s="21" t="s">
        <v>233</v>
      </c>
      <c r="C184" s="21" t="s">
        <v>262</v>
      </c>
      <c r="D184" s="21" t="s">
        <v>395</v>
      </c>
      <c r="E184" s="21" t="s">
        <v>216</v>
      </c>
      <c r="F184" s="21" t="s">
        <v>391</v>
      </c>
      <c r="G184" s="16">
        <v>36531928</v>
      </c>
      <c r="H184" s="16">
        <v>9470252</v>
      </c>
      <c r="I184" s="16">
        <v>8874586</v>
      </c>
      <c r="J184" s="16">
        <v>9261177</v>
      </c>
      <c r="K184" s="16">
        <v>8925913</v>
      </c>
      <c r="L184" s="22" t="s">
        <v>268</v>
      </c>
    </row>
    <row r="185" spans="1:12">
      <c r="A185" s="21" t="s">
        <v>232</v>
      </c>
      <c r="B185" s="21" t="s">
        <v>237</v>
      </c>
      <c r="C185" s="21" t="s">
        <v>264</v>
      </c>
      <c r="D185" s="21" t="s">
        <v>394</v>
      </c>
      <c r="E185" s="21" t="s">
        <v>214</v>
      </c>
      <c r="F185" s="21" t="s">
        <v>401</v>
      </c>
      <c r="G185" s="16">
        <v>1738301</v>
      </c>
      <c r="H185" s="16">
        <v>472316</v>
      </c>
      <c r="I185" s="16">
        <v>396040</v>
      </c>
      <c r="J185" s="16">
        <v>426749</v>
      </c>
      <c r="K185" s="16">
        <v>417997</v>
      </c>
      <c r="L185" s="16">
        <v>25199</v>
      </c>
    </row>
    <row r="186" spans="1:12">
      <c r="A186" s="21" t="s">
        <v>232</v>
      </c>
      <c r="B186" s="21" t="s">
        <v>237</v>
      </c>
      <c r="C186" s="21" t="s">
        <v>264</v>
      </c>
      <c r="D186" s="21" t="s">
        <v>394</v>
      </c>
      <c r="E186" s="21" t="s">
        <v>214</v>
      </c>
      <c r="F186" s="21" t="s">
        <v>402</v>
      </c>
      <c r="G186" s="16">
        <v>69041</v>
      </c>
      <c r="H186" s="16">
        <v>16830</v>
      </c>
      <c r="I186" s="16">
        <v>16920</v>
      </c>
      <c r="J186" s="16">
        <v>17635</v>
      </c>
      <c r="K186" s="16">
        <v>17656</v>
      </c>
      <c r="L186" s="22" t="s">
        <v>268</v>
      </c>
    </row>
    <row r="187" spans="1:12">
      <c r="A187" s="21" t="s">
        <v>232</v>
      </c>
      <c r="B187" s="21" t="s">
        <v>237</v>
      </c>
      <c r="C187" s="21" t="s">
        <v>264</v>
      </c>
      <c r="D187" s="21" t="s">
        <v>394</v>
      </c>
      <c r="E187" s="21" t="s">
        <v>214</v>
      </c>
      <c r="F187" s="21" t="s">
        <v>403</v>
      </c>
      <c r="G187" s="16">
        <v>78543</v>
      </c>
      <c r="H187" s="16">
        <v>18879</v>
      </c>
      <c r="I187" s="16">
        <v>19241</v>
      </c>
      <c r="J187" s="16">
        <v>20653</v>
      </c>
      <c r="K187" s="16">
        <v>19770</v>
      </c>
      <c r="L187" s="22" t="s">
        <v>268</v>
      </c>
    </row>
    <row r="188" spans="1:12">
      <c r="A188" s="21" t="s">
        <v>232</v>
      </c>
      <c r="B188" s="21" t="s">
        <v>237</v>
      </c>
      <c r="C188" s="21" t="s">
        <v>264</v>
      </c>
      <c r="D188" s="21" t="s">
        <v>394</v>
      </c>
      <c r="E188" s="21" t="s">
        <v>214</v>
      </c>
      <c r="F188" s="21" t="s">
        <v>404</v>
      </c>
      <c r="G188" s="16">
        <v>80782</v>
      </c>
      <c r="H188" s="16">
        <v>19594</v>
      </c>
      <c r="I188" s="16">
        <v>19905</v>
      </c>
      <c r="J188" s="16">
        <v>21103</v>
      </c>
      <c r="K188" s="16">
        <v>20180</v>
      </c>
      <c r="L188" s="22" t="s">
        <v>268</v>
      </c>
    </row>
    <row r="189" spans="1:12">
      <c r="A189" s="21" t="s">
        <v>232</v>
      </c>
      <c r="B189" s="21" t="s">
        <v>237</v>
      </c>
      <c r="C189" s="21" t="s">
        <v>264</v>
      </c>
      <c r="D189" s="21" t="s">
        <v>394</v>
      </c>
      <c r="E189" s="21" t="s">
        <v>214</v>
      </c>
      <c r="F189" s="21" t="s">
        <v>405</v>
      </c>
      <c r="G189" s="16">
        <v>79371</v>
      </c>
      <c r="H189" s="16">
        <v>18899</v>
      </c>
      <c r="I189" s="16">
        <v>19841</v>
      </c>
      <c r="J189" s="16">
        <v>20851</v>
      </c>
      <c r="K189" s="16">
        <v>19780</v>
      </c>
      <c r="L189" s="22" t="s">
        <v>268</v>
      </c>
    </row>
    <row r="190" spans="1:12">
      <c r="A190" s="21" t="s">
        <v>232</v>
      </c>
      <c r="B190" s="21" t="s">
        <v>237</v>
      </c>
      <c r="C190" s="21" t="s">
        <v>264</v>
      </c>
      <c r="D190" s="21" t="s">
        <v>394</v>
      </c>
      <c r="E190" s="21" t="s">
        <v>214</v>
      </c>
      <c r="F190" s="21" t="s">
        <v>406</v>
      </c>
      <c r="G190" s="16">
        <v>69827</v>
      </c>
      <c r="H190" s="16">
        <v>16836</v>
      </c>
      <c r="I190" s="16">
        <v>17403</v>
      </c>
      <c r="J190" s="16">
        <v>18557</v>
      </c>
      <c r="K190" s="16">
        <v>17031</v>
      </c>
      <c r="L190" s="22" t="s">
        <v>268</v>
      </c>
    </row>
    <row r="191" spans="1:12">
      <c r="A191" s="21" t="s">
        <v>232</v>
      </c>
      <c r="B191" s="21" t="s">
        <v>237</v>
      </c>
      <c r="C191" s="21" t="s">
        <v>264</v>
      </c>
      <c r="D191" s="21" t="s">
        <v>394</v>
      </c>
      <c r="E191" s="21" t="s">
        <v>214</v>
      </c>
      <c r="F191" s="21" t="s">
        <v>407</v>
      </c>
      <c r="G191" s="16">
        <v>71763</v>
      </c>
      <c r="H191" s="16">
        <v>17333</v>
      </c>
      <c r="I191" s="16">
        <v>17691</v>
      </c>
      <c r="J191" s="16">
        <v>18747</v>
      </c>
      <c r="K191" s="16">
        <v>17992</v>
      </c>
      <c r="L191" s="22" t="s">
        <v>268</v>
      </c>
    </row>
    <row r="192" spans="1:12">
      <c r="A192" s="21" t="s">
        <v>232</v>
      </c>
      <c r="B192" s="21" t="s">
        <v>237</v>
      </c>
      <c r="C192" s="21" t="s">
        <v>264</v>
      </c>
      <c r="D192" s="21" t="s">
        <v>394</v>
      </c>
      <c r="E192" s="21" t="s">
        <v>214</v>
      </c>
      <c r="F192" s="21" t="s">
        <v>408</v>
      </c>
      <c r="G192" s="16">
        <v>83016</v>
      </c>
      <c r="H192" s="16">
        <v>20060</v>
      </c>
      <c r="I192" s="16">
        <v>20407</v>
      </c>
      <c r="J192" s="16">
        <v>21212</v>
      </c>
      <c r="K192" s="16">
        <v>21337</v>
      </c>
      <c r="L192" s="22" t="s">
        <v>268</v>
      </c>
    </row>
    <row r="193" spans="1:12">
      <c r="A193" s="21" t="s">
        <v>232</v>
      </c>
      <c r="B193" s="21" t="s">
        <v>237</v>
      </c>
      <c r="C193" s="21" t="s">
        <v>264</v>
      </c>
      <c r="D193" s="21" t="s">
        <v>394</v>
      </c>
      <c r="E193" s="21" t="s">
        <v>214</v>
      </c>
      <c r="F193" s="21" t="s">
        <v>409</v>
      </c>
      <c r="G193" s="16">
        <v>97054</v>
      </c>
      <c r="H193" s="16">
        <v>23374</v>
      </c>
      <c r="I193" s="16">
        <v>24200</v>
      </c>
      <c r="J193" s="16">
        <v>25434</v>
      </c>
      <c r="K193" s="16">
        <v>24046</v>
      </c>
      <c r="L193" s="22" t="s">
        <v>268</v>
      </c>
    </row>
    <row r="194" spans="1:12">
      <c r="A194" s="21" t="s">
        <v>232</v>
      </c>
      <c r="B194" s="21" t="s">
        <v>237</v>
      </c>
      <c r="C194" s="21" t="s">
        <v>264</v>
      </c>
      <c r="D194" s="21" t="s">
        <v>394</v>
      </c>
      <c r="E194" s="21" t="s">
        <v>214</v>
      </c>
      <c r="F194" s="21" t="s">
        <v>410</v>
      </c>
      <c r="G194" s="16">
        <v>106373</v>
      </c>
      <c r="H194" s="16">
        <v>25912</v>
      </c>
      <c r="I194" s="16">
        <v>26441</v>
      </c>
      <c r="J194" s="16">
        <v>27635</v>
      </c>
      <c r="K194" s="16">
        <v>26385</v>
      </c>
      <c r="L194" s="22" t="s">
        <v>268</v>
      </c>
    </row>
    <row r="195" spans="1:12">
      <c r="A195" s="21" t="s">
        <v>232</v>
      </c>
      <c r="B195" s="21" t="s">
        <v>237</v>
      </c>
      <c r="C195" s="21" t="s">
        <v>264</v>
      </c>
      <c r="D195" s="21" t="s">
        <v>394</v>
      </c>
      <c r="E195" s="21" t="s">
        <v>214</v>
      </c>
      <c r="F195" s="21" t="s">
        <v>411</v>
      </c>
      <c r="G195" s="16">
        <v>112345</v>
      </c>
      <c r="H195" s="16">
        <v>28380</v>
      </c>
      <c r="I195" s="16">
        <v>27922</v>
      </c>
      <c r="J195" s="16">
        <v>28966</v>
      </c>
      <c r="K195" s="16">
        <v>27077</v>
      </c>
      <c r="L195" s="22" t="s">
        <v>268</v>
      </c>
    </row>
    <row r="196" spans="1:12">
      <c r="A196" s="21" t="s">
        <v>232</v>
      </c>
      <c r="B196" s="21" t="s">
        <v>237</v>
      </c>
      <c r="C196" s="21" t="s">
        <v>264</v>
      </c>
      <c r="D196" s="21" t="s">
        <v>394</v>
      </c>
      <c r="E196" s="21" t="s">
        <v>214</v>
      </c>
      <c r="F196" s="21" t="s">
        <v>412</v>
      </c>
      <c r="G196" s="16">
        <v>101844</v>
      </c>
      <c r="H196" s="16">
        <v>28070</v>
      </c>
      <c r="I196" s="16">
        <v>24766</v>
      </c>
      <c r="J196" s="16">
        <v>24612</v>
      </c>
      <c r="K196" s="16">
        <v>24396</v>
      </c>
      <c r="L196" s="22" t="s">
        <v>268</v>
      </c>
    </row>
    <row r="197" spans="1:12">
      <c r="A197" s="21" t="s">
        <v>232</v>
      </c>
      <c r="B197" s="21" t="s">
        <v>237</v>
      </c>
      <c r="C197" s="21" t="s">
        <v>264</v>
      </c>
      <c r="D197" s="21" t="s">
        <v>394</v>
      </c>
      <c r="E197" s="21" t="s">
        <v>214</v>
      </c>
      <c r="F197" s="21" t="s">
        <v>413</v>
      </c>
      <c r="G197" s="16">
        <v>106541</v>
      </c>
      <c r="H197" s="16">
        <v>30351</v>
      </c>
      <c r="I197" s="16">
        <v>25371</v>
      </c>
      <c r="J197" s="16">
        <v>25700</v>
      </c>
      <c r="K197" s="16">
        <v>25119</v>
      </c>
      <c r="L197" s="22" t="s">
        <v>268</v>
      </c>
    </row>
    <row r="198" spans="1:12">
      <c r="A198" s="21" t="s">
        <v>232</v>
      </c>
      <c r="B198" s="21" t="s">
        <v>237</v>
      </c>
      <c r="C198" s="21" t="s">
        <v>264</v>
      </c>
      <c r="D198" s="21" t="s">
        <v>394</v>
      </c>
      <c r="E198" s="21" t="s">
        <v>214</v>
      </c>
      <c r="F198" s="21" t="s">
        <v>414</v>
      </c>
      <c r="G198" s="16">
        <v>116064</v>
      </c>
      <c r="H198" s="16">
        <v>33708</v>
      </c>
      <c r="I198" s="16">
        <v>26773</v>
      </c>
      <c r="J198" s="16">
        <v>27354</v>
      </c>
      <c r="K198" s="16">
        <v>28229</v>
      </c>
      <c r="L198" s="22" t="s">
        <v>268</v>
      </c>
    </row>
    <row r="199" spans="1:12">
      <c r="A199" s="21" t="s">
        <v>232</v>
      </c>
      <c r="B199" s="21" t="s">
        <v>237</v>
      </c>
      <c r="C199" s="21" t="s">
        <v>264</v>
      </c>
      <c r="D199" s="21" t="s">
        <v>394</v>
      </c>
      <c r="E199" s="21" t="s">
        <v>214</v>
      </c>
      <c r="F199" s="21" t="s">
        <v>415</v>
      </c>
      <c r="G199" s="16">
        <v>129764</v>
      </c>
      <c r="H199" s="16">
        <v>38472</v>
      </c>
      <c r="I199" s="16">
        <v>27825</v>
      </c>
      <c r="J199" s="16">
        <v>31026</v>
      </c>
      <c r="K199" s="16">
        <v>32441</v>
      </c>
      <c r="L199" s="22" t="s">
        <v>268</v>
      </c>
    </row>
    <row r="200" spans="1:12">
      <c r="A200" s="21" t="s">
        <v>232</v>
      </c>
      <c r="B200" s="21" t="s">
        <v>237</v>
      </c>
      <c r="C200" s="21" t="s">
        <v>264</v>
      </c>
      <c r="D200" s="21" t="s">
        <v>394</v>
      </c>
      <c r="E200" s="21" t="s">
        <v>214</v>
      </c>
      <c r="F200" s="21" t="s">
        <v>416</v>
      </c>
      <c r="G200" s="16">
        <v>128314</v>
      </c>
      <c r="H200" s="16">
        <v>36701</v>
      </c>
      <c r="I200" s="16">
        <v>27450</v>
      </c>
      <c r="J200" s="16">
        <v>33194</v>
      </c>
      <c r="K200" s="16">
        <v>30969</v>
      </c>
      <c r="L200" s="22" t="s">
        <v>268</v>
      </c>
    </row>
    <row r="201" spans="1:12">
      <c r="A201" s="21" t="s">
        <v>232</v>
      </c>
      <c r="B201" s="21" t="s">
        <v>237</v>
      </c>
      <c r="C201" s="21" t="s">
        <v>264</v>
      </c>
      <c r="D201" s="21" t="s">
        <v>394</v>
      </c>
      <c r="E201" s="21" t="s">
        <v>214</v>
      </c>
      <c r="F201" s="21" t="s">
        <v>417</v>
      </c>
      <c r="G201" s="16">
        <v>92608</v>
      </c>
      <c r="H201" s="16">
        <v>29313</v>
      </c>
      <c r="I201" s="16">
        <v>18834</v>
      </c>
      <c r="J201" s="16">
        <v>21467</v>
      </c>
      <c r="K201" s="16">
        <v>22994</v>
      </c>
      <c r="L201" s="22" t="s">
        <v>268</v>
      </c>
    </row>
    <row r="202" spans="1:12">
      <c r="A202" s="21" t="s">
        <v>232</v>
      </c>
      <c r="B202" s="21" t="s">
        <v>237</v>
      </c>
      <c r="C202" s="21" t="s">
        <v>264</v>
      </c>
      <c r="D202" s="21" t="s">
        <v>394</v>
      </c>
      <c r="E202" s="21" t="s">
        <v>214</v>
      </c>
      <c r="F202" s="21" t="s">
        <v>418</v>
      </c>
      <c r="G202" s="16">
        <v>80999</v>
      </c>
      <c r="H202" s="16">
        <v>28723</v>
      </c>
      <c r="I202" s="16">
        <v>15238</v>
      </c>
      <c r="J202" s="16">
        <v>17893</v>
      </c>
      <c r="K202" s="16">
        <v>19145</v>
      </c>
      <c r="L202" s="22" t="s">
        <v>268</v>
      </c>
    </row>
    <row r="203" spans="1:12">
      <c r="A203" s="21" t="s">
        <v>232</v>
      </c>
      <c r="B203" s="21" t="s">
        <v>237</v>
      </c>
      <c r="C203" s="21" t="s">
        <v>264</v>
      </c>
      <c r="D203" s="21" t="s">
        <v>394</v>
      </c>
      <c r="E203" s="21" t="s">
        <v>214</v>
      </c>
      <c r="F203" s="21" t="s">
        <v>419</v>
      </c>
      <c r="G203" s="16">
        <v>63319</v>
      </c>
      <c r="H203" s="16">
        <v>23239</v>
      </c>
      <c r="I203" s="16">
        <v>11772</v>
      </c>
      <c r="J203" s="16">
        <v>14497</v>
      </c>
      <c r="K203" s="16">
        <v>13811</v>
      </c>
      <c r="L203" s="22" t="s">
        <v>268</v>
      </c>
    </row>
    <row r="204" spans="1:12">
      <c r="A204" s="21" t="s">
        <v>232</v>
      </c>
      <c r="B204" s="21" t="s">
        <v>237</v>
      </c>
      <c r="C204" s="21" t="s">
        <v>264</v>
      </c>
      <c r="D204" s="21" t="s">
        <v>394</v>
      </c>
      <c r="E204" s="21" t="s">
        <v>214</v>
      </c>
      <c r="F204" s="21" t="s">
        <v>420</v>
      </c>
      <c r="G204" s="16">
        <v>33610</v>
      </c>
      <c r="H204" s="16">
        <v>12839</v>
      </c>
      <c r="I204" s="16">
        <v>6054</v>
      </c>
      <c r="J204" s="16">
        <v>7485</v>
      </c>
      <c r="K204" s="16">
        <v>7232</v>
      </c>
      <c r="L204" s="22" t="s">
        <v>268</v>
      </c>
    </row>
    <row r="205" spans="1:12">
      <c r="A205" s="21" t="s">
        <v>232</v>
      </c>
      <c r="B205" s="21" t="s">
        <v>237</v>
      </c>
      <c r="C205" s="21" t="s">
        <v>264</v>
      </c>
      <c r="D205" s="21" t="s">
        <v>394</v>
      </c>
      <c r="E205" s="21" t="s">
        <v>214</v>
      </c>
      <c r="F205" s="21" t="s">
        <v>421</v>
      </c>
      <c r="G205" s="16">
        <v>10215</v>
      </c>
      <c r="H205" s="16">
        <v>4120</v>
      </c>
      <c r="I205" s="16">
        <v>1688</v>
      </c>
      <c r="J205" s="16">
        <v>2308</v>
      </c>
      <c r="K205" s="16">
        <v>2099</v>
      </c>
      <c r="L205" s="22" t="s">
        <v>268</v>
      </c>
    </row>
    <row r="206" spans="1:12">
      <c r="A206" s="21" t="s">
        <v>232</v>
      </c>
      <c r="B206" s="21" t="s">
        <v>237</v>
      </c>
      <c r="C206" s="21" t="s">
        <v>264</v>
      </c>
      <c r="D206" s="21" t="s">
        <v>394</v>
      </c>
      <c r="E206" s="21" t="s">
        <v>214</v>
      </c>
      <c r="F206" s="21" t="s">
        <v>422</v>
      </c>
      <c r="G206" s="16">
        <v>1709</v>
      </c>
      <c r="H206" s="16">
        <v>683</v>
      </c>
      <c r="I206" s="16">
        <v>298</v>
      </c>
      <c r="J206" s="16">
        <v>420</v>
      </c>
      <c r="K206" s="16">
        <v>308</v>
      </c>
      <c r="L206" s="22" t="s">
        <v>268</v>
      </c>
    </row>
    <row r="207" spans="1:12">
      <c r="A207" s="21" t="s">
        <v>232</v>
      </c>
      <c r="B207" s="21" t="s">
        <v>237</v>
      </c>
      <c r="C207" s="21" t="s">
        <v>264</v>
      </c>
      <c r="D207" s="21" t="s">
        <v>394</v>
      </c>
      <c r="E207" s="21" t="s">
        <v>214</v>
      </c>
      <c r="F207" s="21" t="s">
        <v>423</v>
      </c>
      <c r="G207" s="16">
        <v>25199</v>
      </c>
      <c r="H207" s="22" t="s">
        <v>268</v>
      </c>
      <c r="I207" s="22" t="s">
        <v>268</v>
      </c>
      <c r="J207" s="22" t="s">
        <v>268</v>
      </c>
      <c r="K207" s="22" t="s">
        <v>268</v>
      </c>
      <c r="L207" s="16">
        <v>25199</v>
      </c>
    </row>
    <row r="208" spans="1:12">
      <c r="A208" s="21" t="s">
        <v>232</v>
      </c>
      <c r="B208" s="21" t="s">
        <v>237</v>
      </c>
      <c r="C208" s="21" t="s">
        <v>264</v>
      </c>
      <c r="D208" s="21" t="s">
        <v>394</v>
      </c>
      <c r="E208" s="21" t="s">
        <v>214</v>
      </c>
      <c r="F208" s="21" t="s">
        <v>386</v>
      </c>
      <c r="G208" s="16">
        <v>228366</v>
      </c>
      <c r="H208" s="16">
        <v>55303</v>
      </c>
      <c r="I208" s="16">
        <v>56066</v>
      </c>
      <c r="J208" s="16">
        <v>59391</v>
      </c>
      <c r="K208" s="16">
        <v>57606</v>
      </c>
      <c r="L208" s="22" t="s">
        <v>268</v>
      </c>
    </row>
    <row r="209" spans="1:12">
      <c r="A209" s="21" t="s">
        <v>232</v>
      </c>
      <c r="B209" s="21" t="s">
        <v>237</v>
      </c>
      <c r="C209" s="21" t="s">
        <v>264</v>
      </c>
      <c r="D209" s="21" t="s">
        <v>394</v>
      </c>
      <c r="E209" s="21" t="s">
        <v>214</v>
      </c>
      <c r="F209" s="21" t="s">
        <v>387</v>
      </c>
      <c r="G209" s="16">
        <v>944198</v>
      </c>
      <c r="H209" s="16">
        <v>242923</v>
      </c>
      <c r="I209" s="16">
        <v>230815</v>
      </c>
      <c r="J209" s="16">
        <v>239068</v>
      </c>
      <c r="K209" s="16">
        <v>231392</v>
      </c>
      <c r="L209" s="22" t="s">
        <v>268</v>
      </c>
    </row>
    <row r="210" spans="1:12">
      <c r="A210" s="21" t="s">
        <v>232</v>
      </c>
      <c r="B210" s="21" t="s">
        <v>237</v>
      </c>
      <c r="C210" s="21" t="s">
        <v>264</v>
      </c>
      <c r="D210" s="21" t="s">
        <v>394</v>
      </c>
      <c r="E210" s="21" t="s">
        <v>214</v>
      </c>
      <c r="F210" s="21" t="s">
        <v>388</v>
      </c>
      <c r="G210" s="16">
        <v>540538</v>
      </c>
      <c r="H210" s="16">
        <v>174090</v>
      </c>
      <c r="I210" s="16">
        <v>109159</v>
      </c>
      <c r="J210" s="16">
        <v>128290</v>
      </c>
      <c r="K210" s="16">
        <v>128999</v>
      </c>
      <c r="L210" s="22" t="s">
        <v>268</v>
      </c>
    </row>
    <row r="211" spans="1:12">
      <c r="A211" s="21" t="s">
        <v>232</v>
      </c>
      <c r="B211" s="21" t="s">
        <v>237</v>
      </c>
      <c r="C211" s="21" t="s">
        <v>264</v>
      </c>
      <c r="D211" s="21" t="s">
        <v>394</v>
      </c>
      <c r="E211" s="21" t="s">
        <v>214</v>
      </c>
      <c r="F211" s="21" t="s">
        <v>389</v>
      </c>
      <c r="G211" s="16">
        <v>282460</v>
      </c>
      <c r="H211" s="16">
        <v>98917</v>
      </c>
      <c r="I211" s="16">
        <v>53884</v>
      </c>
      <c r="J211" s="16">
        <v>64070</v>
      </c>
      <c r="K211" s="16">
        <v>65589</v>
      </c>
      <c r="L211" s="22" t="s">
        <v>268</v>
      </c>
    </row>
    <row r="212" spans="1:12">
      <c r="A212" s="21" t="s">
        <v>232</v>
      </c>
      <c r="B212" s="21" t="s">
        <v>237</v>
      </c>
      <c r="C212" s="21" t="s">
        <v>264</v>
      </c>
      <c r="D212" s="21" t="s">
        <v>394</v>
      </c>
      <c r="E212" s="21" t="s">
        <v>214</v>
      </c>
      <c r="F212" s="21" t="s">
        <v>390</v>
      </c>
      <c r="G212" s="16">
        <v>108853</v>
      </c>
      <c r="H212" s="16">
        <v>40881</v>
      </c>
      <c r="I212" s="16">
        <v>19812</v>
      </c>
      <c r="J212" s="16">
        <v>24710</v>
      </c>
      <c r="K212" s="16">
        <v>23450</v>
      </c>
      <c r="L212" s="22" t="s">
        <v>268</v>
      </c>
    </row>
    <row r="213" spans="1:12">
      <c r="A213" s="21" t="s">
        <v>232</v>
      </c>
      <c r="B213" s="21" t="s">
        <v>237</v>
      </c>
      <c r="C213" s="21" t="s">
        <v>264</v>
      </c>
      <c r="D213" s="21" t="s">
        <v>394</v>
      </c>
      <c r="E213" s="21" t="s">
        <v>214</v>
      </c>
      <c r="F213" s="21" t="s">
        <v>391</v>
      </c>
      <c r="G213" s="16">
        <v>994591</v>
      </c>
      <c r="H213" s="16">
        <v>262496</v>
      </c>
      <c r="I213" s="16">
        <v>238799</v>
      </c>
      <c r="J213" s="16">
        <v>249243</v>
      </c>
      <c r="K213" s="16">
        <v>244053</v>
      </c>
      <c r="L213" s="22" t="s">
        <v>268</v>
      </c>
    </row>
    <row r="214" spans="1:12">
      <c r="A214" s="21" t="s">
        <v>232</v>
      </c>
      <c r="B214" s="21" t="s">
        <v>237</v>
      </c>
      <c r="C214" s="21" t="s">
        <v>264</v>
      </c>
      <c r="D214" s="21" t="s">
        <v>394</v>
      </c>
      <c r="E214" s="21" t="s">
        <v>215</v>
      </c>
      <c r="F214" s="21" t="s">
        <v>401</v>
      </c>
      <c r="G214" s="16">
        <v>822481</v>
      </c>
      <c r="H214" s="16">
        <v>217995</v>
      </c>
      <c r="I214" s="16">
        <v>189582</v>
      </c>
      <c r="J214" s="16">
        <v>203040</v>
      </c>
      <c r="K214" s="16">
        <v>198058</v>
      </c>
      <c r="L214" s="16">
        <v>13806</v>
      </c>
    </row>
    <row r="215" spans="1:12">
      <c r="A215" s="21" t="s">
        <v>232</v>
      </c>
      <c r="B215" s="21" t="s">
        <v>237</v>
      </c>
      <c r="C215" s="21" t="s">
        <v>264</v>
      </c>
      <c r="D215" s="21" t="s">
        <v>394</v>
      </c>
      <c r="E215" s="21" t="s">
        <v>215</v>
      </c>
      <c r="F215" s="21" t="s">
        <v>402</v>
      </c>
      <c r="G215" s="16">
        <v>35224</v>
      </c>
      <c r="H215" s="16">
        <v>8580</v>
      </c>
      <c r="I215" s="16">
        <v>8696</v>
      </c>
      <c r="J215" s="16">
        <v>9025</v>
      </c>
      <c r="K215" s="16">
        <v>8923</v>
      </c>
      <c r="L215" s="22" t="s">
        <v>268</v>
      </c>
    </row>
    <row r="216" spans="1:12">
      <c r="A216" s="21" t="s">
        <v>232</v>
      </c>
      <c r="B216" s="21" t="s">
        <v>237</v>
      </c>
      <c r="C216" s="21" t="s">
        <v>264</v>
      </c>
      <c r="D216" s="21" t="s">
        <v>394</v>
      </c>
      <c r="E216" s="21" t="s">
        <v>215</v>
      </c>
      <c r="F216" s="21" t="s">
        <v>403</v>
      </c>
      <c r="G216" s="16">
        <v>40390</v>
      </c>
      <c r="H216" s="16">
        <v>9785</v>
      </c>
      <c r="I216" s="16">
        <v>9900</v>
      </c>
      <c r="J216" s="16">
        <v>10624</v>
      </c>
      <c r="K216" s="16">
        <v>10081</v>
      </c>
      <c r="L216" s="22" t="s">
        <v>268</v>
      </c>
    </row>
    <row r="217" spans="1:12">
      <c r="A217" s="21" t="s">
        <v>232</v>
      </c>
      <c r="B217" s="21" t="s">
        <v>237</v>
      </c>
      <c r="C217" s="21" t="s">
        <v>264</v>
      </c>
      <c r="D217" s="21" t="s">
        <v>394</v>
      </c>
      <c r="E217" s="21" t="s">
        <v>215</v>
      </c>
      <c r="F217" s="21" t="s">
        <v>404</v>
      </c>
      <c r="G217" s="16">
        <v>41225</v>
      </c>
      <c r="H217" s="16">
        <v>9856</v>
      </c>
      <c r="I217" s="16">
        <v>10288</v>
      </c>
      <c r="J217" s="16">
        <v>10839</v>
      </c>
      <c r="K217" s="16">
        <v>10242</v>
      </c>
      <c r="L217" s="22" t="s">
        <v>268</v>
      </c>
    </row>
    <row r="218" spans="1:12">
      <c r="A218" s="21" t="s">
        <v>232</v>
      </c>
      <c r="B218" s="21" t="s">
        <v>237</v>
      </c>
      <c r="C218" s="21" t="s">
        <v>264</v>
      </c>
      <c r="D218" s="21" t="s">
        <v>394</v>
      </c>
      <c r="E218" s="21" t="s">
        <v>215</v>
      </c>
      <c r="F218" s="21" t="s">
        <v>405</v>
      </c>
      <c r="G218" s="16">
        <v>40826</v>
      </c>
      <c r="H218" s="16">
        <v>9757</v>
      </c>
      <c r="I218" s="16">
        <v>10175</v>
      </c>
      <c r="J218" s="16">
        <v>10701</v>
      </c>
      <c r="K218" s="16">
        <v>10193</v>
      </c>
      <c r="L218" s="22" t="s">
        <v>268</v>
      </c>
    </row>
    <row r="219" spans="1:12">
      <c r="A219" s="21" t="s">
        <v>232</v>
      </c>
      <c r="B219" s="21" t="s">
        <v>237</v>
      </c>
      <c r="C219" s="21" t="s">
        <v>264</v>
      </c>
      <c r="D219" s="21" t="s">
        <v>394</v>
      </c>
      <c r="E219" s="21" t="s">
        <v>215</v>
      </c>
      <c r="F219" s="21" t="s">
        <v>406</v>
      </c>
      <c r="G219" s="16">
        <v>34749</v>
      </c>
      <c r="H219" s="16">
        <v>8318</v>
      </c>
      <c r="I219" s="16">
        <v>8697</v>
      </c>
      <c r="J219" s="16">
        <v>9259</v>
      </c>
      <c r="K219" s="16">
        <v>8475</v>
      </c>
      <c r="L219" s="22" t="s">
        <v>268</v>
      </c>
    </row>
    <row r="220" spans="1:12">
      <c r="A220" s="21" t="s">
        <v>232</v>
      </c>
      <c r="B220" s="21" t="s">
        <v>237</v>
      </c>
      <c r="C220" s="21" t="s">
        <v>264</v>
      </c>
      <c r="D220" s="21" t="s">
        <v>394</v>
      </c>
      <c r="E220" s="21" t="s">
        <v>215</v>
      </c>
      <c r="F220" s="21" t="s">
        <v>407</v>
      </c>
      <c r="G220" s="16">
        <v>35403</v>
      </c>
      <c r="H220" s="16">
        <v>8492</v>
      </c>
      <c r="I220" s="16">
        <v>8726</v>
      </c>
      <c r="J220" s="16">
        <v>9311</v>
      </c>
      <c r="K220" s="16">
        <v>8874</v>
      </c>
      <c r="L220" s="22" t="s">
        <v>268</v>
      </c>
    </row>
    <row r="221" spans="1:12">
      <c r="A221" s="21" t="s">
        <v>232</v>
      </c>
      <c r="B221" s="21" t="s">
        <v>237</v>
      </c>
      <c r="C221" s="21" t="s">
        <v>264</v>
      </c>
      <c r="D221" s="21" t="s">
        <v>394</v>
      </c>
      <c r="E221" s="21" t="s">
        <v>215</v>
      </c>
      <c r="F221" s="21" t="s">
        <v>408</v>
      </c>
      <c r="G221" s="16">
        <v>40814</v>
      </c>
      <c r="H221" s="16">
        <v>9758</v>
      </c>
      <c r="I221" s="16">
        <v>10072</v>
      </c>
      <c r="J221" s="16">
        <v>10512</v>
      </c>
      <c r="K221" s="16">
        <v>10472</v>
      </c>
      <c r="L221" s="22" t="s">
        <v>268</v>
      </c>
    </row>
    <row r="222" spans="1:12">
      <c r="A222" s="21" t="s">
        <v>232</v>
      </c>
      <c r="B222" s="21" t="s">
        <v>237</v>
      </c>
      <c r="C222" s="21" t="s">
        <v>264</v>
      </c>
      <c r="D222" s="21" t="s">
        <v>394</v>
      </c>
      <c r="E222" s="21" t="s">
        <v>215</v>
      </c>
      <c r="F222" s="21" t="s">
        <v>409</v>
      </c>
      <c r="G222" s="16">
        <v>47873</v>
      </c>
      <c r="H222" s="16">
        <v>11544</v>
      </c>
      <c r="I222" s="16">
        <v>11981</v>
      </c>
      <c r="J222" s="16">
        <v>12429</v>
      </c>
      <c r="K222" s="16">
        <v>11919</v>
      </c>
      <c r="L222" s="22" t="s">
        <v>268</v>
      </c>
    </row>
    <row r="223" spans="1:12">
      <c r="A223" s="21" t="s">
        <v>232</v>
      </c>
      <c r="B223" s="21" t="s">
        <v>237</v>
      </c>
      <c r="C223" s="21" t="s">
        <v>264</v>
      </c>
      <c r="D223" s="21" t="s">
        <v>394</v>
      </c>
      <c r="E223" s="21" t="s">
        <v>215</v>
      </c>
      <c r="F223" s="21" t="s">
        <v>410</v>
      </c>
      <c r="G223" s="16">
        <v>52642</v>
      </c>
      <c r="H223" s="16">
        <v>12818</v>
      </c>
      <c r="I223" s="16">
        <v>13141</v>
      </c>
      <c r="J223" s="16">
        <v>13684</v>
      </c>
      <c r="K223" s="16">
        <v>12999</v>
      </c>
      <c r="L223" s="22" t="s">
        <v>268</v>
      </c>
    </row>
    <row r="224" spans="1:12">
      <c r="A224" s="21" t="s">
        <v>232</v>
      </c>
      <c r="B224" s="21" t="s">
        <v>237</v>
      </c>
      <c r="C224" s="21" t="s">
        <v>264</v>
      </c>
      <c r="D224" s="21" t="s">
        <v>394</v>
      </c>
      <c r="E224" s="21" t="s">
        <v>215</v>
      </c>
      <c r="F224" s="21" t="s">
        <v>411</v>
      </c>
      <c r="G224" s="16">
        <v>55101</v>
      </c>
      <c r="H224" s="16">
        <v>13836</v>
      </c>
      <c r="I224" s="16">
        <v>13746</v>
      </c>
      <c r="J224" s="16">
        <v>14131</v>
      </c>
      <c r="K224" s="16">
        <v>13388</v>
      </c>
      <c r="L224" s="22" t="s">
        <v>268</v>
      </c>
    </row>
    <row r="225" spans="1:12">
      <c r="A225" s="21" t="s">
        <v>232</v>
      </c>
      <c r="B225" s="21" t="s">
        <v>237</v>
      </c>
      <c r="C225" s="21" t="s">
        <v>264</v>
      </c>
      <c r="D225" s="21" t="s">
        <v>394</v>
      </c>
      <c r="E225" s="21" t="s">
        <v>215</v>
      </c>
      <c r="F225" s="21" t="s">
        <v>412</v>
      </c>
      <c r="G225" s="16">
        <v>48527</v>
      </c>
      <c r="H225" s="16">
        <v>13323</v>
      </c>
      <c r="I225" s="16">
        <v>11893</v>
      </c>
      <c r="J225" s="16">
        <v>11728</v>
      </c>
      <c r="K225" s="16">
        <v>11583</v>
      </c>
      <c r="L225" s="22" t="s">
        <v>268</v>
      </c>
    </row>
    <row r="226" spans="1:12">
      <c r="A226" s="21" t="s">
        <v>232</v>
      </c>
      <c r="B226" s="21" t="s">
        <v>237</v>
      </c>
      <c r="C226" s="21" t="s">
        <v>264</v>
      </c>
      <c r="D226" s="21" t="s">
        <v>394</v>
      </c>
      <c r="E226" s="21" t="s">
        <v>215</v>
      </c>
      <c r="F226" s="21" t="s">
        <v>413</v>
      </c>
      <c r="G226" s="16">
        <v>50787</v>
      </c>
      <c r="H226" s="16">
        <v>14445</v>
      </c>
      <c r="I226" s="16">
        <v>12103</v>
      </c>
      <c r="J226" s="16">
        <v>12262</v>
      </c>
      <c r="K226" s="16">
        <v>11977</v>
      </c>
      <c r="L226" s="22" t="s">
        <v>268</v>
      </c>
    </row>
    <row r="227" spans="1:12">
      <c r="A227" s="21" t="s">
        <v>232</v>
      </c>
      <c r="B227" s="21" t="s">
        <v>237</v>
      </c>
      <c r="C227" s="21" t="s">
        <v>264</v>
      </c>
      <c r="D227" s="21" t="s">
        <v>394</v>
      </c>
      <c r="E227" s="21" t="s">
        <v>215</v>
      </c>
      <c r="F227" s="21" t="s">
        <v>414</v>
      </c>
      <c r="G227" s="16">
        <v>55927</v>
      </c>
      <c r="H227" s="16">
        <v>16115</v>
      </c>
      <c r="I227" s="16">
        <v>13067</v>
      </c>
      <c r="J227" s="16">
        <v>13113</v>
      </c>
      <c r="K227" s="16">
        <v>13632</v>
      </c>
      <c r="L227" s="22" t="s">
        <v>268</v>
      </c>
    </row>
    <row r="228" spans="1:12">
      <c r="A228" s="21" t="s">
        <v>232</v>
      </c>
      <c r="B228" s="21" t="s">
        <v>237</v>
      </c>
      <c r="C228" s="21" t="s">
        <v>264</v>
      </c>
      <c r="D228" s="21" t="s">
        <v>394</v>
      </c>
      <c r="E228" s="21" t="s">
        <v>215</v>
      </c>
      <c r="F228" s="21" t="s">
        <v>415</v>
      </c>
      <c r="G228" s="16">
        <v>62734</v>
      </c>
      <c r="H228" s="16">
        <v>18586</v>
      </c>
      <c r="I228" s="16">
        <v>13463</v>
      </c>
      <c r="J228" s="16">
        <v>15062</v>
      </c>
      <c r="K228" s="16">
        <v>15623</v>
      </c>
      <c r="L228" s="22" t="s">
        <v>268</v>
      </c>
    </row>
    <row r="229" spans="1:12">
      <c r="A229" s="21" t="s">
        <v>232</v>
      </c>
      <c r="B229" s="21" t="s">
        <v>237</v>
      </c>
      <c r="C229" s="21" t="s">
        <v>264</v>
      </c>
      <c r="D229" s="21" t="s">
        <v>394</v>
      </c>
      <c r="E229" s="21" t="s">
        <v>215</v>
      </c>
      <c r="F229" s="21" t="s">
        <v>416</v>
      </c>
      <c r="G229" s="16">
        <v>60885</v>
      </c>
      <c r="H229" s="16">
        <v>17210</v>
      </c>
      <c r="I229" s="16">
        <v>13067</v>
      </c>
      <c r="J229" s="16">
        <v>15902</v>
      </c>
      <c r="K229" s="16">
        <v>14706</v>
      </c>
      <c r="L229" s="22" t="s">
        <v>268</v>
      </c>
    </row>
    <row r="230" spans="1:12">
      <c r="A230" s="21" t="s">
        <v>232</v>
      </c>
      <c r="B230" s="21" t="s">
        <v>237</v>
      </c>
      <c r="C230" s="21" t="s">
        <v>264</v>
      </c>
      <c r="D230" s="21" t="s">
        <v>394</v>
      </c>
      <c r="E230" s="21" t="s">
        <v>215</v>
      </c>
      <c r="F230" s="21" t="s">
        <v>417</v>
      </c>
      <c r="G230" s="16">
        <v>40059</v>
      </c>
      <c r="H230" s="16">
        <v>12490</v>
      </c>
      <c r="I230" s="16">
        <v>8222</v>
      </c>
      <c r="J230" s="16">
        <v>9416</v>
      </c>
      <c r="K230" s="16">
        <v>9931</v>
      </c>
      <c r="L230" s="22" t="s">
        <v>268</v>
      </c>
    </row>
    <row r="231" spans="1:12">
      <c r="A231" s="21" t="s">
        <v>232</v>
      </c>
      <c r="B231" s="21" t="s">
        <v>237</v>
      </c>
      <c r="C231" s="21" t="s">
        <v>264</v>
      </c>
      <c r="D231" s="21" t="s">
        <v>394</v>
      </c>
      <c r="E231" s="21" t="s">
        <v>215</v>
      </c>
      <c r="F231" s="21" t="s">
        <v>418</v>
      </c>
      <c r="G231" s="16">
        <v>32217</v>
      </c>
      <c r="H231" s="16">
        <v>11116</v>
      </c>
      <c r="I231" s="16">
        <v>6105</v>
      </c>
      <c r="J231" s="16">
        <v>7235</v>
      </c>
      <c r="K231" s="16">
        <v>7761</v>
      </c>
      <c r="L231" s="22" t="s">
        <v>268</v>
      </c>
    </row>
    <row r="232" spans="1:12">
      <c r="A232" s="21" t="s">
        <v>232</v>
      </c>
      <c r="B232" s="21" t="s">
        <v>237</v>
      </c>
      <c r="C232" s="21" t="s">
        <v>264</v>
      </c>
      <c r="D232" s="21" t="s">
        <v>394</v>
      </c>
      <c r="E232" s="21" t="s">
        <v>215</v>
      </c>
      <c r="F232" s="21" t="s">
        <v>419</v>
      </c>
      <c r="G232" s="16">
        <v>22066</v>
      </c>
      <c r="H232" s="16">
        <v>7770</v>
      </c>
      <c r="I232" s="16">
        <v>4202</v>
      </c>
      <c r="J232" s="16">
        <v>5191</v>
      </c>
      <c r="K232" s="16">
        <v>4903</v>
      </c>
      <c r="L232" s="22" t="s">
        <v>268</v>
      </c>
    </row>
    <row r="233" spans="1:12">
      <c r="A233" s="21" t="s">
        <v>232</v>
      </c>
      <c r="B233" s="21" t="s">
        <v>237</v>
      </c>
      <c r="C233" s="21" t="s">
        <v>264</v>
      </c>
      <c r="D233" s="21" t="s">
        <v>394</v>
      </c>
      <c r="E233" s="21" t="s">
        <v>215</v>
      </c>
      <c r="F233" s="21" t="s">
        <v>420</v>
      </c>
      <c r="G233" s="16">
        <v>9200</v>
      </c>
      <c r="H233" s="16">
        <v>3434</v>
      </c>
      <c r="I233" s="16">
        <v>1662</v>
      </c>
      <c r="J233" s="16">
        <v>2104</v>
      </c>
      <c r="K233" s="16">
        <v>2000</v>
      </c>
      <c r="L233" s="22" t="s">
        <v>268</v>
      </c>
    </row>
    <row r="234" spans="1:12">
      <c r="A234" s="21" t="s">
        <v>232</v>
      </c>
      <c r="B234" s="21" t="s">
        <v>237</v>
      </c>
      <c r="C234" s="21" t="s">
        <v>264</v>
      </c>
      <c r="D234" s="21" t="s">
        <v>394</v>
      </c>
      <c r="E234" s="21" t="s">
        <v>215</v>
      </c>
      <c r="F234" s="21" t="s">
        <v>421</v>
      </c>
      <c r="G234" s="16">
        <v>1821</v>
      </c>
      <c r="H234" s="16">
        <v>680</v>
      </c>
      <c r="I234" s="16">
        <v>339</v>
      </c>
      <c r="J234" s="16">
        <v>461</v>
      </c>
      <c r="K234" s="16">
        <v>341</v>
      </c>
      <c r="L234" s="22" t="s">
        <v>268</v>
      </c>
    </row>
    <row r="235" spans="1:12">
      <c r="A235" s="21" t="s">
        <v>232</v>
      </c>
      <c r="B235" s="21" t="s">
        <v>237</v>
      </c>
      <c r="C235" s="21" t="s">
        <v>264</v>
      </c>
      <c r="D235" s="21" t="s">
        <v>394</v>
      </c>
      <c r="E235" s="21" t="s">
        <v>215</v>
      </c>
      <c r="F235" s="21" t="s">
        <v>422</v>
      </c>
      <c r="G235" s="16">
        <v>205</v>
      </c>
      <c r="H235" s="16">
        <v>82</v>
      </c>
      <c r="I235" s="16">
        <v>37</v>
      </c>
      <c r="J235" s="16">
        <v>51</v>
      </c>
      <c r="K235" s="16">
        <v>35</v>
      </c>
      <c r="L235" s="22" t="s">
        <v>268</v>
      </c>
    </row>
    <row r="236" spans="1:12">
      <c r="A236" s="21" t="s">
        <v>232</v>
      </c>
      <c r="B236" s="21" t="s">
        <v>237</v>
      </c>
      <c r="C236" s="21" t="s">
        <v>264</v>
      </c>
      <c r="D236" s="21" t="s">
        <v>394</v>
      </c>
      <c r="E236" s="21" t="s">
        <v>215</v>
      </c>
      <c r="F236" s="21" t="s">
        <v>423</v>
      </c>
      <c r="G236" s="16">
        <v>13806</v>
      </c>
      <c r="H236" s="22" t="s">
        <v>268</v>
      </c>
      <c r="I236" s="22" t="s">
        <v>268</v>
      </c>
      <c r="J236" s="22" t="s">
        <v>268</v>
      </c>
      <c r="K236" s="22" t="s">
        <v>268</v>
      </c>
      <c r="L236" s="16">
        <v>13806</v>
      </c>
    </row>
    <row r="237" spans="1:12">
      <c r="A237" s="21" t="s">
        <v>232</v>
      </c>
      <c r="B237" s="21" t="s">
        <v>237</v>
      </c>
      <c r="C237" s="21" t="s">
        <v>264</v>
      </c>
      <c r="D237" s="21" t="s">
        <v>394</v>
      </c>
      <c r="E237" s="21" t="s">
        <v>215</v>
      </c>
      <c r="F237" s="21" t="s">
        <v>386</v>
      </c>
      <c r="G237" s="16">
        <v>116839</v>
      </c>
      <c r="H237" s="16">
        <v>28221</v>
      </c>
      <c r="I237" s="16">
        <v>28884</v>
      </c>
      <c r="J237" s="16">
        <v>30488</v>
      </c>
      <c r="K237" s="16">
        <v>29246</v>
      </c>
      <c r="L237" s="22" t="s">
        <v>268</v>
      </c>
    </row>
    <row r="238" spans="1:12">
      <c r="A238" s="21" t="s">
        <v>232</v>
      </c>
      <c r="B238" s="21" t="s">
        <v>237</v>
      </c>
      <c r="C238" s="21" t="s">
        <v>264</v>
      </c>
      <c r="D238" s="21" t="s">
        <v>394</v>
      </c>
      <c r="E238" s="21" t="s">
        <v>215</v>
      </c>
      <c r="F238" s="21" t="s">
        <v>387</v>
      </c>
      <c r="G238" s="16">
        <v>462649</v>
      </c>
      <c r="H238" s="16">
        <v>118406</v>
      </c>
      <c r="I238" s="16">
        <v>113601</v>
      </c>
      <c r="J238" s="16">
        <v>117130</v>
      </c>
      <c r="K238" s="16">
        <v>113512</v>
      </c>
      <c r="L238" s="22" t="s">
        <v>268</v>
      </c>
    </row>
    <row r="239" spans="1:12">
      <c r="A239" s="21" t="s">
        <v>232</v>
      </c>
      <c r="B239" s="21" t="s">
        <v>237</v>
      </c>
      <c r="C239" s="21" t="s">
        <v>264</v>
      </c>
      <c r="D239" s="21" t="s">
        <v>394</v>
      </c>
      <c r="E239" s="21" t="s">
        <v>215</v>
      </c>
      <c r="F239" s="21" t="s">
        <v>388</v>
      </c>
      <c r="G239" s="16">
        <v>229187</v>
      </c>
      <c r="H239" s="16">
        <v>71368</v>
      </c>
      <c r="I239" s="16">
        <v>47097</v>
      </c>
      <c r="J239" s="16">
        <v>55422</v>
      </c>
      <c r="K239" s="16">
        <v>55300</v>
      </c>
      <c r="L239" s="22" t="s">
        <v>268</v>
      </c>
    </row>
    <row r="240" spans="1:12">
      <c r="A240" s="21" t="s">
        <v>232</v>
      </c>
      <c r="B240" s="21" t="s">
        <v>237</v>
      </c>
      <c r="C240" s="21" t="s">
        <v>264</v>
      </c>
      <c r="D240" s="21" t="s">
        <v>394</v>
      </c>
      <c r="E240" s="21" t="s">
        <v>215</v>
      </c>
      <c r="F240" s="21" t="s">
        <v>389</v>
      </c>
      <c r="G240" s="16">
        <v>105568</v>
      </c>
      <c r="H240" s="16">
        <v>35572</v>
      </c>
      <c r="I240" s="16">
        <v>20567</v>
      </c>
      <c r="J240" s="16">
        <v>24458</v>
      </c>
      <c r="K240" s="16">
        <v>24971</v>
      </c>
      <c r="L240" s="22" t="s">
        <v>268</v>
      </c>
    </row>
    <row r="241" spans="1:12">
      <c r="A241" s="21" t="s">
        <v>232</v>
      </c>
      <c r="B241" s="21" t="s">
        <v>237</v>
      </c>
      <c r="C241" s="21" t="s">
        <v>264</v>
      </c>
      <c r="D241" s="21" t="s">
        <v>394</v>
      </c>
      <c r="E241" s="21" t="s">
        <v>215</v>
      </c>
      <c r="F241" s="21" t="s">
        <v>390</v>
      </c>
      <c r="G241" s="16">
        <v>33292</v>
      </c>
      <c r="H241" s="16">
        <v>11966</v>
      </c>
      <c r="I241" s="16">
        <v>6240</v>
      </c>
      <c r="J241" s="16">
        <v>7807</v>
      </c>
      <c r="K241" s="16">
        <v>7279</v>
      </c>
      <c r="L241" s="22" t="s">
        <v>268</v>
      </c>
    </row>
    <row r="242" spans="1:12">
      <c r="A242" s="21" t="s">
        <v>232</v>
      </c>
      <c r="B242" s="21" t="s">
        <v>237</v>
      </c>
      <c r="C242" s="21" t="s">
        <v>264</v>
      </c>
      <c r="D242" s="21" t="s">
        <v>394</v>
      </c>
      <c r="E242" s="21" t="s">
        <v>215</v>
      </c>
      <c r="F242" s="21" t="s">
        <v>391</v>
      </c>
      <c r="G242" s="16">
        <v>484557</v>
      </c>
      <c r="H242" s="16">
        <v>127235</v>
      </c>
      <c r="I242" s="16">
        <v>116889</v>
      </c>
      <c r="J242" s="16">
        <v>121491</v>
      </c>
      <c r="K242" s="16">
        <v>118942</v>
      </c>
      <c r="L242" s="22" t="s">
        <v>268</v>
      </c>
    </row>
    <row r="243" spans="1:12">
      <c r="A243" s="21" t="s">
        <v>232</v>
      </c>
      <c r="B243" s="21" t="s">
        <v>237</v>
      </c>
      <c r="C243" s="21" t="s">
        <v>264</v>
      </c>
      <c r="D243" s="21" t="s">
        <v>394</v>
      </c>
      <c r="E243" s="21" t="s">
        <v>216</v>
      </c>
      <c r="F243" s="21" t="s">
        <v>401</v>
      </c>
      <c r="G243" s="16">
        <v>915820</v>
      </c>
      <c r="H243" s="16">
        <v>254321</v>
      </c>
      <c r="I243" s="16">
        <v>206458</v>
      </c>
      <c r="J243" s="16">
        <v>223709</v>
      </c>
      <c r="K243" s="16">
        <v>219939</v>
      </c>
      <c r="L243" s="16">
        <v>11393</v>
      </c>
    </row>
    <row r="244" spans="1:12">
      <c r="A244" s="21" t="s">
        <v>232</v>
      </c>
      <c r="B244" s="21" t="s">
        <v>237</v>
      </c>
      <c r="C244" s="21" t="s">
        <v>264</v>
      </c>
      <c r="D244" s="21" t="s">
        <v>394</v>
      </c>
      <c r="E244" s="21" t="s">
        <v>216</v>
      </c>
      <c r="F244" s="21" t="s">
        <v>402</v>
      </c>
      <c r="G244" s="16">
        <v>33817</v>
      </c>
      <c r="H244" s="16">
        <v>8250</v>
      </c>
      <c r="I244" s="16">
        <v>8224</v>
      </c>
      <c r="J244" s="16">
        <v>8610</v>
      </c>
      <c r="K244" s="16">
        <v>8733</v>
      </c>
      <c r="L244" s="22" t="s">
        <v>268</v>
      </c>
    </row>
    <row r="245" spans="1:12">
      <c r="A245" s="21" t="s">
        <v>232</v>
      </c>
      <c r="B245" s="21" t="s">
        <v>237</v>
      </c>
      <c r="C245" s="21" t="s">
        <v>264</v>
      </c>
      <c r="D245" s="21" t="s">
        <v>394</v>
      </c>
      <c r="E245" s="21" t="s">
        <v>216</v>
      </c>
      <c r="F245" s="21" t="s">
        <v>403</v>
      </c>
      <c r="G245" s="16">
        <v>38153</v>
      </c>
      <c r="H245" s="16">
        <v>9094</v>
      </c>
      <c r="I245" s="16">
        <v>9341</v>
      </c>
      <c r="J245" s="16">
        <v>10029</v>
      </c>
      <c r="K245" s="16">
        <v>9689</v>
      </c>
      <c r="L245" s="22" t="s">
        <v>268</v>
      </c>
    </row>
    <row r="246" spans="1:12">
      <c r="A246" s="21" t="s">
        <v>232</v>
      </c>
      <c r="B246" s="21" t="s">
        <v>237</v>
      </c>
      <c r="C246" s="21" t="s">
        <v>264</v>
      </c>
      <c r="D246" s="21" t="s">
        <v>394</v>
      </c>
      <c r="E246" s="21" t="s">
        <v>216</v>
      </c>
      <c r="F246" s="21" t="s">
        <v>404</v>
      </c>
      <c r="G246" s="16">
        <v>39557</v>
      </c>
      <c r="H246" s="16">
        <v>9738</v>
      </c>
      <c r="I246" s="16">
        <v>9617</v>
      </c>
      <c r="J246" s="16">
        <v>10264</v>
      </c>
      <c r="K246" s="16">
        <v>9938</v>
      </c>
      <c r="L246" s="22" t="s">
        <v>268</v>
      </c>
    </row>
    <row r="247" spans="1:12">
      <c r="A247" s="21" t="s">
        <v>232</v>
      </c>
      <c r="B247" s="21" t="s">
        <v>237</v>
      </c>
      <c r="C247" s="21" t="s">
        <v>264</v>
      </c>
      <c r="D247" s="21" t="s">
        <v>394</v>
      </c>
      <c r="E247" s="21" t="s">
        <v>216</v>
      </c>
      <c r="F247" s="21" t="s">
        <v>405</v>
      </c>
      <c r="G247" s="16">
        <v>38545</v>
      </c>
      <c r="H247" s="16">
        <v>9142</v>
      </c>
      <c r="I247" s="16">
        <v>9666</v>
      </c>
      <c r="J247" s="16">
        <v>10150</v>
      </c>
      <c r="K247" s="16">
        <v>9587</v>
      </c>
      <c r="L247" s="22" t="s">
        <v>268</v>
      </c>
    </row>
    <row r="248" spans="1:12">
      <c r="A248" s="21" t="s">
        <v>232</v>
      </c>
      <c r="B248" s="21" t="s">
        <v>237</v>
      </c>
      <c r="C248" s="21" t="s">
        <v>264</v>
      </c>
      <c r="D248" s="21" t="s">
        <v>394</v>
      </c>
      <c r="E248" s="21" t="s">
        <v>216</v>
      </c>
      <c r="F248" s="21" t="s">
        <v>406</v>
      </c>
      <c r="G248" s="16">
        <v>35078</v>
      </c>
      <c r="H248" s="16">
        <v>8518</v>
      </c>
      <c r="I248" s="16">
        <v>8706</v>
      </c>
      <c r="J248" s="16">
        <v>9298</v>
      </c>
      <c r="K248" s="16">
        <v>8556</v>
      </c>
      <c r="L248" s="22" t="s">
        <v>268</v>
      </c>
    </row>
    <row r="249" spans="1:12">
      <c r="A249" s="21" t="s">
        <v>232</v>
      </c>
      <c r="B249" s="21" t="s">
        <v>237</v>
      </c>
      <c r="C249" s="21" t="s">
        <v>264</v>
      </c>
      <c r="D249" s="21" t="s">
        <v>394</v>
      </c>
      <c r="E249" s="21" t="s">
        <v>216</v>
      </c>
      <c r="F249" s="21" t="s">
        <v>407</v>
      </c>
      <c r="G249" s="16">
        <v>36360</v>
      </c>
      <c r="H249" s="16">
        <v>8841</v>
      </c>
      <c r="I249" s="16">
        <v>8965</v>
      </c>
      <c r="J249" s="16">
        <v>9436</v>
      </c>
      <c r="K249" s="16">
        <v>9118</v>
      </c>
      <c r="L249" s="22" t="s">
        <v>268</v>
      </c>
    </row>
    <row r="250" spans="1:12">
      <c r="A250" s="21" t="s">
        <v>232</v>
      </c>
      <c r="B250" s="21" t="s">
        <v>237</v>
      </c>
      <c r="C250" s="21" t="s">
        <v>264</v>
      </c>
      <c r="D250" s="21" t="s">
        <v>394</v>
      </c>
      <c r="E250" s="21" t="s">
        <v>216</v>
      </c>
      <c r="F250" s="21" t="s">
        <v>408</v>
      </c>
      <c r="G250" s="16">
        <v>42202</v>
      </c>
      <c r="H250" s="16">
        <v>10302</v>
      </c>
      <c r="I250" s="16">
        <v>10335</v>
      </c>
      <c r="J250" s="16">
        <v>10700</v>
      </c>
      <c r="K250" s="16">
        <v>10865</v>
      </c>
      <c r="L250" s="22" t="s">
        <v>268</v>
      </c>
    </row>
    <row r="251" spans="1:12">
      <c r="A251" s="21" t="s">
        <v>232</v>
      </c>
      <c r="B251" s="21" t="s">
        <v>237</v>
      </c>
      <c r="C251" s="21" t="s">
        <v>264</v>
      </c>
      <c r="D251" s="21" t="s">
        <v>394</v>
      </c>
      <c r="E251" s="21" t="s">
        <v>216</v>
      </c>
      <c r="F251" s="21" t="s">
        <v>409</v>
      </c>
      <c r="G251" s="16">
        <v>49181</v>
      </c>
      <c r="H251" s="16">
        <v>11830</v>
      </c>
      <c r="I251" s="16">
        <v>12219</v>
      </c>
      <c r="J251" s="16">
        <v>13005</v>
      </c>
      <c r="K251" s="16">
        <v>12127</v>
      </c>
      <c r="L251" s="22" t="s">
        <v>268</v>
      </c>
    </row>
    <row r="252" spans="1:12">
      <c r="A252" s="21" t="s">
        <v>232</v>
      </c>
      <c r="B252" s="21" t="s">
        <v>237</v>
      </c>
      <c r="C252" s="21" t="s">
        <v>264</v>
      </c>
      <c r="D252" s="21" t="s">
        <v>394</v>
      </c>
      <c r="E252" s="21" t="s">
        <v>216</v>
      </c>
      <c r="F252" s="21" t="s">
        <v>410</v>
      </c>
      <c r="G252" s="16">
        <v>53731</v>
      </c>
      <c r="H252" s="16">
        <v>13094</v>
      </c>
      <c r="I252" s="16">
        <v>13300</v>
      </c>
      <c r="J252" s="16">
        <v>13951</v>
      </c>
      <c r="K252" s="16">
        <v>13386</v>
      </c>
      <c r="L252" s="22" t="s">
        <v>268</v>
      </c>
    </row>
    <row r="253" spans="1:12">
      <c r="A253" s="21" t="s">
        <v>232</v>
      </c>
      <c r="B253" s="21" t="s">
        <v>237</v>
      </c>
      <c r="C253" s="21" t="s">
        <v>264</v>
      </c>
      <c r="D253" s="21" t="s">
        <v>394</v>
      </c>
      <c r="E253" s="21" t="s">
        <v>216</v>
      </c>
      <c r="F253" s="21" t="s">
        <v>411</v>
      </c>
      <c r="G253" s="16">
        <v>57244</v>
      </c>
      <c r="H253" s="16">
        <v>14544</v>
      </c>
      <c r="I253" s="16">
        <v>14176</v>
      </c>
      <c r="J253" s="16">
        <v>14835</v>
      </c>
      <c r="K253" s="16">
        <v>13689</v>
      </c>
      <c r="L253" s="22" t="s">
        <v>268</v>
      </c>
    </row>
    <row r="254" spans="1:12">
      <c r="A254" s="21" t="s">
        <v>232</v>
      </c>
      <c r="B254" s="21" t="s">
        <v>237</v>
      </c>
      <c r="C254" s="21" t="s">
        <v>264</v>
      </c>
      <c r="D254" s="21" t="s">
        <v>394</v>
      </c>
      <c r="E254" s="21" t="s">
        <v>216</v>
      </c>
      <c r="F254" s="21" t="s">
        <v>412</v>
      </c>
      <c r="G254" s="16">
        <v>53317</v>
      </c>
      <c r="H254" s="16">
        <v>14747</v>
      </c>
      <c r="I254" s="16">
        <v>12873</v>
      </c>
      <c r="J254" s="16">
        <v>12884</v>
      </c>
      <c r="K254" s="16">
        <v>12813</v>
      </c>
      <c r="L254" s="22" t="s">
        <v>268</v>
      </c>
    </row>
    <row r="255" spans="1:12">
      <c r="A255" s="21" t="s">
        <v>232</v>
      </c>
      <c r="B255" s="21" t="s">
        <v>237</v>
      </c>
      <c r="C255" s="21" t="s">
        <v>264</v>
      </c>
      <c r="D255" s="21" t="s">
        <v>394</v>
      </c>
      <c r="E255" s="21" t="s">
        <v>216</v>
      </c>
      <c r="F255" s="21" t="s">
        <v>413</v>
      </c>
      <c r="G255" s="16">
        <v>55754</v>
      </c>
      <c r="H255" s="16">
        <v>15906</v>
      </c>
      <c r="I255" s="16">
        <v>13268</v>
      </c>
      <c r="J255" s="16">
        <v>13438</v>
      </c>
      <c r="K255" s="16">
        <v>13142</v>
      </c>
      <c r="L255" s="22" t="s">
        <v>268</v>
      </c>
    </row>
    <row r="256" spans="1:12">
      <c r="A256" s="21" t="s">
        <v>232</v>
      </c>
      <c r="B256" s="21" t="s">
        <v>237</v>
      </c>
      <c r="C256" s="21" t="s">
        <v>264</v>
      </c>
      <c r="D256" s="21" t="s">
        <v>394</v>
      </c>
      <c r="E256" s="21" t="s">
        <v>216</v>
      </c>
      <c r="F256" s="21" t="s">
        <v>414</v>
      </c>
      <c r="G256" s="16">
        <v>60137</v>
      </c>
      <c r="H256" s="16">
        <v>17593</v>
      </c>
      <c r="I256" s="16">
        <v>13706</v>
      </c>
      <c r="J256" s="16">
        <v>14241</v>
      </c>
      <c r="K256" s="16">
        <v>14597</v>
      </c>
      <c r="L256" s="22" t="s">
        <v>268</v>
      </c>
    </row>
    <row r="257" spans="1:12">
      <c r="A257" s="21" t="s">
        <v>232</v>
      </c>
      <c r="B257" s="21" t="s">
        <v>237</v>
      </c>
      <c r="C257" s="21" t="s">
        <v>264</v>
      </c>
      <c r="D257" s="21" t="s">
        <v>394</v>
      </c>
      <c r="E257" s="21" t="s">
        <v>216</v>
      </c>
      <c r="F257" s="21" t="s">
        <v>415</v>
      </c>
      <c r="G257" s="16">
        <v>67030</v>
      </c>
      <c r="H257" s="16">
        <v>19886</v>
      </c>
      <c r="I257" s="16">
        <v>14362</v>
      </c>
      <c r="J257" s="16">
        <v>15964</v>
      </c>
      <c r="K257" s="16">
        <v>16818</v>
      </c>
      <c r="L257" s="22" t="s">
        <v>268</v>
      </c>
    </row>
    <row r="258" spans="1:12">
      <c r="A258" s="21" t="s">
        <v>232</v>
      </c>
      <c r="B258" s="21" t="s">
        <v>237</v>
      </c>
      <c r="C258" s="21" t="s">
        <v>264</v>
      </c>
      <c r="D258" s="21" t="s">
        <v>394</v>
      </c>
      <c r="E258" s="21" t="s">
        <v>216</v>
      </c>
      <c r="F258" s="21" t="s">
        <v>416</v>
      </c>
      <c r="G258" s="16">
        <v>67429</v>
      </c>
      <c r="H258" s="16">
        <v>19491</v>
      </c>
      <c r="I258" s="16">
        <v>14383</v>
      </c>
      <c r="J258" s="16">
        <v>17292</v>
      </c>
      <c r="K258" s="16">
        <v>16263</v>
      </c>
      <c r="L258" s="22" t="s">
        <v>268</v>
      </c>
    </row>
    <row r="259" spans="1:12">
      <c r="A259" s="21" t="s">
        <v>232</v>
      </c>
      <c r="B259" s="21" t="s">
        <v>237</v>
      </c>
      <c r="C259" s="21" t="s">
        <v>264</v>
      </c>
      <c r="D259" s="21" t="s">
        <v>394</v>
      </c>
      <c r="E259" s="21" t="s">
        <v>216</v>
      </c>
      <c r="F259" s="21" t="s">
        <v>417</v>
      </c>
      <c r="G259" s="16">
        <v>52549</v>
      </c>
      <c r="H259" s="16">
        <v>16823</v>
      </c>
      <c r="I259" s="16">
        <v>10612</v>
      </c>
      <c r="J259" s="16">
        <v>12051</v>
      </c>
      <c r="K259" s="16">
        <v>13063</v>
      </c>
      <c r="L259" s="22" t="s">
        <v>268</v>
      </c>
    </row>
    <row r="260" spans="1:12">
      <c r="A260" s="21" t="s">
        <v>232</v>
      </c>
      <c r="B260" s="21" t="s">
        <v>237</v>
      </c>
      <c r="C260" s="21" t="s">
        <v>264</v>
      </c>
      <c r="D260" s="21" t="s">
        <v>394</v>
      </c>
      <c r="E260" s="21" t="s">
        <v>216</v>
      </c>
      <c r="F260" s="21" t="s">
        <v>418</v>
      </c>
      <c r="G260" s="16">
        <v>48782</v>
      </c>
      <c r="H260" s="16">
        <v>17607</v>
      </c>
      <c r="I260" s="16">
        <v>9133</v>
      </c>
      <c r="J260" s="16">
        <v>10658</v>
      </c>
      <c r="K260" s="16">
        <v>11384</v>
      </c>
      <c r="L260" s="22" t="s">
        <v>268</v>
      </c>
    </row>
    <row r="261" spans="1:12">
      <c r="A261" s="21" t="s">
        <v>232</v>
      </c>
      <c r="B261" s="21" t="s">
        <v>237</v>
      </c>
      <c r="C261" s="21" t="s">
        <v>264</v>
      </c>
      <c r="D261" s="21" t="s">
        <v>394</v>
      </c>
      <c r="E261" s="21" t="s">
        <v>216</v>
      </c>
      <c r="F261" s="21" t="s">
        <v>419</v>
      </c>
      <c r="G261" s="16">
        <v>41253</v>
      </c>
      <c r="H261" s="16">
        <v>15469</v>
      </c>
      <c r="I261" s="16">
        <v>7570</v>
      </c>
      <c r="J261" s="16">
        <v>9306</v>
      </c>
      <c r="K261" s="16">
        <v>8908</v>
      </c>
      <c r="L261" s="22" t="s">
        <v>268</v>
      </c>
    </row>
    <row r="262" spans="1:12">
      <c r="A262" s="21" t="s">
        <v>232</v>
      </c>
      <c r="B262" s="21" t="s">
        <v>237</v>
      </c>
      <c r="C262" s="21" t="s">
        <v>264</v>
      </c>
      <c r="D262" s="21" t="s">
        <v>394</v>
      </c>
      <c r="E262" s="21" t="s">
        <v>216</v>
      </c>
      <c r="F262" s="21" t="s">
        <v>420</v>
      </c>
      <c r="G262" s="16">
        <v>24410</v>
      </c>
      <c r="H262" s="16">
        <v>9405</v>
      </c>
      <c r="I262" s="16">
        <v>4392</v>
      </c>
      <c r="J262" s="16">
        <v>5381</v>
      </c>
      <c r="K262" s="16">
        <v>5232</v>
      </c>
      <c r="L262" s="22" t="s">
        <v>268</v>
      </c>
    </row>
    <row r="263" spans="1:12">
      <c r="A263" s="21" t="s">
        <v>232</v>
      </c>
      <c r="B263" s="21" t="s">
        <v>237</v>
      </c>
      <c r="C263" s="21" t="s">
        <v>264</v>
      </c>
      <c r="D263" s="21" t="s">
        <v>394</v>
      </c>
      <c r="E263" s="21" t="s">
        <v>216</v>
      </c>
      <c r="F263" s="21" t="s">
        <v>421</v>
      </c>
      <c r="G263" s="16">
        <v>8394</v>
      </c>
      <c r="H263" s="16">
        <v>3440</v>
      </c>
      <c r="I263" s="16">
        <v>1349</v>
      </c>
      <c r="J263" s="16">
        <v>1847</v>
      </c>
      <c r="K263" s="16">
        <v>1758</v>
      </c>
      <c r="L263" s="22" t="s">
        <v>268</v>
      </c>
    </row>
    <row r="264" spans="1:12">
      <c r="A264" s="21" t="s">
        <v>232</v>
      </c>
      <c r="B264" s="21" t="s">
        <v>237</v>
      </c>
      <c r="C264" s="21" t="s">
        <v>264</v>
      </c>
      <c r="D264" s="21" t="s">
        <v>394</v>
      </c>
      <c r="E264" s="21" t="s">
        <v>216</v>
      </c>
      <c r="F264" s="21" t="s">
        <v>422</v>
      </c>
      <c r="G264" s="16">
        <v>1504</v>
      </c>
      <c r="H264" s="16">
        <v>601</v>
      </c>
      <c r="I264" s="16">
        <v>261</v>
      </c>
      <c r="J264" s="16">
        <v>369</v>
      </c>
      <c r="K264" s="16">
        <v>273</v>
      </c>
      <c r="L264" s="22" t="s">
        <v>268</v>
      </c>
    </row>
    <row r="265" spans="1:12">
      <c r="A265" s="21" t="s">
        <v>232</v>
      </c>
      <c r="B265" s="21" t="s">
        <v>237</v>
      </c>
      <c r="C265" s="21" t="s">
        <v>264</v>
      </c>
      <c r="D265" s="21" t="s">
        <v>394</v>
      </c>
      <c r="E265" s="21" t="s">
        <v>216</v>
      </c>
      <c r="F265" s="21" t="s">
        <v>423</v>
      </c>
      <c r="G265" s="16">
        <v>11393</v>
      </c>
      <c r="H265" s="22" t="s">
        <v>268</v>
      </c>
      <c r="I265" s="22" t="s">
        <v>268</v>
      </c>
      <c r="J265" s="22" t="s">
        <v>268</v>
      </c>
      <c r="K265" s="22" t="s">
        <v>268</v>
      </c>
      <c r="L265" s="16">
        <v>11393</v>
      </c>
    </row>
    <row r="266" spans="1:12">
      <c r="A266" s="21" t="s">
        <v>232</v>
      </c>
      <c r="B266" s="21" t="s">
        <v>237</v>
      </c>
      <c r="C266" s="21" t="s">
        <v>264</v>
      </c>
      <c r="D266" s="21" t="s">
        <v>394</v>
      </c>
      <c r="E266" s="21" t="s">
        <v>216</v>
      </c>
      <c r="F266" s="21" t="s">
        <v>386</v>
      </c>
      <c r="G266" s="16">
        <v>111527</v>
      </c>
      <c r="H266" s="16">
        <v>27082</v>
      </c>
      <c r="I266" s="16">
        <v>27182</v>
      </c>
      <c r="J266" s="16">
        <v>28903</v>
      </c>
      <c r="K266" s="16">
        <v>28360</v>
      </c>
      <c r="L266" s="22" t="s">
        <v>268</v>
      </c>
    </row>
    <row r="267" spans="1:12">
      <c r="A267" s="21" t="s">
        <v>232</v>
      </c>
      <c r="B267" s="21" t="s">
        <v>237</v>
      </c>
      <c r="C267" s="21" t="s">
        <v>264</v>
      </c>
      <c r="D267" s="21" t="s">
        <v>394</v>
      </c>
      <c r="E267" s="21" t="s">
        <v>216</v>
      </c>
      <c r="F267" s="21" t="s">
        <v>387</v>
      </c>
      <c r="G267" s="16">
        <v>481549</v>
      </c>
      <c r="H267" s="16">
        <v>124517</v>
      </c>
      <c r="I267" s="16">
        <v>117214</v>
      </c>
      <c r="J267" s="16">
        <v>121938</v>
      </c>
      <c r="K267" s="16">
        <v>117880</v>
      </c>
      <c r="L267" s="22" t="s">
        <v>268</v>
      </c>
    </row>
    <row r="268" spans="1:12">
      <c r="A268" s="21" t="s">
        <v>232</v>
      </c>
      <c r="B268" s="21" t="s">
        <v>237</v>
      </c>
      <c r="C268" s="21" t="s">
        <v>264</v>
      </c>
      <c r="D268" s="21" t="s">
        <v>394</v>
      </c>
      <c r="E268" s="21" t="s">
        <v>216</v>
      </c>
      <c r="F268" s="21" t="s">
        <v>388</v>
      </c>
      <c r="G268" s="16">
        <v>311351</v>
      </c>
      <c r="H268" s="16">
        <v>102722</v>
      </c>
      <c r="I268" s="16">
        <v>62062</v>
      </c>
      <c r="J268" s="16">
        <v>72868</v>
      </c>
      <c r="K268" s="16">
        <v>73699</v>
      </c>
      <c r="L268" s="22" t="s">
        <v>268</v>
      </c>
    </row>
    <row r="269" spans="1:12">
      <c r="A269" s="21" t="s">
        <v>232</v>
      </c>
      <c r="B269" s="21" t="s">
        <v>237</v>
      </c>
      <c r="C269" s="21" t="s">
        <v>264</v>
      </c>
      <c r="D269" s="21" t="s">
        <v>394</v>
      </c>
      <c r="E269" s="21" t="s">
        <v>216</v>
      </c>
      <c r="F269" s="21" t="s">
        <v>389</v>
      </c>
      <c r="G269" s="16">
        <v>176892</v>
      </c>
      <c r="H269" s="16">
        <v>63345</v>
      </c>
      <c r="I269" s="16">
        <v>33317</v>
      </c>
      <c r="J269" s="16">
        <v>39612</v>
      </c>
      <c r="K269" s="16">
        <v>40618</v>
      </c>
      <c r="L269" s="22" t="s">
        <v>268</v>
      </c>
    </row>
    <row r="270" spans="1:12">
      <c r="A270" s="21" t="s">
        <v>232</v>
      </c>
      <c r="B270" s="21" t="s">
        <v>237</v>
      </c>
      <c r="C270" s="21" t="s">
        <v>264</v>
      </c>
      <c r="D270" s="21" t="s">
        <v>394</v>
      </c>
      <c r="E270" s="21" t="s">
        <v>216</v>
      </c>
      <c r="F270" s="21" t="s">
        <v>390</v>
      </c>
      <c r="G270" s="16">
        <v>75561</v>
      </c>
      <c r="H270" s="16">
        <v>28915</v>
      </c>
      <c r="I270" s="16">
        <v>13572</v>
      </c>
      <c r="J270" s="16">
        <v>16903</v>
      </c>
      <c r="K270" s="16">
        <v>16171</v>
      </c>
      <c r="L270" s="22" t="s">
        <v>268</v>
      </c>
    </row>
    <row r="271" spans="1:12">
      <c r="A271" s="21" t="s">
        <v>232</v>
      </c>
      <c r="B271" s="21" t="s">
        <v>237</v>
      </c>
      <c r="C271" s="21" t="s">
        <v>264</v>
      </c>
      <c r="D271" s="21" t="s">
        <v>394</v>
      </c>
      <c r="E271" s="21" t="s">
        <v>216</v>
      </c>
      <c r="F271" s="21" t="s">
        <v>391</v>
      </c>
      <c r="G271" s="16">
        <v>510034</v>
      </c>
      <c r="H271" s="16">
        <v>135261</v>
      </c>
      <c r="I271" s="16">
        <v>121910</v>
      </c>
      <c r="J271" s="16">
        <v>127752</v>
      </c>
      <c r="K271" s="16">
        <v>125111</v>
      </c>
      <c r="L271" s="22" t="s">
        <v>268</v>
      </c>
    </row>
    <row r="272" spans="1:12">
      <c r="A272" s="21" t="s">
        <v>232</v>
      </c>
      <c r="B272" s="21" t="s">
        <v>237</v>
      </c>
      <c r="C272" s="21" t="s">
        <v>264</v>
      </c>
      <c r="D272" s="21" t="s">
        <v>395</v>
      </c>
      <c r="E272" s="21" t="s">
        <v>214</v>
      </c>
      <c r="F272" s="21" t="s">
        <v>401</v>
      </c>
      <c r="G272" s="16">
        <v>1705205</v>
      </c>
      <c r="H272" s="16">
        <v>468441</v>
      </c>
      <c r="I272" s="16">
        <v>392441</v>
      </c>
      <c r="J272" s="16">
        <v>422832</v>
      </c>
      <c r="K272" s="16">
        <v>414044</v>
      </c>
      <c r="L272" s="16">
        <v>7447</v>
      </c>
    </row>
    <row r="273" spans="1:12">
      <c r="A273" s="21" t="s">
        <v>232</v>
      </c>
      <c r="B273" s="21" t="s">
        <v>237</v>
      </c>
      <c r="C273" s="21" t="s">
        <v>264</v>
      </c>
      <c r="D273" s="21" t="s">
        <v>395</v>
      </c>
      <c r="E273" s="21" t="s">
        <v>214</v>
      </c>
      <c r="F273" s="21" t="s">
        <v>402</v>
      </c>
      <c r="G273" s="16">
        <v>68787</v>
      </c>
      <c r="H273" s="16">
        <v>16766</v>
      </c>
      <c r="I273" s="16">
        <v>16864</v>
      </c>
      <c r="J273" s="16">
        <v>17575</v>
      </c>
      <c r="K273" s="16">
        <v>17582</v>
      </c>
      <c r="L273" s="22" t="s">
        <v>268</v>
      </c>
    </row>
    <row r="274" spans="1:12">
      <c r="A274" s="21" t="s">
        <v>232</v>
      </c>
      <c r="B274" s="21" t="s">
        <v>237</v>
      </c>
      <c r="C274" s="21" t="s">
        <v>264</v>
      </c>
      <c r="D274" s="21" t="s">
        <v>395</v>
      </c>
      <c r="E274" s="21" t="s">
        <v>214</v>
      </c>
      <c r="F274" s="21" t="s">
        <v>403</v>
      </c>
      <c r="G274" s="16">
        <v>78302</v>
      </c>
      <c r="H274" s="16">
        <v>18822</v>
      </c>
      <c r="I274" s="16">
        <v>19180</v>
      </c>
      <c r="J274" s="16">
        <v>20583</v>
      </c>
      <c r="K274" s="16">
        <v>19717</v>
      </c>
      <c r="L274" s="22" t="s">
        <v>268</v>
      </c>
    </row>
    <row r="275" spans="1:12">
      <c r="A275" s="21" t="s">
        <v>232</v>
      </c>
      <c r="B275" s="21" t="s">
        <v>237</v>
      </c>
      <c r="C275" s="21" t="s">
        <v>264</v>
      </c>
      <c r="D275" s="21" t="s">
        <v>395</v>
      </c>
      <c r="E275" s="21" t="s">
        <v>214</v>
      </c>
      <c r="F275" s="21" t="s">
        <v>404</v>
      </c>
      <c r="G275" s="16">
        <v>80548</v>
      </c>
      <c r="H275" s="16">
        <v>19541</v>
      </c>
      <c r="I275" s="16">
        <v>19856</v>
      </c>
      <c r="J275" s="16">
        <v>21031</v>
      </c>
      <c r="K275" s="16">
        <v>20120</v>
      </c>
      <c r="L275" s="22" t="s">
        <v>268</v>
      </c>
    </row>
    <row r="276" spans="1:12">
      <c r="A276" s="21" t="s">
        <v>232</v>
      </c>
      <c r="B276" s="21" t="s">
        <v>237</v>
      </c>
      <c r="C276" s="21" t="s">
        <v>264</v>
      </c>
      <c r="D276" s="21" t="s">
        <v>395</v>
      </c>
      <c r="E276" s="21" t="s">
        <v>214</v>
      </c>
      <c r="F276" s="21" t="s">
        <v>405</v>
      </c>
      <c r="G276" s="16">
        <v>78930</v>
      </c>
      <c r="H276" s="16">
        <v>18815</v>
      </c>
      <c r="I276" s="16">
        <v>19761</v>
      </c>
      <c r="J276" s="16">
        <v>20789</v>
      </c>
      <c r="K276" s="16">
        <v>19565</v>
      </c>
      <c r="L276" s="22" t="s">
        <v>268</v>
      </c>
    </row>
    <row r="277" spans="1:12">
      <c r="A277" s="21" t="s">
        <v>232</v>
      </c>
      <c r="B277" s="21" t="s">
        <v>237</v>
      </c>
      <c r="C277" s="21" t="s">
        <v>264</v>
      </c>
      <c r="D277" s="21" t="s">
        <v>395</v>
      </c>
      <c r="E277" s="21" t="s">
        <v>214</v>
      </c>
      <c r="F277" s="21" t="s">
        <v>406</v>
      </c>
      <c r="G277" s="16">
        <v>66069</v>
      </c>
      <c r="H277" s="16">
        <v>15889</v>
      </c>
      <c r="I277" s="16">
        <v>16556</v>
      </c>
      <c r="J277" s="16">
        <v>17612</v>
      </c>
      <c r="K277" s="16">
        <v>16012</v>
      </c>
      <c r="L277" s="22" t="s">
        <v>268</v>
      </c>
    </row>
    <row r="278" spans="1:12">
      <c r="A278" s="21" t="s">
        <v>232</v>
      </c>
      <c r="B278" s="21" t="s">
        <v>237</v>
      </c>
      <c r="C278" s="21" t="s">
        <v>264</v>
      </c>
      <c r="D278" s="21" t="s">
        <v>395</v>
      </c>
      <c r="E278" s="21" t="s">
        <v>214</v>
      </c>
      <c r="F278" s="21" t="s">
        <v>407</v>
      </c>
      <c r="G278" s="16">
        <v>68458</v>
      </c>
      <c r="H278" s="16">
        <v>16521</v>
      </c>
      <c r="I278" s="16">
        <v>16896</v>
      </c>
      <c r="J278" s="16">
        <v>17874</v>
      </c>
      <c r="K278" s="16">
        <v>17167</v>
      </c>
      <c r="L278" s="22" t="s">
        <v>268</v>
      </c>
    </row>
    <row r="279" spans="1:12">
      <c r="A279" s="21" t="s">
        <v>232</v>
      </c>
      <c r="B279" s="21" t="s">
        <v>237</v>
      </c>
      <c r="C279" s="21" t="s">
        <v>264</v>
      </c>
      <c r="D279" s="21" t="s">
        <v>395</v>
      </c>
      <c r="E279" s="21" t="s">
        <v>214</v>
      </c>
      <c r="F279" s="21" t="s">
        <v>408</v>
      </c>
      <c r="G279" s="16">
        <v>80949</v>
      </c>
      <c r="H279" s="16">
        <v>19517</v>
      </c>
      <c r="I279" s="16">
        <v>19924</v>
      </c>
      <c r="J279" s="16">
        <v>20671</v>
      </c>
      <c r="K279" s="16">
        <v>20837</v>
      </c>
      <c r="L279" s="22" t="s">
        <v>268</v>
      </c>
    </row>
    <row r="280" spans="1:12">
      <c r="A280" s="21" t="s">
        <v>232</v>
      </c>
      <c r="B280" s="21" t="s">
        <v>237</v>
      </c>
      <c r="C280" s="21" t="s">
        <v>264</v>
      </c>
      <c r="D280" s="21" t="s">
        <v>395</v>
      </c>
      <c r="E280" s="21" t="s">
        <v>214</v>
      </c>
      <c r="F280" s="21" t="s">
        <v>409</v>
      </c>
      <c r="G280" s="16">
        <v>95722</v>
      </c>
      <c r="H280" s="16">
        <v>23051</v>
      </c>
      <c r="I280" s="16">
        <v>23850</v>
      </c>
      <c r="J280" s="16">
        <v>25104</v>
      </c>
      <c r="K280" s="16">
        <v>23717</v>
      </c>
      <c r="L280" s="22" t="s">
        <v>268</v>
      </c>
    </row>
    <row r="281" spans="1:12">
      <c r="A281" s="21" t="s">
        <v>232</v>
      </c>
      <c r="B281" s="21" t="s">
        <v>237</v>
      </c>
      <c r="C281" s="21" t="s">
        <v>264</v>
      </c>
      <c r="D281" s="21" t="s">
        <v>395</v>
      </c>
      <c r="E281" s="21" t="s">
        <v>214</v>
      </c>
      <c r="F281" s="21" t="s">
        <v>410</v>
      </c>
      <c r="G281" s="16">
        <v>105442</v>
      </c>
      <c r="H281" s="16">
        <v>25643</v>
      </c>
      <c r="I281" s="16">
        <v>26223</v>
      </c>
      <c r="J281" s="16">
        <v>27405</v>
      </c>
      <c r="K281" s="16">
        <v>26171</v>
      </c>
      <c r="L281" s="22" t="s">
        <v>268</v>
      </c>
    </row>
    <row r="282" spans="1:12">
      <c r="A282" s="21" t="s">
        <v>232</v>
      </c>
      <c r="B282" s="21" t="s">
        <v>237</v>
      </c>
      <c r="C282" s="21" t="s">
        <v>264</v>
      </c>
      <c r="D282" s="21" t="s">
        <v>395</v>
      </c>
      <c r="E282" s="21" t="s">
        <v>214</v>
      </c>
      <c r="F282" s="21" t="s">
        <v>411</v>
      </c>
      <c r="G282" s="16">
        <v>111537</v>
      </c>
      <c r="H282" s="16">
        <v>28168</v>
      </c>
      <c r="I282" s="16">
        <v>27736</v>
      </c>
      <c r="J282" s="16">
        <v>28760</v>
      </c>
      <c r="K282" s="16">
        <v>26873</v>
      </c>
      <c r="L282" s="22" t="s">
        <v>268</v>
      </c>
    </row>
    <row r="283" spans="1:12">
      <c r="A283" s="21" t="s">
        <v>232</v>
      </c>
      <c r="B283" s="21" t="s">
        <v>237</v>
      </c>
      <c r="C283" s="21" t="s">
        <v>264</v>
      </c>
      <c r="D283" s="21" t="s">
        <v>395</v>
      </c>
      <c r="E283" s="21" t="s">
        <v>214</v>
      </c>
      <c r="F283" s="21" t="s">
        <v>412</v>
      </c>
      <c r="G283" s="16">
        <v>101204</v>
      </c>
      <c r="H283" s="16">
        <v>27913</v>
      </c>
      <c r="I283" s="16">
        <v>24625</v>
      </c>
      <c r="J283" s="16">
        <v>24437</v>
      </c>
      <c r="K283" s="16">
        <v>24229</v>
      </c>
      <c r="L283" s="22" t="s">
        <v>268</v>
      </c>
    </row>
    <row r="284" spans="1:12">
      <c r="A284" s="21" t="s">
        <v>232</v>
      </c>
      <c r="B284" s="21" t="s">
        <v>237</v>
      </c>
      <c r="C284" s="21" t="s">
        <v>264</v>
      </c>
      <c r="D284" s="21" t="s">
        <v>395</v>
      </c>
      <c r="E284" s="21" t="s">
        <v>214</v>
      </c>
      <c r="F284" s="21" t="s">
        <v>413</v>
      </c>
      <c r="G284" s="16">
        <v>106150</v>
      </c>
      <c r="H284" s="16">
        <v>30245</v>
      </c>
      <c r="I284" s="16">
        <v>25271</v>
      </c>
      <c r="J284" s="16">
        <v>25603</v>
      </c>
      <c r="K284" s="16">
        <v>25031</v>
      </c>
      <c r="L284" s="22" t="s">
        <v>268</v>
      </c>
    </row>
    <row r="285" spans="1:12">
      <c r="A285" s="21" t="s">
        <v>232</v>
      </c>
      <c r="B285" s="21" t="s">
        <v>237</v>
      </c>
      <c r="C285" s="21" t="s">
        <v>264</v>
      </c>
      <c r="D285" s="21" t="s">
        <v>395</v>
      </c>
      <c r="E285" s="21" t="s">
        <v>214</v>
      </c>
      <c r="F285" s="21" t="s">
        <v>414</v>
      </c>
      <c r="G285" s="16">
        <v>115791</v>
      </c>
      <c r="H285" s="16">
        <v>33634</v>
      </c>
      <c r="I285" s="16">
        <v>26691</v>
      </c>
      <c r="J285" s="16">
        <v>27286</v>
      </c>
      <c r="K285" s="16">
        <v>28180</v>
      </c>
      <c r="L285" s="22" t="s">
        <v>268</v>
      </c>
    </row>
    <row r="286" spans="1:12">
      <c r="A286" s="21" t="s">
        <v>232</v>
      </c>
      <c r="B286" s="21" t="s">
        <v>237</v>
      </c>
      <c r="C286" s="21" t="s">
        <v>264</v>
      </c>
      <c r="D286" s="21" t="s">
        <v>395</v>
      </c>
      <c r="E286" s="21" t="s">
        <v>214</v>
      </c>
      <c r="F286" s="21" t="s">
        <v>415</v>
      </c>
      <c r="G286" s="16">
        <v>129577</v>
      </c>
      <c r="H286" s="16">
        <v>38419</v>
      </c>
      <c r="I286" s="16">
        <v>27795</v>
      </c>
      <c r="J286" s="16">
        <v>30969</v>
      </c>
      <c r="K286" s="16">
        <v>32394</v>
      </c>
      <c r="L286" s="22" t="s">
        <v>268</v>
      </c>
    </row>
    <row r="287" spans="1:12">
      <c r="A287" s="21" t="s">
        <v>232</v>
      </c>
      <c r="B287" s="21" t="s">
        <v>237</v>
      </c>
      <c r="C287" s="21" t="s">
        <v>264</v>
      </c>
      <c r="D287" s="21" t="s">
        <v>395</v>
      </c>
      <c r="E287" s="21" t="s">
        <v>214</v>
      </c>
      <c r="F287" s="21" t="s">
        <v>416</v>
      </c>
      <c r="G287" s="16">
        <v>128142</v>
      </c>
      <c r="H287" s="16">
        <v>36660</v>
      </c>
      <c r="I287" s="16">
        <v>27403</v>
      </c>
      <c r="J287" s="16">
        <v>33151</v>
      </c>
      <c r="K287" s="16">
        <v>30928</v>
      </c>
      <c r="L287" s="22" t="s">
        <v>268</v>
      </c>
    </row>
    <row r="288" spans="1:12">
      <c r="A288" s="21" t="s">
        <v>232</v>
      </c>
      <c r="B288" s="21" t="s">
        <v>237</v>
      </c>
      <c r="C288" s="21" t="s">
        <v>264</v>
      </c>
      <c r="D288" s="21" t="s">
        <v>395</v>
      </c>
      <c r="E288" s="21" t="s">
        <v>214</v>
      </c>
      <c r="F288" s="21" t="s">
        <v>417</v>
      </c>
      <c r="G288" s="16">
        <v>92506</v>
      </c>
      <c r="H288" s="16">
        <v>29294</v>
      </c>
      <c r="I288" s="16">
        <v>18813</v>
      </c>
      <c r="J288" s="16">
        <v>21436</v>
      </c>
      <c r="K288" s="16">
        <v>22963</v>
      </c>
      <c r="L288" s="22" t="s">
        <v>268</v>
      </c>
    </row>
    <row r="289" spans="1:12">
      <c r="A289" s="21" t="s">
        <v>232</v>
      </c>
      <c r="B289" s="21" t="s">
        <v>237</v>
      </c>
      <c r="C289" s="21" t="s">
        <v>264</v>
      </c>
      <c r="D289" s="21" t="s">
        <v>395</v>
      </c>
      <c r="E289" s="21" t="s">
        <v>214</v>
      </c>
      <c r="F289" s="21" t="s">
        <v>418</v>
      </c>
      <c r="G289" s="16">
        <v>80894</v>
      </c>
      <c r="H289" s="16">
        <v>28697</v>
      </c>
      <c r="I289" s="16">
        <v>15211</v>
      </c>
      <c r="J289" s="16">
        <v>17863</v>
      </c>
      <c r="K289" s="16">
        <v>19123</v>
      </c>
      <c r="L289" s="22" t="s">
        <v>268</v>
      </c>
    </row>
    <row r="290" spans="1:12">
      <c r="A290" s="21" t="s">
        <v>232</v>
      </c>
      <c r="B290" s="21" t="s">
        <v>237</v>
      </c>
      <c r="C290" s="21" t="s">
        <v>264</v>
      </c>
      <c r="D290" s="21" t="s">
        <v>395</v>
      </c>
      <c r="E290" s="21" t="s">
        <v>214</v>
      </c>
      <c r="F290" s="21" t="s">
        <v>419</v>
      </c>
      <c r="G290" s="16">
        <v>63261</v>
      </c>
      <c r="H290" s="16">
        <v>23224</v>
      </c>
      <c r="I290" s="16">
        <v>11752</v>
      </c>
      <c r="J290" s="16">
        <v>14485</v>
      </c>
      <c r="K290" s="16">
        <v>13800</v>
      </c>
      <c r="L290" s="22" t="s">
        <v>268</v>
      </c>
    </row>
    <row r="291" spans="1:12">
      <c r="A291" s="21" t="s">
        <v>232</v>
      </c>
      <c r="B291" s="21" t="s">
        <v>237</v>
      </c>
      <c r="C291" s="21" t="s">
        <v>264</v>
      </c>
      <c r="D291" s="21" t="s">
        <v>395</v>
      </c>
      <c r="E291" s="21" t="s">
        <v>214</v>
      </c>
      <c r="F291" s="21" t="s">
        <v>420</v>
      </c>
      <c r="G291" s="16">
        <v>33572</v>
      </c>
      <c r="H291" s="16">
        <v>12823</v>
      </c>
      <c r="I291" s="16">
        <v>6049</v>
      </c>
      <c r="J291" s="16">
        <v>7471</v>
      </c>
      <c r="K291" s="16">
        <v>7229</v>
      </c>
      <c r="L291" s="22" t="s">
        <v>268</v>
      </c>
    </row>
    <row r="292" spans="1:12">
      <c r="A292" s="21" t="s">
        <v>232</v>
      </c>
      <c r="B292" s="21" t="s">
        <v>237</v>
      </c>
      <c r="C292" s="21" t="s">
        <v>264</v>
      </c>
      <c r="D292" s="21" t="s">
        <v>395</v>
      </c>
      <c r="E292" s="21" t="s">
        <v>214</v>
      </c>
      <c r="F292" s="21" t="s">
        <v>421</v>
      </c>
      <c r="G292" s="16">
        <v>10208</v>
      </c>
      <c r="H292" s="16">
        <v>4116</v>
      </c>
      <c r="I292" s="16">
        <v>1687</v>
      </c>
      <c r="J292" s="16">
        <v>2307</v>
      </c>
      <c r="K292" s="16">
        <v>2098</v>
      </c>
      <c r="L292" s="22" t="s">
        <v>268</v>
      </c>
    </row>
    <row r="293" spans="1:12">
      <c r="A293" s="21" t="s">
        <v>232</v>
      </c>
      <c r="B293" s="21" t="s">
        <v>237</v>
      </c>
      <c r="C293" s="21" t="s">
        <v>264</v>
      </c>
      <c r="D293" s="21" t="s">
        <v>395</v>
      </c>
      <c r="E293" s="21" t="s">
        <v>214</v>
      </c>
      <c r="F293" s="21" t="s">
        <v>422</v>
      </c>
      <c r="G293" s="16">
        <v>1709</v>
      </c>
      <c r="H293" s="16">
        <v>683</v>
      </c>
      <c r="I293" s="16">
        <v>298</v>
      </c>
      <c r="J293" s="16">
        <v>420</v>
      </c>
      <c r="K293" s="16">
        <v>308</v>
      </c>
      <c r="L293" s="22" t="s">
        <v>268</v>
      </c>
    </row>
    <row r="294" spans="1:12">
      <c r="A294" s="21" t="s">
        <v>232</v>
      </c>
      <c r="B294" s="21" t="s">
        <v>237</v>
      </c>
      <c r="C294" s="21" t="s">
        <v>264</v>
      </c>
      <c r="D294" s="21" t="s">
        <v>395</v>
      </c>
      <c r="E294" s="21" t="s">
        <v>214</v>
      </c>
      <c r="F294" s="21" t="s">
        <v>423</v>
      </c>
      <c r="G294" s="16">
        <v>7447</v>
      </c>
      <c r="H294" s="22" t="s">
        <v>268</v>
      </c>
      <c r="I294" s="22" t="s">
        <v>268</v>
      </c>
      <c r="J294" s="22" t="s">
        <v>268</v>
      </c>
      <c r="K294" s="22" t="s">
        <v>268</v>
      </c>
      <c r="L294" s="16">
        <v>7447</v>
      </c>
    </row>
    <row r="295" spans="1:12">
      <c r="A295" s="21" t="s">
        <v>232</v>
      </c>
      <c r="B295" s="21" t="s">
        <v>237</v>
      </c>
      <c r="C295" s="21" t="s">
        <v>264</v>
      </c>
      <c r="D295" s="21" t="s">
        <v>395</v>
      </c>
      <c r="E295" s="21" t="s">
        <v>214</v>
      </c>
      <c r="F295" s="21" t="s">
        <v>386</v>
      </c>
      <c r="G295" s="16">
        <v>227637</v>
      </c>
      <c r="H295" s="16">
        <v>55129</v>
      </c>
      <c r="I295" s="16">
        <v>55900</v>
      </c>
      <c r="J295" s="16">
        <v>59189</v>
      </c>
      <c r="K295" s="16">
        <v>57419</v>
      </c>
      <c r="L295" s="22" t="s">
        <v>268</v>
      </c>
    </row>
    <row r="296" spans="1:12">
      <c r="A296" s="21" t="s">
        <v>232</v>
      </c>
      <c r="B296" s="21" t="s">
        <v>237</v>
      </c>
      <c r="C296" s="21" t="s">
        <v>264</v>
      </c>
      <c r="D296" s="21" t="s">
        <v>395</v>
      </c>
      <c r="E296" s="21" t="s">
        <v>214</v>
      </c>
      <c r="F296" s="21" t="s">
        <v>387</v>
      </c>
      <c r="G296" s="16">
        <v>930252</v>
      </c>
      <c r="H296" s="16">
        <v>239396</v>
      </c>
      <c r="I296" s="16">
        <v>227533</v>
      </c>
      <c r="J296" s="16">
        <v>235541</v>
      </c>
      <c r="K296" s="16">
        <v>227782</v>
      </c>
      <c r="L296" s="22" t="s">
        <v>268</v>
      </c>
    </row>
    <row r="297" spans="1:12">
      <c r="A297" s="21" t="s">
        <v>232</v>
      </c>
      <c r="B297" s="21" t="s">
        <v>237</v>
      </c>
      <c r="C297" s="21" t="s">
        <v>264</v>
      </c>
      <c r="D297" s="21" t="s">
        <v>395</v>
      </c>
      <c r="E297" s="21" t="s">
        <v>214</v>
      </c>
      <c r="F297" s="21" t="s">
        <v>388</v>
      </c>
      <c r="G297" s="16">
        <v>539869</v>
      </c>
      <c r="H297" s="16">
        <v>173916</v>
      </c>
      <c r="I297" s="16">
        <v>109008</v>
      </c>
      <c r="J297" s="16">
        <v>128102</v>
      </c>
      <c r="K297" s="16">
        <v>128843</v>
      </c>
      <c r="L297" s="22" t="s">
        <v>268</v>
      </c>
    </row>
    <row r="298" spans="1:12">
      <c r="A298" s="21" t="s">
        <v>232</v>
      </c>
      <c r="B298" s="21" t="s">
        <v>237</v>
      </c>
      <c r="C298" s="21" t="s">
        <v>264</v>
      </c>
      <c r="D298" s="21" t="s">
        <v>395</v>
      </c>
      <c r="E298" s="21" t="s">
        <v>214</v>
      </c>
      <c r="F298" s="21" t="s">
        <v>389</v>
      </c>
      <c r="G298" s="16">
        <v>282150</v>
      </c>
      <c r="H298" s="16">
        <v>98837</v>
      </c>
      <c r="I298" s="16">
        <v>53810</v>
      </c>
      <c r="J298" s="16">
        <v>63982</v>
      </c>
      <c r="K298" s="16">
        <v>65521</v>
      </c>
      <c r="L298" s="22" t="s">
        <v>268</v>
      </c>
    </row>
    <row r="299" spans="1:12">
      <c r="A299" s="21" t="s">
        <v>232</v>
      </c>
      <c r="B299" s="21" t="s">
        <v>237</v>
      </c>
      <c r="C299" s="21" t="s">
        <v>264</v>
      </c>
      <c r="D299" s="21" t="s">
        <v>395</v>
      </c>
      <c r="E299" s="21" t="s">
        <v>214</v>
      </c>
      <c r="F299" s="21" t="s">
        <v>390</v>
      </c>
      <c r="G299" s="16">
        <v>108750</v>
      </c>
      <c r="H299" s="16">
        <v>40846</v>
      </c>
      <c r="I299" s="16">
        <v>19786</v>
      </c>
      <c r="J299" s="16">
        <v>24683</v>
      </c>
      <c r="K299" s="16">
        <v>23435</v>
      </c>
      <c r="L299" s="22" t="s">
        <v>268</v>
      </c>
    </row>
    <row r="300" spans="1:12">
      <c r="A300" s="21" t="s">
        <v>232</v>
      </c>
      <c r="B300" s="21" t="s">
        <v>237</v>
      </c>
      <c r="C300" s="21" t="s">
        <v>264</v>
      </c>
      <c r="D300" s="21" t="s">
        <v>395</v>
      </c>
      <c r="E300" s="21" t="s">
        <v>214</v>
      </c>
      <c r="F300" s="21" t="s">
        <v>391</v>
      </c>
      <c r="G300" s="16">
        <v>980899</v>
      </c>
      <c r="H300" s="16">
        <v>259000</v>
      </c>
      <c r="I300" s="16">
        <v>235567</v>
      </c>
      <c r="J300" s="16">
        <v>245721</v>
      </c>
      <c r="K300" s="16">
        <v>240611</v>
      </c>
      <c r="L300" s="22" t="s">
        <v>268</v>
      </c>
    </row>
    <row r="301" spans="1:12">
      <c r="A301" s="21" t="s">
        <v>232</v>
      </c>
      <c r="B301" s="21" t="s">
        <v>237</v>
      </c>
      <c r="C301" s="21" t="s">
        <v>264</v>
      </c>
      <c r="D301" s="21" t="s">
        <v>395</v>
      </c>
      <c r="E301" s="21" t="s">
        <v>215</v>
      </c>
      <c r="F301" s="21" t="s">
        <v>401</v>
      </c>
      <c r="G301" s="16">
        <v>806900</v>
      </c>
      <c r="H301" s="16">
        <v>216351</v>
      </c>
      <c r="I301" s="16">
        <v>188076</v>
      </c>
      <c r="J301" s="16">
        <v>201402</v>
      </c>
      <c r="K301" s="16">
        <v>196410</v>
      </c>
      <c r="L301" s="16">
        <v>4661</v>
      </c>
    </row>
    <row r="302" spans="1:12">
      <c r="A302" s="21" t="s">
        <v>232</v>
      </c>
      <c r="B302" s="21" t="s">
        <v>237</v>
      </c>
      <c r="C302" s="21" t="s">
        <v>264</v>
      </c>
      <c r="D302" s="21" t="s">
        <v>395</v>
      </c>
      <c r="E302" s="21" t="s">
        <v>215</v>
      </c>
      <c r="F302" s="21" t="s">
        <v>402</v>
      </c>
      <c r="G302" s="16">
        <v>35086</v>
      </c>
      <c r="H302" s="16">
        <v>8544</v>
      </c>
      <c r="I302" s="16">
        <v>8665</v>
      </c>
      <c r="J302" s="16">
        <v>8993</v>
      </c>
      <c r="K302" s="16">
        <v>8884</v>
      </c>
      <c r="L302" s="22" t="s">
        <v>268</v>
      </c>
    </row>
    <row r="303" spans="1:12">
      <c r="A303" s="21" t="s">
        <v>232</v>
      </c>
      <c r="B303" s="21" t="s">
        <v>237</v>
      </c>
      <c r="C303" s="21" t="s">
        <v>264</v>
      </c>
      <c r="D303" s="21" t="s">
        <v>395</v>
      </c>
      <c r="E303" s="21" t="s">
        <v>215</v>
      </c>
      <c r="F303" s="21" t="s">
        <v>403</v>
      </c>
      <c r="G303" s="16">
        <v>40287</v>
      </c>
      <c r="H303" s="16">
        <v>9763</v>
      </c>
      <c r="I303" s="16">
        <v>9871</v>
      </c>
      <c r="J303" s="16">
        <v>10588</v>
      </c>
      <c r="K303" s="16">
        <v>10065</v>
      </c>
      <c r="L303" s="22" t="s">
        <v>268</v>
      </c>
    </row>
    <row r="304" spans="1:12">
      <c r="A304" s="21" t="s">
        <v>232</v>
      </c>
      <c r="B304" s="21" t="s">
        <v>237</v>
      </c>
      <c r="C304" s="21" t="s">
        <v>264</v>
      </c>
      <c r="D304" s="21" t="s">
        <v>395</v>
      </c>
      <c r="E304" s="21" t="s">
        <v>215</v>
      </c>
      <c r="F304" s="21" t="s">
        <v>404</v>
      </c>
      <c r="G304" s="16">
        <v>41111</v>
      </c>
      <c r="H304" s="16">
        <v>9830</v>
      </c>
      <c r="I304" s="16">
        <v>10267</v>
      </c>
      <c r="J304" s="16">
        <v>10807</v>
      </c>
      <c r="K304" s="16">
        <v>10207</v>
      </c>
      <c r="L304" s="22" t="s">
        <v>268</v>
      </c>
    </row>
    <row r="305" spans="1:12">
      <c r="A305" s="21" t="s">
        <v>232</v>
      </c>
      <c r="B305" s="21" t="s">
        <v>237</v>
      </c>
      <c r="C305" s="21" t="s">
        <v>264</v>
      </c>
      <c r="D305" s="21" t="s">
        <v>395</v>
      </c>
      <c r="E305" s="21" t="s">
        <v>215</v>
      </c>
      <c r="F305" s="21" t="s">
        <v>405</v>
      </c>
      <c r="G305" s="16">
        <v>40645</v>
      </c>
      <c r="H305" s="16">
        <v>9716</v>
      </c>
      <c r="I305" s="16">
        <v>10144</v>
      </c>
      <c r="J305" s="16">
        <v>10676</v>
      </c>
      <c r="K305" s="16">
        <v>10109</v>
      </c>
      <c r="L305" s="22" t="s">
        <v>268</v>
      </c>
    </row>
    <row r="306" spans="1:12">
      <c r="A306" s="21" t="s">
        <v>232</v>
      </c>
      <c r="B306" s="21" t="s">
        <v>237</v>
      </c>
      <c r="C306" s="21" t="s">
        <v>264</v>
      </c>
      <c r="D306" s="21" t="s">
        <v>395</v>
      </c>
      <c r="E306" s="21" t="s">
        <v>215</v>
      </c>
      <c r="F306" s="21" t="s">
        <v>406</v>
      </c>
      <c r="G306" s="16">
        <v>33041</v>
      </c>
      <c r="H306" s="16">
        <v>7867</v>
      </c>
      <c r="I306" s="16">
        <v>8328</v>
      </c>
      <c r="J306" s="16">
        <v>8847</v>
      </c>
      <c r="K306" s="16">
        <v>7999</v>
      </c>
      <c r="L306" s="22" t="s">
        <v>268</v>
      </c>
    </row>
    <row r="307" spans="1:12">
      <c r="A307" s="21" t="s">
        <v>232</v>
      </c>
      <c r="B307" s="21" t="s">
        <v>237</v>
      </c>
      <c r="C307" s="21" t="s">
        <v>264</v>
      </c>
      <c r="D307" s="21" t="s">
        <v>395</v>
      </c>
      <c r="E307" s="21" t="s">
        <v>215</v>
      </c>
      <c r="F307" s="21" t="s">
        <v>407</v>
      </c>
      <c r="G307" s="16">
        <v>33845</v>
      </c>
      <c r="H307" s="16">
        <v>8087</v>
      </c>
      <c r="I307" s="16">
        <v>8358</v>
      </c>
      <c r="J307" s="16">
        <v>8914</v>
      </c>
      <c r="K307" s="16">
        <v>8486</v>
      </c>
      <c r="L307" s="22" t="s">
        <v>268</v>
      </c>
    </row>
    <row r="308" spans="1:12">
      <c r="A308" s="21" t="s">
        <v>232</v>
      </c>
      <c r="B308" s="21" t="s">
        <v>237</v>
      </c>
      <c r="C308" s="21" t="s">
        <v>264</v>
      </c>
      <c r="D308" s="21" t="s">
        <v>395</v>
      </c>
      <c r="E308" s="21" t="s">
        <v>215</v>
      </c>
      <c r="F308" s="21" t="s">
        <v>408</v>
      </c>
      <c r="G308" s="16">
        <v>39877</v>
      </c>
      <c r="H308" s="16">
        <v>9527</v>
      </c>
      <c r="I308" s="16">
        <v>9848</v>
      </c>
      <c r="J308" s="16">
        <v>10263</v>
      </c>
      <c r="K308" s="16">
        <v>10239</v>
      </c>
      <c r="L308" s="22" t="s">
        <v>268</v>
      </c>
    </row>
    <row r="309" spans="1:12">
      <c r="A309" s="21" t="s">
        <v>232</v>
      </c>
      <c r="B309" s="21" t="s">
        <v>237</v>
      </c>
      <c r="C309" s="21" t="s">
        <v>264</v>
      </c>
      <c r="D309" s="21" t="s">
        <v>395</v>
      </c>
      <c r="E309" s="21" t="s">
        <v>215</v>
      </c>
      <c r="F309" s="21" t="s">
        <v>409</v>
      </c>
      <c r="G309" s="16">
        <v>47310</v>
      </c>
      <c r="H309" s="16">
        <v>11413</v>
      </c>
      <c r="I309" s="16">
        <v>11832</v>
      </c>
      <c r="J309" s="16">
        <v>12283</v>
      </c>
      <c r="K309" s="16">
        <v>11782</v>
      </c>
      <c r="L309" s="22" t="s">
        <v>268</v>
      </c>
    </row>
    <row r="310" spans="1:12">
      <c r="A310" s="21" t="s">
        <v>232</v>
      </c>
      <c r="B310" s="21" t="s">
        <v>237</v>
      </c>
      <c r="C310" s="21" t="s">
        <v>264</v>
      </c>
      <c r="D310" s="21" t="s">
        <v>395</v>
      </c>
      <c r="E310" s="21" t="s">
        <v>215</v>
      </c>
      <c r="F310" s="21" t="s">
        <v>410</v>
      </c>
      <c r="G310" s="16">
        <v>52356</v>
      </c>
      <c r="H310" s="16">
        <v>12735</v>
      </c>
      <c r="I310" s="16">
        <v>13078</v>
      </c>
      <c r="J310" s="16">
        <v>13604</v>
      </c>
      <c r="K310" s="16">
        <v>12939</v>
      </c>
      <c r="L310" s="22" t="s">
        <v>268</v>
      </c>
    </row>
    <row r="311" spans="1:12">
      <c r="A311" s="21" t="s">
        <v>232</v>
      </c>
      <c r="B311" s="21" t="s">
        <v>237</v>
      </c>
      <c r="C311" s="21" t="s">
        <v>264</v>
      </c>
      <c r="D311" s="21" t="s">
        <v>395</v>
      </c>
      <c r="E311" s="21" t="s">
        <v>215</v>
      </c>
      <c r="F311" s="21" t="s">
        <v>411</v>
      </c>
      <c r="G311" s="16">
        <v>54917</v>
      </c>
      <c r="H311" s="16">
        <v>13797</v>
      </c>
      <c r="I311" s="16">
        <v>13697</v>
      </c>
      <c r="J311" s="16">
        <v>14071</v>
      </c>
      <c r="K311" s="16">
        <v>13352</v>
      </c>
      <c r="L311" s="22" t="s">
        <v>268</v>
      </c>
    </row>
    <row r="312" spans="1:12">
      <c r="A312" s="21" t="s">
        <v>232</v>
      </c>
      <c r="B312" s="21" t="s">
        <v>237</v>
      </c>
      <c r="C312" s="21" t="s">
        <v>264</v>
      </c>
      <c r="D312" s="21" t="s">
        <v>395</v>
      </c>
      <c r="E312" s="21" t="s">
        <v>215</v>
      </c>
      <c r="F312" s="21" t="s">
        <v>412</v>
      </c>
      <c r="G312" s="16">
        <v>48363</v>
      </c>
      <c r="H312" s="16">
        <v>13283</v>
      </c>
      <c r="I312" s="16">
        <v>11848</v>
      </c>
      <c r="J312" s="16">
        <v>11680</v>
      </c>
      <c r="K312" s="16">
        <v>11552</v>
      </c>
      <c r="L312" s="22" t="s">
        <v>268</v>
      </c>
    </row>
    <row r="313" spans="1:12">
      <c r="A313" s="21" t="s">
        <v>232</v>
      </c>
      <c r="B313" s="21" t="s">
        <v>237</v>
      </c>
      <c r="C313" s="21" t="s">
        <v>264</v>
      </c>
      <c r="D313" s="21" t="s">
        <v>395</v>
      </c>
      <c r="E313" s="21" t="s">
        <v>215</v>
      </c>
      <c r="F313" s="21" t="s">
        <v>413</v>
      </c>
      <c r="G313" s="16">
        <v>50665</v>
      </c>
      <c r="H313" s="16">
        <v>14408</v>
      </c>
      <c r="I313" s="16">
        <v>12072</v>
      </c>
      <c r="J313" s="16">
        <v>12236</v>
      </c>
      <c r="K313" s="16">
        <v>11949</v>
      </c>
      <c r="L313" s="22" t="s">
        <v>268</v>
      </c>
    </row>
    <row r="314" spans="1:12">
      <c r="A314" s="21" t="s">
        <v>232</v>
      </c>
      <c r="B314" s="21" t="s">
        <v>237</v>
      </c>
      <c r="C314" s="21" t="s">
        <v>264</v>
      </c>
      <c r="D314" s="21" t="s">
        <v>395</v>
      </c>
      <c r="E314" s="21" t="s">
        <v>215</v>
      </c>
      <c r="F314" s="21" t="s">
        <v>414</v>
      </c>
      <c r="G314" s="16">
        <v>55817</v>
      </c>
      <c r="H314" s="16">
        <v>16081</v>
      </c>
      <c r="I314" s="16">
        <v>13032</v>
      </c>
      <c r="J314" s="16">
        <v>13089</v>
      </c>
      <c r="K314" s="16">
        <v>13615</v>
      </c>
      <c r="L314" s="22" t="s">
        <v>268</v>
      </c>
    </row>
    <row r="315" spans="1:12">
      <c r="A315" s="21" t="s">
        <v>232</v>
      </c>
      <c r="B315" s="21" t="s">
        <v>237</v>
      </c>
      <c r="C315" s="21" t="s">
        <v>264</v>
      </c>
      <c r="D315" s="21" t="s">
        <v>395</v>
      </c>
      <c r="E315" s="21" t="s">
        <v>215</v>
      </c>
      <c r="F315" s="21" t="s">
        <v>415</v>
      </c>
      <c r="G315" s="16">
        <v>62650</v>
      </c>
      <c r="H315" s="16">
        <v>18561</v>
      </c>
      <c r="I315" s="16">
        <v>13451</v>
      </c>
      <c r="J315" s="16">
        <v>15037</v>
      </c>
      <c r="K315" s="16">
        <v>15601</v>
      </c>
      <c r="L315" s="22" t="s">
        <v>268</v>
      </c>
    </row>
    <row r="316" spans="1:12">
      <c r="A316" s="21" t="s">
        <v>232</v>
      </c>
      <c r="B316" s="21" t="s">
        <v>237</v>
      </c>
      <c r="C316" s="21" t="s">
        <v>264</v>
      </c>
      <c r="D316" s="21" t="s">
        <v>395</v>
      </c>
      <c r="E316" s="21" t="s">
        <v>215</v>
      </c>
      <c r="F316" s="21" t="s">
        <v>416</v>
      </c>
      <c r="G316" s="16">
        <v>60819</v>
      </c>
      <c r="H316" s="16">
        <v>17197</v>
      </c>
      <c r="I316" s="16">
        <v>13049</v>
      </c>
      <c r="J316" s="16">
        <v>15885</v>
      </c>
      <c r="K316" s="16">
        <v>14688</v>
      </c>
      <c r="L316" s="22" t="s">
        <v>268</v>
      </c>
    </row>
    <row r="317" spans="1:12">
      <c r="A317" s="21" t="s">
        <v>232</v>
      </c>
      <c r="B317" s="21" t="s">
        <v>237</v>
      </c>
      <c r="C317" s="21" t="s">
        <v>264</v>
      </c>
      <c r="D317" s="21" t="s">
        <v>395</v>
      </c>
      <c r="E317" s="21" t="s">
        <v>215</v>
      </c>
      <c r="F317" s="21" t="s">
        <v>417</v>
      </c>
      <c r="G317" s="16">
        <v>40016</v>
      </c>
      <c r="H317" s="16">
        <v>12482</v>
      </c>
      <c r="I317" s="16">
        <v>8212</v>
      </c>
      <c r="J317" s="16">
        <v>9406</v>
      </c>
      <c r="K317" s="16">
        <v>9916</v>
      </c>
      <c r="L317" s="22" t="s">
        <v>268</v>
      </c>
    </row>
    <row r="318" spans="1:12">
      <c r="A318" s="21" t="s">
        <v>232</v>
      </c>
      <c r="B318" s="21" t="s">
        <v>237</v>
      </c>
      <c r="C318" s="21" t="s">
        <v>264</v>
      </c>
      <c r="D318" s="21" t="s">
        <v>395</v>
      </c>
      <c r="E318" s="21" t="s">
        <v>215</v>
      </c>
      <c r="F318" s="21" t="s">
        <v>418</v>
      </c>
      <c r="G318" s="16">
        <v>32179</v>
      </c>
      <c r="H318" s="16">
        <v>11105</v>
      </c>
      <c r="I318" s="16">
        <v>6098</v>
      </c>
      <c r="J318" s="16">
        <v>7223</v>
      </c>
      <c r="K318" s="16">
        <v>7753</v>
      </c>
      <c r="L318" s="22" t="s">
        <v>268</v>
      </c>
    </row>
    <row r="319" spans="1:12">
      <c r="A319" s="21" t="s">
        <v>232</v>
      </c>
      <c r="B319" s="21" t="s">
        <v>237</v>
      </c>
      <c r="C319" s="21" t="s">
        <v>264</v>
      </c>
      <c r="D319" s="21" t="s">
        <v>395</v>
      </c>
      <c r="E319" s="21" t="s">
        <v>215</v>
      </c>
      <c r="F319" s="21" t="s">
        <v>419</v>
      </c>
      <c r="G319" s="16">
        <v>22042</v>
      </c>
      <c r="H319" s="16">
        <v>7765</v>
      </c>
      <c r="I319" s="16">
        <v>4190</v>
      </c>
      <c r="J319" s="16">
        <v>5187</v>
      </c>
      <c r="K319" s="16">
        <v>4900</v>
      </c>
      <c r="L319" s="22" t="s">
        <v>268</v>
      </c>
    </row>
    <row r="320" spans="1:12">
      <c r="A320" s="21" t="s">
        <v>232</v>
      </c>
      <c r="B320" s="21" t="s">
        <v>237</v>
      </c>
      <c r="C320" s="21" t="s">
        <v>264</v>
      </c>
      <c r="D320" s="21" t="s">
        <v>395</v>
      </c>
      <c r="E320" s="21" t="s">
        <v>215</v>
      </c>
      <c r="F320" s="21" t="s">
        <v>420</v>
      </c>
      <c r="G320" s="16">
        <v>9188</v>
      </c>
      <c r="H320" s="16">
        <v>3429</v>
      </c>
      <c r="I320" s="16">
        <v>1660</v>
      </c>
      <c r="J320" s="16">
        <v>2101</v>
      </c>
      <c r="K320" s="16">
        <v>1998</v>
      </c>
      <c r="L320" s="22" t="s">
        <v>268</v>
      </c>
    </row>
    <row r="321" spans="1:12">
      <c r="A321" s="21" t="s">
        <v>232</v>
      </c>
      <c r="B321" s="21" t="s">
        <v>237</v>
      </c>
      <c r="C321" s="21" t="s">
        <v>264</v>
      </c>
      <c r="D321" s="21" t="s">
        <v>395</v>
      </c>
      <c r="E321" s="21" t="s">
        <v>215</v>
      </c>
      <c r="F321" s="21" t="s">
        <v>421</v>
      </c>
      <c r="G321" s="16">
        <v>1820</v>
      </c>
      <c r="H321" s="16">
        <v>679</v>
      </c>
      <c r="I321" s="16">
        <v>339</v>
      </c>
      <c r="J321" s="16">
        <v>461</v>
      </c>
      <c r="K321" s="16">
        <v>341</v>
      </c>
      <c r="L321" s="22" t="s">
        <v>268</v>
      </c>
    </row>
    <row r="322" spans="1:12">
      <c r="A322" s="21" t="s">
        <v>232</v>
      </c>
      <c r="B322" s="21" t="s">
        <v>237</v>
      </c>
      <c r="C322" s="21" t="s">
        <v>264</v>
      </c>
      <c r="D322" s="21" t="s">
        <v>395</v>
      </c>
      <c r="E322" s="21" t="s">
        <v>215</v>
      </c>
      <c r="F322" s="21" t="s">
        <v>422</v>
      </c>
      <c r="G322" s="16">
        <v>205</v>
      </c>
      <c r="H322" s="16">
        <v>82</v>
      </c>
      <c r="I322" s="16">
        <v>37</v>
      </c>
      <c r="J322" s="16">
        <v>51</v>
      </c>
      <c r="K322" s="16">
        <v>35</v>
      </c>
      <c r="L322" s="22" t="s">
        <v>268</v>
      </c>
    </row>
    <row r="323" spans="1:12">
      <c r="A323" s="21" t="s">
        <v>232</v>
      </c>
      <c r="B323" s="21" t="s">
        <v>237</v>
      </c>
      <c r="C323" s="21" t="s">
        <v>264</v>
      </c>
      <c r="D323" s="21" t="s">
        <v>395</v>
      </c>
      <c r="E323" s="21" t="s">
        <v>215</v>
      </c>
      <c r="F323" s="21" t="s">
        <v>423</v>
      </c>
      <c r="G323" s="16">
        <v>4661</v>
      </c>
      <c r="H323" s="22" t="s">
        <v>268</v>
      </c>
      <c r="I323" s="22" t="s">
        <v>268</v>
      </c>
      <c r="J323" s="22" t="s">
        <v>268</v>
      </c>
      <c r="K323" s="22" t="s">
        <v>268</v>
      </c>
      <c r="L323" s="16">
        <v>4661</v>
      </c>
    </row>
    <row r="324" spans="1:12">
      <c r="A324" s="21" t="s">
        <v>232</v>
      </c>
      <c r="B324" s="21" t="s">
        <v>237</v>
      </c>
      <c r="C324" s="21" t="s">
        <v>264</v>
      </c>
      <c r="D324" s="21" t="s">
        <v>395</v>
      </c>
      <c r="E324" s="21" t="s">
        <v>215</v>
      </c>
      <c r="F324" s="21" t="s">
        <v>386</v>
      </c>
      <c r="G324" s="16">
        <v>116484</v>
      </c>
      <c r="H324" s="16">
        <v>28137</v>
      </c>
      <c r="I324" s="16">
        <v>28803</v>
      </c>
      <c r="J324" s="16">
        <v>30388</v>
      </c>
      <c r="K324" s="16">
        <v>29156</v>
      </c>
      <c r="L324" s="22" t="s">
        <v>268</v>
      </c>
    </row>
    <row r="325" spans="1:12">
      <c r="A325" s="21" t="s">
        <v>232</v>
      </c>
      <c r="B325" s="21" t="s">
        <v>237</v>
      </c>
      <c r="C325" s="21" t="s">
        <v>264</v>
      </c>
      <c r="D325" s="21" t="s">
        <v>395</v>
      </c>
      <c r="E325" s="21" t="s">
        <v>215</v>
      </c>
      <c r="F325" s="21" t="s">
        <v>387</v>
      </c>
      <c r="G325" s="16">
        <v>456836</v>
      </c>
      <c r="H325" s="16">
        <v>116914</v>
      </c>
      <c r="I325" s="16">
        <v>112237</v>
      </c>
      <c r="J325" s="16">
        <v>115663</v>
      </c>
      <c r="K325" s="16">
        <v>112022</v>
      </c>
      <c r="L325" s="22" t="s">
        <v>268</v>
      </c>
    </row>
    <row r="326" spans="1:12">
      <c r="A326" s="21" t="s">
        <v>232</v>
      </c>
      <c r="B326" s="21" t="s">
        <v>237</v>
      </c>
      <c r="C326" s="21" t="s">
        <v>264</v>
      </c>
      <c r="D326" s="21" t="s">
        <v>395</v>
      </c>
      <c r="E326" s="21" t="s">
        <v>215</v>
      </c>
      <c r="F326" s="21" t="s">
        <v>388</v>
      </c>
      <c r="G326" s="16">
        <v>228919</v>
      </c>
      <c r="H326" s="16">
        <v>71300</v>
      </c>
      <c r="I326" s="16">
        <v>47036</v>
      </c>
      <c r="J326" s="16">
        <v>55351</v>
      </c>
      <c r="K326" s="16">
        <v>55232</v>
      </c>
      <c r="L326" s="22" t="s">
        <v>268</v>
      </c>
    </row>
    <row r="327" spans="1:12">
      <c r="A327" s="21" t="s">
        <v>232</v>
      </c>
      <c r="B327" s="21" t="s">
        <v>237</v>
      </c>
      <c r="C327" s="21" t="s">
        <v>264</v>
      </c>
      <c r="D327" s="21" t="s">
        <v>395</v>
      </c>
      <c r="E327" s="21" t="s">
        <v>215</v>
      </c>
      <c r="F327" s="21" t="s">
        <v>389</v>
      </c>
      <c r="G327" s="16">
        <v>105450</v>
      </c>
      <c r="H327" s="16">
        <v>35542</v>
      </c>
      <c r="I327" s="16">
        <v>20536</v>
      </c>
      <c r="J327" s="16">
        <v>24429</v>
      </c>
      <c r="K327" s="16">
        <v>24943</v>
      </c>
      <c r="L327" s="22" t="s">
        <v>268</v>
      </c>
    </row>
    <row r="328" spans="1:12">
      <c r="A328" s="21" t="s">
        <v>232</v>
      </c>
      <c r="B328" s="21" t="s">
        <v>237</v>
      </c>
      <c r="C328" s="21" t="s">
        <v>264</v>
      </c>
      <c r="D328" s="21" t="s">
        <v>395</v>
      </c>
      <c r="E328" s="21" t="s">
        <v>215</v>
      </c>
      <c r="F328" s="21" t="s">
        <v>390</v>
      </c>
      <c r="G328" s="16">
        <v>33255</v>
      </c>
      <c r="H328" s="16">
        <v>11955</v>
      </c>
      <c r="I328" s="16">
        <v>6226</v>
      </c>
      <c r="J328" s="16">
        <v>7800</v>
      </c>
      <c r="K328" s="16">
        <v>7274</v>
      </c>
      <c r="L328" s="22" t="s">
        <v>268</v>
      </c>
    </row>
    <row r="329" spans="1:12">
      <c r="A329" s="21" t="s">
        <v>232</v>
      </c>
      <c r="B329" s="21" t="s">
        <v>237</v>
      </c>
      <c r="C329" s="21" t="s">
        <v>264</v>
      </c>
      <c r="D329" s="21" t="s">
        <v>395</v>
      </c>
      <c r="E329" s="21" t="s">
        <v>215</v>
      </c>
      <c r="F329" s="21" t="s">
        <v>391</v>
      </c>
      <c r="G329" s="16">
        <v>478841</v>
      </c>
      <c r="H329" s="16">
        <v>125759</v>
      </c>
      <c r="I329" s="16">
        <v>115544</v>
      </c>
      <c r="J329" s="16">
        <v>120024</v>
      </c>
      <c r="K329" s="16">
        <v>117514</v>
      </c>
      <c r="L329" s="22" t="s">
        <v>268</v>
      </c>
    </row>
    <row r="330" spans="1:12">
      <c r="A330" s="21" t="s">
        <v>232</v>
      </c>
      <c r="B330" s="21" t="s">
        <v>237</v>
      </c>
      <c r="C330" s="21" t="s">
        <v>264</v>
      </c>
      <c r="D330" s="21" t="s">
        <v>395</v>
      </c>
      <c r="E330" s="21" t="s">
        <v>216</v>
      </c>
      <c r="F330" s="21" t="s">
        <v>401</v>
      </c>
      <c r="G330" s="16">
        <v>898305</v>
      </c>
      <c r="H330" s="16">
        <v>252090</v>
      </c>
      <c r="I330" s="16">
        <v>204365</v>
      </c>
      <c r="J330" s="16">
        <v>221430</v>
      </c>
      <c r="K330" s="16">
        <v>217634</v>
      </c>
      <c r="L330" s="16">
        <v>2786</v>
      </c>
    </row>
    <row r="331" spans="1:12">
      <c r="A331" s="21" t="s">
        <v>232</v>
      </c>
      <c r="B331" s="21" t="s">
        <v>237</v>
      </c>
      <c r="C331" s="21" t="s">
        <v>264</v>
      </c>
      <c r="D331" s="21" t="s">
        <v>395</v>
      </c>
      <c r="E331" s="21" t="s">
        <v>216</v>
      </c>
      <c r="F331" s="21" t="s">
        <v>402</v>
      </c>
      <c r="G331" s="16">
        <v>33701</v>
      </c>
      <c r="H331" s="16">
        <v>8222</v>
      </c>
      <c r="I331" s="16">
        <v>8199</v>
      </c>
      <c r="J331" s="16">
        <v>8582</v>
      </c>
      <c r="K331" s="16">
        <v>8698</v>
      </c>
      <c r="L331" s="22" t="s">
        <v>268</v>
      </c>
    </row>
    <row r="332" spans="1:12">
      <c r="A332" s="21" t="s">
        <v>232</v>
      </c>
      <c r="B332" s="21" t="s">
        <v>237</v>
      </c>
      <c r="C332" s="21" t="s">
        <v>264</v>
      </c>
      <c r="D332" s="21" t="s">
        <v>395</v>
      </c>
      <c r="E332" s="21" t="s">
        <v>216</v>
      </c>
      <c r="F332" s="21" t="s">
        <v>403</v>
      </c>
      <c r="G332" s="16">
        <v>38015</v>
      </c>
      <c r="H332" s="16">
        <v>9059</v>
      </c>
      <c r="I332" s="16">
        <v>9309</v>
      </c>
      <c r="J332" s="16">
        <v>9995</v>
      </c>
      <c r="K332" s="16">
        <v>9652</v>
      </c>
      <c r="L332" s="22" t="s">
        <v>268</v>
      </c>
    </row>
    <row r="333" spans="1:12">
      <c r="A333" s="21" t="s">
        <v>232</v>
      </c>
      <c r="B333" s="21" t="s">
        <v>237</v>
      </c>
      <c r="C333" s="21" t="s">
        <v>264</v>
      </c>
      <c r="D333" s="21" t="s">
        <v>395</v>
      </c>
      <c r="E333" s="21" t="s">
        <v>216</v>
      </c>
      <c r="F333" s="21" t="s">
        <v>404</v>
      </c>
      <c r="G333" s="16">
        <v>39437</v>
      </c>
      <c r="H333" s="16">
        <v>9711</v>
      </c>
      <c r="I333" s="16">
        <v>9589</v>
      </c>
      <c r="J333" s="16">
        <v>10224</v>
      </c>
      <c r="K333" s="16">
        <v>9913</v>
      </c>
      <c r="L333" s="22" t="s">
        <v>268</v>
      </c>
    </row>
    <row r="334" spans="1:12">
      <c r="A334" s="21" t="s">
        <v>232</v>
      </c>
      <c r="B334" s="21" t="s">
        <v>237</v>
      </c>
      <c r="C334" s="21" t="s">
        <v>264</v>
      </c>
      <c r="D334" s="21" t="s">
        <v>395</v>
      </c>
      <c r="E334" s="21" t="s">
        <v>216</v>
      </c>
      <c r="F334" s="21" t="s">
        <v>405</v>
      </c>
      <c r="G334" s="16">
        <v>38285</v>
      </c>
      <c r="H334" s="16">
        <v>9099</v>
      </c>
      <c r="I334" s="16">
        <v>9617</v>
      </c>
      <c r="J334" s="16">
        <v>10113</v>
      </c>
      <c r="K334" s="16">
        <v>9456</v>
      </c>
      <c r="L334" s="22" t="s">
        <v>268</v>
      </c>
    </row>
    <row r="335" spans="1:12">
      <c r="A335" s="21" t="s">
        <v>232</v>
      </c>
      <c r="B335" s="21" t="s">
        <v>237</v>
      </c>
      <c r="C335" s="21" t="s">
        <v>264</v>
      </c>
      <c r="D335" s="21" t="s">
        <v>395</v>
      </c>
      <c r="E335" s="21" t="s">
        <v>216</v>
      </c>
      <c r="F335" s="21" t="s">
        <v>406</v>
      </c>
      <c r="G335" s="16">
        <v>33028</v>
      </c>
      <c r="H335" s="16">
        <v>8022</v>
      </c>
      <c r="I335" s="16">
        <v>8228</v>
      </c>
      <c r="J335" s="16">
        <v>8765</v>
      </c>
      <c r="K335" s="16">
        <v>8013</v>
      </c>
      <c r="L335" s="22" t="s">
        <v>268</v>
      </c>
    </row>
    <row r="336" spans="1:12">
      <c r="A336" s="21" t="s">
        <v>232</v>
      </c>
      <c r="B336" s="21" t="s">
        <v>237</v>
      </c>
      <c r="C336" s="21" t="s">
        <v>264</v>
      </c>
      <c r="D336" s="21" t="s">
        <v>395</v>
      </c>
      <c r="E336" s="21" t="s">
        <v>216</v>
      </c>
      <c r="F336" s="21" t="s">
        <v>407</v>
      </c>
      <c r="G336" s="16">
        <v>34613</v>
      </c>
      <c r="H336" s="16">
        <v>8434</v>
      </c>
      <c r="I336" s="16">
        <v>8538</v>
      </c>
      <c r="J336" s="16">
        <v>8960</v>
      </c>
      <c r="K336" s="16">
        <v>8681</v>
      </c>
      <c r="L336" s="22" t="s">
        <v>268</v>
      </c>
    </row>
    <row r="337" spans="1:12">
      <c r="A337" s="21" t="s">
        <v>232</v>
      </c>
      <c r="B337" s="21" t="s">
        <v>237</v>
      </c>
      <c r="C337" s="21" t="s">
        <v>264</v>
      </c>
      <c r="D337" s="21" t="s">
        <v>395</v>
      </c>
      <c r="E337" s="21" t="s">
        <v>216</v>
      </c>
      <c r="F337" s="21" t="s">
        <v>408</v>
      </c>
      <c r="G337" s="16">
        <v>41072</v>
      </c>
      <c r="H337" s="16">
        <v>9990</v>
      </c>
      <c r="I337" s="16">
        <v>10076</v>
      </c>
      <c r="J337" s="16">
        <v>10408</v>
      </c>
      <c r="K337" s="16">
        <v>10598</v>
      </c>
      <c r="L337" s="22" t="s">
        <v>268</v>
      </c>
    </row>
    <row r="338" spans="1:12">
      <c r="A338" s="21" t="s">
        <v>232</v>
      </c>
      <c r="B338" s="21" t="s">
        <v>237</v>
      </c>
      <c r="C338" s="21" t="s">
        <v>264</v>
      </c>
      <c r="D338" s="21" t="s">
        <v>395</v>
      </c>
      <c r="E338" s="21" t="s">
        <v>216</v>
      </c>
      <c r="F338" s="21" t="s">
        <v>409</v>
      </c>
      <c r="G338" s="16">
        <v>48412</v>
      </c>
      <c r="H338" s="16">
        <v>11638</v>
      </c>
      <c r="I338" s="16">
        <v>12018</v>
      </c>
      <c r="J338" s="16">
        <v>12821</v>
      </c>
      <c r="K338" s="16">
        <v>11935</v>
      </c>
      <c r="L338" s="22" t="s">
        <v>268</v>
      </c>
    </row>
    <row r="339" spans="1:12">
      <c r="A339" s="21" t="s">
        <v>232</v>
      </c>
      <c r="B339" s="21" t="s">
        <v>237</v>
      </c>
      <c r="C339" s="21" t="s">
        <v>264</v>
      </c>
      <c r="D339" s="21" t="s">
        <v>395</v>
      </c>
      <c r="E339" s="21" t="s">
        <v>216</v>
      </c>
      <c r="F339" s="21" t="s">
        <v>410</v>
      </c>
      <c r="G339" s="16">
        <v>53086</v>
      </c>
      <c r="H339" s="16">
        <v>12908</v>
      </c>
      <c r="I339" s="16">
        <v>13145</v>
      </c>
      <c r="J339" s="16">
        <v>13801</v>
      </c>
      <c r="K339" s="16">
        <v>13232</v>
      </c>
      <c r="L339" s="22" t="s">
        <v>268</v>
      </c>
    </row>
    <row r="340" spans="1:12">
      <c r="A340" s="21" t="s">
        <v>232</v>
      </c>
      <c r="B340" s="21" t="s">
        <v>237</v>
      </c>
      <c r="C340" s="21" t="s">
        <v>264</v>
      </c>
      <c r="D340" s="21" t="s">
        <v>395</v>
      </c>
      <c r="E340" s="21" t="s">
        <v>216</v>
      </c>
      <c r="F340" s="21" t="s">
        <v>411</v>
      </c>
      <c r="G340" s="16">
        <v>56620</v>
      </c>
      <c r="H340" s="16">
        <v>14371</v>
      </c>
      <c r="I340" s="16">
        <v>14039</v>
      </c>
      <c r="J340" s="16">
        <v>14689</v>
      </c>
      <c r="K340" s="16">
        <v>13521</v>
      </c>
      <c r="L340" s="22" t="s">
        <v>268</v>
      </c>
    </row>
    <row r="341" spans="1:12">
      <c r="A341" s="21" t="s">
        <v>232</v>
      </c>
      <c r="B341" s="21" t="s">
        <v>237</v>
      </c>
      <c r="C341" s="21" t="s">
        <v>264</v>
      </c>
      <c r="D341" s="21" t="s">
        <v>395</v>
      </c>
      <c r="E341" s="21" t="s">
        <v>216</v>
      </c>
      <c r="F341" s="21" t="s">
        <v>412</v>
      </c>
      <c r="G341" s="16">
        <v>52841</v>
      </c>
      <c r="H341" s="16">
        <v>14630</v>
      </c>
      <c r="I341" s="16">
        <v>12777</v>
      </c>
      <c r="J341" s="16">
        <v>12757</v>
      </c>
      <c r="K341" s="16">
        <v>12677</v>
      </c>
      <c r="L341" s="22" t="s">
        <v>268</v>
      </c>
    </row>
    <row r="342" spans="1:12">
      <c r="A342" s="21" t="s">
        <v>232</v>
      </c>
      <c r="B342" s="21" t="s">
        <v>237</v>
      </c>
      <c r="C342" s="21" t="s">
        <v>264</v>
      </c>
      <c r="D342" s="21" t="s">
        <v>395</v>
      </c>
      <c r="E342" s="21" t="s">
        <v>216</v>
      </c>
      <c r="F342" s="21" t="s">
        <v>413</v>
      </c>
      <c r="G342" s="16">
        <v>55485</v>
      </c>
      <c r="H342" s="16">
        <v>15837</v>
      </c>
      <c r="I342" s="16">
        <v>13199</v>
      </c>
      <c r="J342" s="16">
        <v>13367</v>
      </c>
      <c r="K342" s="16">
        <v>13082</v>
      </c>
      <c r="L342" s="22" t="s">
        <v>268</v>
      </c>
    </row>
    <row r="343" spans="1:12">
      <c r="A343" s="21" t="s">
        <v>232</v>
      </c>
      <c r="B343" s="21" t="s">
        <v>237</v>
      </c>
      <c r="C343" s="21" t="s">
        <v>264</v>
      </c>
      <c r="D343" s="21" t="s">
        <v>395</v>
      </c>
      <c r="E343" s="21" t="s">
        <v>216</v>
      </c>
      <c r="F343" s="21" t="s">
        <v>414</v>
      </c>
      <c r="G343" s="16">
        <v>59974</v>
      </c>
      <c r="H343" s="16">
        <v>17553</v>
      </c>
      <c r="I343" s="16">
        <v>13659</v>
      </c>
      <c r="J343" s="16">
        <v>14197</v>
      </c>
      <c r="K343" s="16">
        <v>14565</v>
      </c>
      <c r="L343" s="22" t="s">
        <v>268</v>
      </c>
    </row>
    <row r="344" spans="1:12">
      <c r="A344" s="21" t="s">
        <v>232</v>
      </c>
      <c r="B344" s="21" t="s">
        <v>237</v>
      </c>
      <c r="C344" s="21" t="s">
        <v>264</v>
      </c>
      <c r="D344" s="21" t="s">
        <v>395</v>
      </c>
      <c r="E344" s="21" t="s">
        <v>216</v>
      </c>
      <c r="F344" s="21" t="s">
        <v>415</v>
      </c>
      <c r="G344" s="16">
        <v>66927</v>
      </c>
      <c r="H344" s="16">
        <v>19858</v>
      </c>
      <c r="I344" s="16">
        <v>14344</v>
      </c>
      <c r="J344" s="16">
        <v>15932</v>
      </c>
      <c r="K344" s="16">
        <v>16793</v>
      </c>
      <c r="L344" s="22" t="s">
        <v>268</v>
      </c>
    </row>
    <row r="345" spans="1:12">
      <c r="A345" s="21" t="s">
        <v>232</v>
      </c>
      <c r="B345" s="21" t="s">
        <v>237</v>
      </c>
      <c r="C345" s="21" t="s">
        <v>264</v>
      </c>
      <c r="D345" s="21" t="s">
        <v>395</v>
      </c>
      <c r="E345" s="21" t="s">
        <v>216</v>
      </c>
      <c r="F345" s="21" t="s">
        <v>416</v>
      </c>
      <c r="G345" s="16">
        <v>67323</v>
      </c>
      <c r="H345" s="16">
        <v>19463</v>
      </c>
      <c r="I345" s="16">
        <v>14354</v>
      </c>
      <c r="J345" s="16">
        <v>17266</v>
      </c>
      <c r="K345" s="16">
        <v>16240</v>
      </c>
      <c r="L345" s="22" t="s">
        <v>268</v>
      </c>
    </row>
    <row r="346" spans="1:12">
      <c r="A346" s="21" t="s">
        <v>232</v>
      </c>
      <c r="B346" s="21" t="s">
        <v>237</v>
      </c>
      <c r="C346" s="21" t="s">
        <v>264</v>
      </c>
      <c r="D346" s="21" t="s">
        <v>395</v>
      </c>
      <c r="E346" s="21" t="s">
        <v>216</v>
      </c>
      <c r="F346" s="21" t="s">
        <v>417</v>
      </c>
      <c r="G346" s="16">
        <v>52490</v>
      </c>
      <c r="H346" s="16">
        <v>16812</v>
      </c>
      <c r="I346" s="16">
        <v>10601</v>
      </c>
      <c r="J346" s="16">
        <v>12030</v>
      </c>
      <c r="K346" s="16">
        <v>13047</v>
      </c>
      <c r="L346" s="22" t="s">
        <v>268</v>
      </c>
    </row>
    <row r="347" spans="1:12">
      <c r="A347" s="21" t="s">
        <v>232</v>
      </c>
      <c r="B347" s="21" t="s">
        <v>237</v>
      </c>
      <c r="C347" s="21" t="s">
        <v>264</v>
      </c>
      <c r="D347" s="21" t="s">
        <v>395</v>
      </c>
      <c r="E347" s="21" t="s">
        <v>216</v>
      </c>
      <c r="F347" s="21" t="s">
        <v>418</v>
      </c>
      <c r="G347" s="16">
        <v>48715</v>
      </c>
      <c r="H347" s="16">
        <v>17592</v>
      </c>
      <c r="I347" s="16">
        <v>9113</v>
      </c>
      <c r="J347" s="16">
        <v>10640</v>
      </c>
      <c r="K347" s="16">
        <v>11370</v>
      </c>
      <c r="L347" s="22" t="s">
        <v>268</v>
      </c>
    </row>
    <row r="348" spans="1:12">
      <c r="A348" s="21" t="s">
        <v>232</v>
      </c>
      <c r="B348" s="21" t="s">
        <v>237</v>
      </c>
      <c r="C348" s="21" t="s">
        <v>264</v>
      </c>
      <c r="D348" s="21" t="s">
        <v>395</v>
      </c>
      <c r="E348" s="21" t="s">
        <v>216</v>
      </c>
      <c r="F348" s="21" t="s">
        <v>419</v>
      </c>
      <c r="G348" s="16">
        <v>41219</v>
      </c>
      <c r="H348" s="16">
        <v>15459</v>
      </c>
      <c r="I348" s="16">
        <v>7562</v>
      </c>
      <c r="J348" s="16">
        <v>9298</v>
      </c>
      <c r="K348" s="16">
        <v>8900</v>
      </c>
      <c r="L348" s="22" t="s">
        <v>268</v>
      </c>
    </row>
    <row r="349" spans="1:12">
      <c r="A349" s="21" t="s">
        <v>232</v>
      </c>
      <c r="B349" s="21" t="s">
        <v>237</v>
      </c>
      <c r="C349" s="21" t="s">
        <v>264</v>
      </c>
      <c r="D349" s="21" t="s">
        <v>395</v>
      </c>
      <c r="E349" s="21" t="s">
        <v>216</v>
      </c>
      <c r="F349" s="21" t="s">
        <v>420</v>
      </c>
      <c r="G349" s="16">
        <v>24384</v>
      </c>
      <c r="H349" s="16">
        <v>9394</v>
      </c>
      <c r="I349" s="16">
        <v>4389</v>
      </c>
      <c r="J349" s="16">
        <v>5370</v>
      </c>
      <c r="K349" s="16">
        <v>5231</v>
      </c>
      <c r="L349" s="22" t="s">
        <v>268</v>
      </c>
    </row>
    <row r="350" spans="1:12">
      <c r="A350" s="21" t="s">
        <v>232</v>
      </c>
      <c r="B350" s="21" t="s">
        <v>237</v>
      </c>
      <c r="C350" s="21" t="s">
        <v>264</v>
      </c>
      <c r="D350" s="21" t="s">
        <v>395</v>
      </c>
      <c r="E350" s="21" t="s">
        <v>216</v>
      </c>
      <c r="F350" s="21" t="s">
        <v>421</v>
      </c>
      <c r="G350" s="16">
        <v>8388</v>
      </c>
      <c r="H350" s="16">
        <v>3437</v>
      </c>
      <c r="I350" s="16">
        <v>1348</v>
      </c>
      <c r="J350" s="16">
        <v>1846</v>
      </c>
      <c r="K350" s="16">
        <v>1757</v>
      </c>
      <c r="L350" s="22" t="s">
        <v>268</v>
      </c>
    </row>
    <row r="351" spans="1:12">
      <c r="A351" s="21" t="s">
        <v>232</v>
      </c>
      <c r="B351" s="21" t="s">
        <v>237</v>
      </c>
      <c r="C351" s="21" t="s">
        <v>264</v>
      </c>
      <c r="D351" s="21" t="s">
        <v>395</v>
      </c>
      <c r="E351" s="21" t="s">
        <v>216</v>
      </c>
      <c r="F351" s="21" t="s">
        <v>422</v>
      </c>
      <c r="G351" s="16">
        <v>1504</v>
      </c>
      <c r="H351" s="16">
        <v>601</v>
      </c>
      <c r="I351" s="16">
        <v>261</v>
      </c>
      <c r="J351" s="16">
        <v>369</v>
      </c>
      <c r="K351" s="16">
        <v>273</v>
      </c>
      <c r="L351" s="22" t="s">
        <v>268</v>
      </c>
    </row>
    <row r="352" spans="1:12">
      <c r="A352" s="21" t="s">
        <v>232</v>
      </c>
      <c r="B352" s="21" t="s">
        <v>237</v>
      </c>
      <c r="C352" s="21" t="s">
        <v>264</v>
      </c>
      <c r="D352" s="21" t="s">
        <v>395</v>
      </c>
      <c r="E352" s="21" t="s">
        <v>216</v>
      </c>
      <c r="F352" s="21" t="s">
        <v>423</v>
      </c>
      <c r="G352" s="16">
        <v>2786</v>
      </c>
      <c r="H352" s="22" t="s">
        <v>268</v>
      </c>
      <c r="I352" s="22" t="s">
        <v>268</v>
      </c>
      <c r="J352" s="22" t="s">
        <v>268</v>
      </c>
      <c r="K352" s="22" t="s">
        <v>268</v>
      </c>
      <c r="L352" s="16">
        <v>2786</v>
      </c>
    </row>
    <row r="353" spans="1:12">
      <c r="A353" s="21" t="s">
        <v>232</v>
      </c>
      <c r="B353" s="21" t="s">
        <v>237</v>
      </c>
      <c r="C353" s="21" t="s">
        <v>264</v>
      </c>
      <c r="D353" s="21" t="s">
        <v>395</v>
      </c>
      <c r="E353" s="21" t="s">
        <v>216</v>
      </c>
      <c r="F353" s="21" t="s">
        <v>386</v>
      </c>
      <c r="G353" s="16">
        <v>111153</v>
      </c>
      <c r="H353" s="16">
        <v>26992</v>
      </c>
      <c r="I353" s="16">
        <v>27097</v>
      </c>
      <c r="J353" s="16">
        <v>28801</v>
      </c>
      <c r="K353" s="16">
        <v>28263</v>
      </c>
      <c r="L353" s="22" t="s">
        <v>268</v>
      </c>
    </row>
    <row r="354" spans="1:12">
      <c r="A354" s="21" t="s">
        <v>232</v>
      </c>
      <c r="B354" s="21" t="s">
        <v>237</v>
      </c>
      <c r="C354" s="21" t="s">
        <v>264</v>
      </c>
      <c r="D354" s="21" t="s">
        <v>395</v>
      </c>
      <c r="E354" s="21" t="s">
        <v>216</v>
      </c>
      <c r="F354" s="21" t="s">
        <v>387</v>
      </c>
      <c r="G354" s="16">
        <v>473416</v>
      </c>
      <c r="H354" s="16">
        <v>122482</v>
      </c>
      <c r="I354" s="16">
        <v>115296</v>
      </c>
      <c r="J354" s="16">
        <v>119878</v>
      </c>
      <c r="K354" s="16">
        <v>115760</v>
      </c>
      <c r="L354" s="22" t="s">
        <v>268</v>
      </c>
    </row>
    <row r="355" spans="1:12">
      <c r="A355" s="21" t="s">
        <v>232</v>
      </c>
      <c r="B355" s="21" t="s">
        <v>237</v>
      </c>
      <c r="C355" s="21" t="s">
        <v>264</v>
      </c>
      <c r="D355" s="21" t="s">
        <v>395</v>
      </c>
      <c r="E355" s="21" t="s">
        <v>216</v>
      </c>
      <c r="F355" s="21" t="s">
        <v>388</v>
      </c>
      <c r="G355" s="16">
        <v>310950</v>
      </c>
      <c r="H355" s="16">
        <v>102616</v>
      </c>
      <c r="I355" s="16">
        <v>61972</v>
      </c>
      <c r="J355" s="16">
        <v>72751</v>
      </c>
      <c r="K355" s="16">
        <v>73611</v>
      </c>
      <c r="L355" s="22" t="s">
        <v>268</v>
      </c>
    </row>
    <row r="356" spans="1:12">
      <c r="A356" s="21" t="s">
        <v>232</v>
      </c>
      <c r="B356" s="21" t="s">
        <v>237</v>
      </c>
      <c r="C356" s="21" t="s">
        <v>264</v>
      </c>
      <c r="D356" s="21" t="s">
        <v>395</v>
      </c>
      <c r="E356" s="21" t="s">
        <v>216</v>
      </c>
      <c r="F356" s="21" t="s">
        <v>389</v>
      </c>
      <c r="G356" s="16">
        <v>176700</v>
      </c>
      <c r="H356" s="16">
        <v>63295</v>
      </c>
      <c r="I356" s="16">
        <v>33274</v>
      </c>
      <c r="J356" s="16">
        <v>39553</v>
      </c>
      <c r="K356" s="16">
        <v>40578</v>
      </c>
      <c r="L356" s="22" t="s">
        <v>268</v>
      </c>
    </row>
    <row r="357" spans="1:12">
      <c r="A357" s="21" t="s">
        <v>232</v>
      </c>
      <c r="B357" s="21" t="s">
        <v>237</v>
      </c>
      <c r="C357" s="21" t="s">
        <v>264</v>
      </c>
      <c r="D357" s="21" t="s">
        <v>395</v>
      </c>
      <c r="E357" s="21" t="s">
        <v>216</v>
      </c>
      <c r="F357" s="21" t="s">
        <v>390</v>
      </c>
      <c r="G357" s="16">
        <v>75495</v>
      </c>
      <c r="H357" s="16">
        <v>28891</v>
      </c>
      <c r="I357" s="16">
        <v>13560</v>
      </c>
      <c r="J357" s="16">
        <v>16883</v>
      </c>
      <c r="K357" s="16">
        <v>16161</v>
      </c>
      <c r="L357" s="22" t="s">
        <v>268</v>
      </c>
    </row>
    <row r="358" spans="1:12">
      <c r="A358" s="21" t="s">
        <v>232</v>
      </c>
      <c r="B358" s="21" t="s">
        <v>237</v>
      </c>
      <c r="C358" s="21" t="s">
        <v>264</v>
      </c>
      <c r="D358" s="21" t="s">
        <v>395</v>
      </c>
      <c r="E358" s="21" t="s">
        <v>216</v>
      </c>
      <c r="F358" s="21" t="s">
        <v>391</v>
      </c>
      <c r="G358" s="16">
        <v>502058</v>
      </c>
      <c r="H358" s="16">
        <v>133241</v>
      </c>
      <c r="I358" s="16">
        <v>120023</v>
      </c>
      <c r="J358" s="16">
        <v>125697</v>
      </c>
      <c r="K358" s="16">
        <v>123097</v>
      </c>
      <c r="L358" s="22" t="s">
        <v>268</v>
      </c>
    </row>
    <row r="359" spans="1:12">
      <c r="A359" s="21" t="s">
        <v>240</v>
      </c>
      <c r="B359" s="21" t="s">
        <v>237</v>
      </c>
      <c r="C359" s="21" t="s">
        <v>265</v>
      </c>
      <c r="D359" s="21" t="s">
        <v>394</v>
      </c>
      <c r="E359" s="21" t="s">
        <v>214</v>
      </c>
      <c r="F359" s="21" t="s">
        <v>401</v>
      </c>
      <c r="G359" s="16">
        <v>123067</v>
      </c>
      <c r="H359" s="16">
        <v>33994</v>
      </c>
      <c r="I359" s="16">
        <v>27672</v>
      </c>
      <c r="J359" s="16">
        <v>29838</v>
      </c>
      <c r="K359" s="16">
        <v>30352</v>
      </c>
      <c r="L359" s="16">
        <v>1211</v>
      </c>
    </row>
    <row r="360" spans="1:12">
      <c r="A360" s="21" t="s">
        <v>240</v>
      </c>
      <c r="B360" s="21" t="s">
        <v>237</v>
      </c>
      <c r="C360" s="21" t="s">
        <v>265</v>
      </c>
      <c r="D360" s="21" t="s">
        <v>394</v>
      </c>
      <c r="E360" s="21" t="s">
        <v>214</v>
      </c>
      <c r="F360" s="21" t="s">
        <v>402</v>
      </c>
      <c r="G360" s="16">
        <v>4334</v>
      </c>
      <c r="H360" s="16">
        <v>1016</v>
      </c>
      <c r="I360" s="16">
        <v>1078</v>
      </c>
      <c r="J360" s="16">
        <v>1121</v>
      </c>
      <c r="K360" s="16">
        <v>1119</v>
      </c>
      <c r="L360" s="22" t="s">
        <v>268</v>
      </c>
    </row>
    <row r="361" spans="1:12">
      <c r="A361" s="21" t="s">
        <v>240</v>
      </c>
      <c r="B361" s="21" t="s">
        <v>237</v>
      </c>
      <c r="C361" s="21" t="s">
        <v>265</v>
      </c>
      <c r="D361" s="21" t="s">
        <v>394</v>
      </c>
      <c r="E361" s="21" t="s">
        <v>214</v>
      </c>
      <c r="F361" s="21" t="s">
        <v>403</v>
      </c>
      <c r="G361" s="16">
        <v>5122</v>
      </c>
      <c r="H361" s="16">
        <v>1211</v>
      </c>
      <c r="I361" s="16">
        <v>1310</v>
      </c>
      <c r="J361" s="16">
        <v>1304</v>
      </c>
      <c r="K361" s="16">
        <v>1297</v>
      </c>
      <c r="L361" s="22" t="s">
        <v>268</v>
      </c>
    </row>
    <row r="362" spans="1:12">
      <c r="A362" s="21" t="s">
        <v>240</v>
      </c>
      <c r="B362" s="21" t="s">
        <v>237</v>
      </c>
      <c r="C362" s="21" t="s">
        <v>265</v>
      </c>
      <c r="D362" s="21" t="s">
        <v>394</v>
      </c>
      <c r="E362" s="21" t="s">
        <v>214</v>
      </c>
      <c r="F362" s="21" t="s">
        <v>404</v>
      </c>
      <c r="G362" s="16">
        <v>5223</v>
      </c>
      <c r="H362" s="16">
        <v>1271</v>
      </c>
      <c r="I362" s="16">
        <v>1285</v>
      </c>
      <c r="J362" s="16">
        <v>1380</v>
      </c>
      <c r="K362" s="16">
        <v>1287</v>
      </c>
      <c r="L362" s="22" t="s">
        <v>268</v>
      </c>
    </row>
    <row r="363" spans="1:12">
      <c r="A363" s="21" t="s">
        <v>240</v>
      </c>
      <c r="B363" s="21" t="s">
        <v>237</v>
      </c>
      <c r="C363" s="21" t="s">
        <v>265</v>
      </c>
      <c r="D363" s="21" t="s">
        <v>394</v>
      </c>
      <c r="E363" s="21" t="s">
        <v>214</v>
      </c>
      <c r="F363" s="21" t="s">
        <v>405</v>
      </c>
      <c r="G363" s="16">
        <v>5769</v>
      </c>
      <c r="H363" s="16">
        <v>1342</v>
      </c>
      <c r="I363" s="16">
        <v>1472</v>
      </c>
      <c r="J363" s="16">
        <v>1489</v>
      </c>
      <c r="K363" s="16">
        <v>1466</v>
      </c>
      <c r="L363" s="22" t="s">
        <v>268</v>
      </c>
    </row>
    <row r="364" spans="1:12">
      <c r="A364" s="21" t="s">
        <v>240</v>
      </c>
      <c r="B364" s="21" t="s">
        <v>237</v>
      </c>
      <c r="C364" s="21" t="s">
        <v>265</v>
      </c>
      <c r="D364" s="21" t="s">
        <v>394</v>
      </c>
      <c r="E364" s="21" t="s">
        <v>214</v>
      </c>
      <c r="F364" s="21" t="s">
        <v>406</v>
      </c>
      <c r="G364" s="16">
        <v>4392</v>
      </c>
      <c r="H364" s="16">
        <v>1085</v>
      </c>
      <c r="I364" s="16">
        <v>1044</v>
      </c>
      <c r="J364" s="16">
        <v>1168</v>
      </c>
      <c r="K364" s="16">
        <v>1095</v>
      </c>
      <c r="L364" s="22" t="s">
        <v>268</v>
      </c>
    </row>
    <row r="365" spans="1:12">
      <c r="A365" s="21" t="s">
        <v>240</v>
      </c>
      <c r="B365" s="21" t="s">
        <v>237</v>
      </c>
      <c r="C365" s="21" t="s">
        <v>265</v>
      </c>
      <c r="D365" s="21" t="s">
        <v>394</v>
      </c>
      <c r="E365" s="21" t="s">
        <v>214</v>
      </c>
      <c r="F365" s="21" t="s">
        <v>407</v>
      </c>
      <c r="G365" s="16">
        <v>4790</v>
      </c>
      <c r="H365" s="16">
        <v>1160</v>
      </c>
      <c r="I365" s="16">
        <v>1150</v>
      </c>
      <c r="J365" s="16">
        <v>1222</v>
      </c>
      <c r="K365" s="16">
        <v>1258</v>
      </c>
      <c r="L365" s="22" t="s">
        <v>268</v>
      </c>
    </row>
    <row r="366" spans="1:12">
      <c r="A366" s="21" t="s">
        <v>240</v>
      </c>
      <c r="B366" s="21" t="s">
        <v>237</v>
      </c>
      <c r="C366" s="21" t="s">
        <v>265</v>
      </c>
      <c r="D366" s="21" t="s">
        <v>394</v>
      </c>
      <c r="E366" s="21" t="s">
        <v>214</v>
      </c>
      <c r="F366" s="21" t="s">
        <v>408</v>
      </c>
      <c r="G366" s="16">
        <v>5519</v>
      </c>
      <c r="H366" s="16">
        <v>1382</v>
      </c>
      <c r="I366" s="16">
        <v>1383</v>
      </c>
      <c r="J366" s="16">
        <v>1328</v>
      </c>
      <c r="K366" s="16">
        <v>1426</v>
      </c>
      <c r="L366" s="22" t="s">
        <v>268</v>
      </c>
    </row>
    <row r="367" spans="1:12">
      <c r="A367" s="21" t="s">
        <v>240</v>
      </c>
      <c r="B367" s="21" t="s">
        <v>237</v>
      </c>
      <c r="C367" s="21" t="s">
        <v>265</v>
      </c>
      <c r="D367" s="21" t="s">
        <v>394</v>
      </c>
      <c r="E367" s="21" t="s">
        <v>214</v>
      </c>
      <c r="F367" s="21" t="s">
        <v>409</v>
      </c>
      <c r="G367" s="16">
        <v>6360</v>
      </c>
      <c r="H367" s="16">
        <v>1551</v>
      </c>
      <c r="I367" s="16">
        <v>1580</v>
      </c>
      <c r="J367" s="16">
        <v>1626</v>
      </c>
      <c r="K367" s="16">
        <v>1603</v>
      </c>
      <c r="L367" s="22" t="s">
        <v>268</v>
      </c>
    </row>
    <row r="368" spans="1:12">
      <c r="A368" s="21" t="s">
        <v>240</v>
      </c>
      <c r="B368" s="21" t="s">
        <v>237</v>
      </c>
      <c r="C368" s="21" t="s">
        <v>265</v>
      </c>
      <c r="D368" s="21" t="s">
        <v>394</v>
      </c>
      <c r="E368" s="21" t="s">
        <v>214</v>
      </c>
      <c r="F368" s="21" t="s">
        <v>410</v>
      </c>
      <c r="G368" s="16">
        <v>6914</v>
      </c>
      <c r="H368" s="16">
        <v>1749</v>
      </c>
      <c r="I368" s="16">
        <v>1704</v>
      </c>
      <c r="J368" s="16">
        <v>1748</v>
      </c>
      <c r="K368" s="16">
        <v>1713</v>
      </c>
      <c r="L368" s="22" t="s">
        <v>268</v>
      </c>
    </row>
    <row r="369" spans="1:12">
      <c r="A369" s="21" t="s">
        <v>240</v>
      </c>
      <c r="B369" s="21" t="s">
        <v>237</v>
      </c>
      <c r="C369" s="21" t="s">
        <v>265</v>
      </c>
      <c r="D369" s="21" t="s">
        <v>394</v>
      </c>
      <c r="E369" s="21" t="s">
        <v>214</v>
      </c>
      <c r="F369" s="21" t="s">
        <v>411</v>
      </c>
      <c r="G369" s="16">
        <v>7620</v>
      </c>
      <c r="H369" s="16">
        <v>1979</v>
      </c>
      <c r="I369" s="16">
        <v>1942</v>
      </c>
      <c r="J369" s="16">
        <v>1874</v>
      </c>
      <c r="K369" s="16">
        <v>1825</v>
      </c>
      <c r="L369" s="22" t="s">
        <v>268</v>
      </c>
    </row>
    <row r="370" spans="1:12">
      <c r="A370" s="21" t="s">
        <v>240</v>
      </c>
      <c r="B370" s="21" t="s">
        <v>237</v>
      </c>
      <c r="C370" s="21" t="s">
        <v>265</v>
      </c>
      <c r="D370" s="21" t="s">
        <v>394</v>
      </c>
      <c r="E370" s="21" t="s">
        <v>214</v>
      </c>
      <c r="F370" s="21" t="s">
        <v>412</v>
      </c>
      <c r="G370" s="16">
        <v>7331</v>
      </c>
      <c r="H370" s="16">
        <v>2000</v>
      </c>
      <c r="I370" s="16">
        <v>1851</v>
      </c>
      <c r="J370" s="16">
        <v>1738</v>
      </c>
      <c r="K370" s="16">
        <v>1742</v>
      </c>
      <c r="L370" s="22" t="s">
        <v>268</v>
      </c>
    </row>
    <row r="371" spans="1:12">
      <c r="A371" s="21" t="s">
        <v>240</v>
      </c>
      <c r="B371" s="21" t="s">
        <v>237</v>
      </c>
      <c r="C371" s="21" t="s">
        <v>265</v>
      </c>
      <c r="D371" s="21" t="s">
        <v>394</v>
      </c>
      <c r="E371" s="21" t="s">
        <v>214</v>
      </c>
      <c r="F371" s="21" t="s">
        <v>413</v>
      </c>
      <c r="G371" s="16">
        <v>7793</v>
      </c>
      <c r="H371" s="16">
        <v>2238</v>
      </c>
      <c r="I371" s="16">
        <v>1832</v>
      </c>
      <c r="J371" s="16">
        <v>1833</v>
      </c>
      <c r="K371" s="16">
        <v>1890</v>
      </c>
      <c r="L371" s="22" t="s">
        <v>268</v>
      </c>
    </row>
    <row r="372" spans="1:12">
      <c r="A372" s="21" t="s">
        <v>240</v>
      </c>
      <c r="B372" s="21" t="s">
        <v>237</v>
      </c>
      <c r="C372" s="21" t="s">
        <v>265</v>
      </c>
      <c r="D372" s="21" t="s">
        <v>394</v>
      </c>
      <c r="E372" s="21" t="s">
        <v>214</v>
      </c>
      <c r="F372" s="21" t="s">
        <v>414</v>
      </c>
      <c r="G372" s="16">
        <v>8558</v>
      </c>
      <c r="H372" s="16">
        <v>2429</v>
      </c>
      <c r="I372" s="16">
        <v>1909</v>
      </c>
      <c r="J372" s="16">
        <v>2016</v>
      </c>
      <c r="K372" s="16">
        <v>2204</v>
      </c>
      <c r="L372" s="22" t="s">
        <v>268</v>
      </c>
    </row>
    <row r="373" spans="1:12">
      <c r="A373" s="21" t="s">
        <v>240</v>
      </c>
      <c r="B373" s="21" t="s">
        <v>237</v>
      </c>
      <c r="C373" s="21" t="s">
        <v>265</v>
      </c>
      <c r="D373" s="21" t="s">
        <v>394</v>
      </c>
      <c r="E373" s="21" t="s">
        <v>214</v>
      </c>
      <c r="F373" s="21" t="s">
        <v>415</v>
      </c>
      <c r="G373" s="16">
        <v>9712</v>
      </c>
      <c r="H373" s="16">
        <v>2848</v>
      </c>
      <c r="I373" s="16">
        <v>1996</v>
      </c>
      <c r="J373" s="16">
        <v>2319</v>
      </c>
      <c r="K373" s="16">
        <v>2549</v>
      </c>
      <c r="L373" s="22" t="s">
        <v>268</v>
      </c>
    </row>
    <row r="374" spans="1:12">
      <c r="A374" s="21" t="s">
        <v>240</v>
      </c>
      <c r="B374" s="21" t="s">
        <v>237</v>
      </c>
      <c r="C374" s="21" t="s">
        <v>265</v>
      </c>
      <c r="D374" s="21" t="s">
        <v>394</v>
      </c>
      <c r="E374" s="21" t="s">
        <v>214</v>
      </c>
      <c r="F374" s="21" t="s">
        <v>416</v>
      </c>
      <c r="G374" s="16">
        <v>9800</v>
      </c>
      <c r="H374" s="16">
        <v>2803</v>
      </c>
      <c r="I374" s="16">
        <v>2041</v>
      </c>
      <c r="J374" s="16">
        <v>2590</v>
      </c>
      <c r="K374" s="16">
        <v>2366</v>
      </c>
      <c r="L374" s="22" t="s">
        <v>268</v>
      </c>
    </row>
    <row r="375" spans="1:12">
      <c r="A375" s="21" t="s">
        <v>240</v>
      </c>
      <c r="B375" s="21" t="s">
        <v>237</v>
      </c>
      <c r="C375" s="21" t="s">
        <v>265</v>
      </c>
      <c r="D375" s="21" t="s">
        <v>394</v>
      </c>
      <c r="E375" s="21" t="s">
        <v>214</v>
      </c>
      <c r="F375" s="21" t="s">
        <v>417</v>
      </c>
      <c r="G375" s="16">
        <v>7564</v>
      </c>
      <c r="H375" s="16">
        <v>2392</v>
      </c>
      <c r="I375" s="16">
        <v>1500</v>
      </c>
      <c r="J375" s="16">
        <v>1715</v>
      </c>
      <c r="K375" s="16">
        <v>1957</v>
      </c>
      <c r="L375" s="22" t="s">
        <v>268</v>
      </c>
    </row>
    <row r="376" spans="1:12">
      <c r="A376" s="21" t="s">
        <v>240</v>
      </c>
      <c r="B376" s="21" t="s">
        <v>237</v>
      </c>
      <c r="C376" s="21" t="s">
        <v>265</v>
      </c>
      <c r="D376" s="21" t="s">
        <v>394</v>
      </c>
      <c r="E376" s="21" t="s">
        <v>214</v>
      </c>
      <c r="F376" s="21" t="s">
        <v>418</v>
      </c>
      <c r="G376" s="16">
        <v>6531</v>
      </c>
      <c r="H376" s="16">
        <v>2345</v>
      </c>
      <c r="I376" s="16">
        <v>1126</v>
      </c>
      <c r="J376" s="16">
        <v>1448</v>
      </c>
      <c r="K376" s="16">
        <v>1612</v>
      </c>
      <c r="L376" s="22" t="s">
        <v>268</v>
      </c>
    </row>
    <row r="377" spans="1:12">
      <c r="A377" s="21" t="s">
        <v>240</v>
      </c>
      <c r="B377" s="21" t="s">
        <v>237</v>
      </c>
      <c r="C377" s="21" t="s">
        <v>265</v>
      </c>
      <c r="D377" s="21" t="s">
        <v>394</v>
      </c>
      <c r="E377" s="21" t="s">
        <v>214</v>
      </c>
      <c r="F377" s="21" t="s">
        <v>419</v>
      </c>
      <c r="G377" s="16">
        <v>5155</v>
      </c>
      <c r="H377" s="16">
        <v>1886</v>
      </c>
      <c r="I377" s="16">
        <v>903</v>
      </c>
      <c r="J377" s="16">
        <v>1164</v>
      </c>
      <c r="K377" s="16">
        <v>1202</v>
      </c>
      <c r="L377" s="22" t="s">
        <v>268</v>
      </c>
    </row>
    <row r="378" spans="1:12">
      <c r="A378" s="21" t="s">
        <v>240</v>
      </c>
      <c r="B378" s="21" t="s">
        <v>237</v>
      </c>
      <c r="C378" s="21" t="s">
        <v>265</v>
      </c>
      <c r="D378" s="21" t="s">
        <v>394</v>
      </c>
      <c r="E378" s="21" t="s">
        <v>214</v>
      </c>
      <c r="F378" s="21" t="s">
        <v>420</v>
      </c>
      <c r="G378" s="16">
        <v>2579</v>
      </c>
      <c r="H378" s="16">
        <v>971</v>
      </c>
      <c r="I378" s="16">
        <v>433</v>
      </c>
      <c r="J378" s="16">
        <v>594</v>
      </c>
      <c r="K378" s="16">
        <v>581</v>
      </c>
      <c r="L378" s="22" t="s">
        <v>268</v>
      </c>
    </row>
    <row r="379" spans="1:12">
      <c r="A379" s="21" t="s">
        <v>240</v>
      </c>
      <c r="B379" s="21" t="s">
        <v>237</v>
      </c>
      <c r="C379" s="21" t="s">
        <v>265</v>
      </c>
      <c r="D379" s="21" t="s">
        <v>394</v>
      </c>
      <c r="E379" s="21" t="s">
        <v>214</v>
      </c>
      <c r="F379" s="21" t="s">
        <v>421</v>
      </c>
      <c r="G379" s="16">
        <v>698</v>
      </c>
      <c r="H379" s="16">
        <v>301</v>
      </c>
      <c r="I379" s="16">
        <v>114</v>
      </c>
      <c r="J379" s="16">
        <v>142</v>
      </c>
      <c r="K379" s="16">
        <v>141</v>
      </c>
      <c r="L379" s="22" t="s">
        <v>268</v>
      </c>
    </row>
    <row r="380" spans="1:12">
      <c r="A380" s="21" t="s">
        <v>240</v>
      </c>
      <c r="B380" s="21" t="s">
        <v>237</v>
      </c>
      <c r="C380" s="21" t="s">
        <v>265</v>
      </c>
      <c r="D380" s="21" t="s">
        <v>394</v>
      </c>
      <c r="E380" s="21" t="s">
        <v>214</v>
      </c>
      <c r="F380" s="21" t="s">
        <v>422</v>
      </c>
      <c r="G380" s="16">
        <v>92</v>
      </c>
      <c r="H380" s="16">
        <v>35</v>
      </c>
      <c r="I380" s="16">
        <v>19</v>
      </c>
      <c r="J380" s="16">
        <v>19</v>
      </c>
      <c r="K380" s="16">
        <v>19</v>
      </c>
      <c r="L380" s="22" t="s">
        <v>268</v>
      </c>
    </row>
    <row r="381" spans="1:12">
      <c r="A381" s="21" t="s">
        <v>240</v>
      </c>
      <c r="B381" s="21" t="s">
        <v>237</v>
      </c>
      <c r="C381" s="21" t="s">
        <v>265</v>
      </c>
      <c r="D381" s="21" t="s">
        <v>394</v>
      </c>
      <c r="E381" s="21" t="s">
        <v>214</v>
      </c>
      <c r="F381" s="21" t="s">
        <v>423</v>
      </c>
      <c r="G381" s="16">
        <v>1211</v>
      </c>
      <c r="H381" s="22" t="s">
        <v>268</v>
      </c>
      <c r="I381" s="22" t="s">
        <v>268</v>
      </c>
      <c r="J381" s="22" t="s">
        <v>268</v>
      </c>
      <c r="K381" s="22" t="s">
        <v>268</v>
      </c>
      <c r="L381" s="16">
        <v>1211</v>
      </c>
    </row>
    <row r="382" spans="1:12">
      <c r="A382" s="21" t="s">
        <v>240</v>
      </c>
      <c r="B382" s="21" t="s">
        <v>237</v>
      </c>
      <c r="C382" s="21" t="s">
        <v>265</v>
      </c>
      <c r="D382" s="21" t="s">
        <v>394</v>
      </c>
      <c r="E382" s="21" t="s">
        <v>214</v>
      </c>
      <c r="F382" s="21" t="s">
        <v>386</v>
      </c>
      <c r="G382" s="16">
        <v>14679</v>
      </c>
      <c r="H382" s="16">
        <v>3498</v>
      </c>
      <c r="I382" s="16">
        <v>3673</v>
      </c>
      <c r="J382" s="16">
        <v>3805</v>
      </c>
      <c r="K382" s="16">
        <v>3703</v>
      </c>
      <c r="L382" s="22" t="s">
        <v>268</v>
      </c>
    </row>
    <row r="383" spans="1:12">
      <c r="A383" s="21" t="s">
        <v>240</v>
      </c>
      <c r="B383" s="21" t="s">
        <v>237</v>
      </c>
      <c r="C383" s="21" t="s">
        <v>265</v>
      </c>
      <c r="D383" s="21" t="s">
        <v>394</v>
      </c>
      <c r="E383" s="21" t="s">
        <v>214</v>
      </c>
      <c r="F383" s="21" t="s">
        <v>387</v>
      </c>
      <c r="G383" s="16">
        <v>65046</v>
      </c>
      <c r="H383" s="16">
        <v>16915</v>
      </c>
      <c r="I383" s="16">
        <v>15867</v>
      </c>
      <c r="J383" s="16">
        <v>16042</v>
      </c>
      <c r="K383" s="16">
        <v>16222</v>
      </c>
      <c r="L383" s="22" t="s">
        <v>268</v>
      </c>
    </row>
    <row r="384" spans="1:12">
      <c r="A384" s="21" t="s">
        <v>240</v>
      </c>
      <c r="B384" s="21" t="s">
        <v>237</v>
      </c>
      <c r="C384" s="21" t="s">
        <v>265</v>
      </c>
      <c r="D384" s="21" t="s">
        <v>394</v>
      </c>
      <c r="E384" s="21" t="s">
        <v>214</v>
      </c>
      <c r="F384" s="21" t="s">
        <v>388</v>
      </c>
      <c r="G384" s="16">
        <v>42131</v>
      </c>
      <c r="H384" s="16">
        <v>13581</v>
      </c>
      <c r="I384" s="16">
        <v>8132</v>
      </c>
      <c r="J384" s="16">
        <v>9991</v>
      </c>
      <c r="K384" s="16">
        <v>10427</v>
      </c>
      <c r="L384" s="22" t="s">
        <v>268</v>
      </c>
    </row>
    <row r="385" spans="1:12">
      <c r="A385" s="21" t="s">
        <v>240</v>
      </c>
      <c r="B385" s="21" t="s">
        <v>237</v>
      </c>
      <c r="C385" s="21" t="s">
        <v>265</v>
      </c>
      <c r="D385" s="21" t="s">
        <v>394</v>
      </c>
      <c r="E385" s="21" t="s">
        <v>214</v>
      </c>
      <c r="F385" s="21" t="s">
        <v>389</v>
      </c>
      <c r="G385" s="16">
        <v>22619</v>
      </c>
      <c r="H385" s="16">
        <v>7930</v>
      </c>
      <c r="I385" s="16">
        <v>4095</v>
      </c>
      <c r="J385" s="16">
        <v>5082</v>
      </c>
      <c r="K385" s="16">
        <v>5512</v>
      </c>
      <c r="L385" s="22" t="s">
        <v>268</v>
      </c>
    </row>
    <row r="386" spans="1:12">
      <c r="A386" s="21" t="s">
        <v>240</v>
      </c>
      <c r="B386" s="21" t="s">
        <v>237</v>
      </c>
      <c r="C386" s="21" t="s">
        <v>265</v>
      </c>
      <c r="D386" s="21" t="s">
        <v>394</v>
      </c>
      <c r="E386" s="21" t="s">
        <v>214</v>
      </c>
      <c r="F386" s="21" t="s">
        <v>390</v>
      </c>
      <c r="G386" s="16">
        <v>8524</v>
      </c>
      <c r="H386" s="16">
        <v>3193</v>
      </c>
      <c r="I386" s="16">
        <v>1469</v>
      </c>
      <c r="J386" s="16">
        <v>1919</v>
      </c>
      <c r="K386" s="16">
        <v>1943</v>
      </c>
      <c r="L386" s="22" t="s">
        <v>268</v>
      </c>
    </row>
    <row r="387" spans="1:12">
      <c r="A387" s="21" t="s">
        <v>240</v>
      </c>
      <c r="B387" s="21" t="s">
        <v>237</v>
      </c>
      <c r="C387" s="21" t="s">
        <v>265</v>
      </c>
      <c r="D387" s="21" t="s">
        <v>394</v>
      </c>
      <c r="E387" s="21" t="s">
        <v>214</v>
      </c>
      <c r="F387" s="21" t="s">
        <v>391</v>
      </c>
      <c r="G387" s="16">
        <v>68989</v>
      </c>
      <c r="H387" s="16">
        <v>18421</v>
      </c>
      <c r="I387" s="16">
        <v>16391</v>
      </c>
      <c r="J387" s="16">
        <v>16872</v>
      </c>
      <c r="K387" s="16">
        <v>17305</v>
      </c>
      <c r="L387" s="22" t="s">
        <v>268</v>
      </c>
    </row>
    <row r="388" spans="1:12">
      <c r="A388" s="21" t="s">
        <v>240</v>
      </c>
      <c r="B388" s="21" t="s">
        <v>237</v>
      </c>
      <c r="C388" s="21" t="s">
        <v>265</v>
      </c>
      <c r="D388" s="21" t="s">
        <v>394</v>
      </c>
      <c r="E388" s="21" t="s">
        <v>215</v>
      </c>
      <c r="F388" s="21" t="s">
        <v>401</v>
      </c>
      <c r="G388" s="16">
        <v>57298</v>
      </c>
      <c r="H388" s="16">
        <v>15581</v>
      </c>
      <c r="I388" s="16">
        <v>12997</v>
      </c>
      <c r="J388" s="16">
        <v>14020</v>
      </c>
      <c r="K388" s="16">
        <v>14102</v>
      </c>
      <c r="L388" s="16">
        <v>598</v>
      </c>
    </row>
    <row r="389" spans="1:12">
      <c r="A389" s="21" t="s">
        <v>240</v>
      </c>
      <c r="B389" s="21" t="s">
        <v>237</v>
      </c>
      <c r="C389" s="21" t="s">
        <v>265</v>
      </c>
      <c r="D389" s="21" t="s">
        <v>394</v>
      </c>
      <c r="E389" s="21" t="s">
        <v>215</v>
      </c>
      <c r="F389" s="21" t="s">
        <v>402</v>
      </c>
      <c r="G389" s="16">
        <v>2220</v>
      </c>
      <c r="H389" s="16">
        <v>521</v>
      </c>
      <c r="I389" s="16">
        <v>548</v>
      </c>
      <c r="J389" s="16">
        <v>584</v>
      </c>
      <c r="K389" s="16">
        <v>567</v>
      </c>
      <c r="L389" s="22" t="s">
        <v>268</v>
      </c>
    </row>
    <row r="390" spans="1:12">
      <c r="A390" s="21" t="s">
        <v>240</v>
      </c>
      <c r="B390" s="21" t="s">
        <v>237</v>
      </c>
      <c r="C390" s="21" t="s">
        <v>265</v>
      </c>
      <c r="D390" s="21" t="s">
        <v>394</v>
      </c>
      <c r="E390" s="21" t="s">
        <v>215</v>
      </c>
      <c r="F390" s="21" t="s">
        <v>403</v>
      </c>
      <c r="G390" s="16">
        <v>2580</v>
      </c>
      <c r="H390" s="16">
        <v>597</v>
      </c>
      <c r="I390" s="16">
        <v>662</v>
      </c>
      <c r="J390" s="16">
        <v>674</v>
      </c>
      <c r="K390" s="16">
        <v>647</v>
      </c>
      <c r="L390" s="22" t="s">
        <v>268</v>
      </c>
    </row>
    <row r="391" spans="1:12">
      <c r="A391" s="21" t="s">
        <v>240</v>
      </c>
      <c r="B391" s="21" t="s">
        <v>237</v>
      </c>
      <c r="C391" s="21" t="s">
        <v>265</v>
      </c>
      <c r="D391" s="21" t="s">
        <v>394</v>
      </c>
      <c r="E391" s="21" t="s">
        <v>215</v>
      </c>
      <c r="F391" s="21" t="s">
        <v>404</v>
      </c>
      <c r="G391" s="16">
        <v>2687</v>
      </c>
      <c r="H391" s="16">
        <v>656</v>
      </c>
      <c r="I391" s="16">
        <v>664</v>
      </c>
      <c r="J391" s="16">
        <v>717</v>
      </c>
      <c r="K391" s="16">
        <v>650</v>
      </c>
      <c r="L391" s="22" t="s">
        <v>268</v>
      </c>
    </row>
    <row r="392" spans="1:12">
      <c r="A392" s="21" t="s">
        <v>240</v>
      </c>
      <c r="B392" s="21" t="s">
        <v>237</v>
      </c>
      <c r="C392" s="21" t="s">
        <v>265</v>
      </c>
      <c r="D392" s="21" t="s">
        <v>394</v>
      </c>
      <c r="E392" s="21" t="s">
        <v>215</v>
      </c>
      <c r="F392" s="21" t="s">
        <v>405</v>
      </c>
      <c r="G392" s="16">
        <v>2978</v>
      </c>
      <c r="H392" s="16">
        <v>690</v>
      </c>
      <c r="I392" s="16">
        <v>761</v>
      </c>
      <c r="J392" s="16">
        <v>769</v>
      </c>
      <c r="K392" s="16">
        <v>758</v>
      </c>
      <c r="L392" s="22" t="s">
        <v>268</v>
      </c>
    </row>
    <row r="393" spans="1:12">
      <c r="A393" s="21" t="s">
        <v>240</v>
      </c>
      <c r="B393" s="21" t="s">
        <v>237</v>
      </c>
      <c r="C393" s="21" t="s">
        <v>265</v>
      </c>
      <c r="D393" s="21" t="s">
        <v>394</v>
      </c>
      <c r="E393" s="21" t="s">
        <v>215</v>
      </c>
      <c r="F393" s="21" t="s">
        <v>406</v>
      </c>
      <c r="G393" s="16">
        <v>2025</v>
      </c>
      <c r="H393" s="16">
        <v>500</v>
      </c>
      <c r="I393" s="16">
        <v>477</v>
      </c>
      <c r="J393" s="16">
        <v>535</v>
      </c>
      <c r="K393" s="16">
        <v>513</v>
      </c>
      <c r="L393" s="22" t="s">
        <v>268</v>
      </c>
    </row>
    <row r="394" spans="1:12">
      <c r="A394" s="21" t="s">
        <v>240</v>
      </c>
      <c r="B394" s="21" t="s">
        <v>237</v>
      </c>
      <c r="C394" s="21" t="s">
        <v>265</v>
      </c>
      <c r="D394" s="21" t="s">
        <v>394</v>
      </c>
      <c r="E394" s="21" t="s">
        <v>215</v>
      </c>
      <c r="F394" s="21" t="s">
        <v>407</v>
      </c>
      <c r="G394" s="16">
        <v>2260</v>
      </c>
      <c r="H394" s="16">
        <v>567</v>
      </c>
      <c r="I394" s="16">
        <v>526</v>
      </c>
      <c r="J394" s="16">
        <v>587</v>
      </c>
      <c r="K394" s="16">
        <v>580</v>
      </c>
      <c r="L394" s="22" t="s">
        <v>268</v>
      </c>
    </row>
    <row r="395" spans="1:12">
      <c r="A395" s="21" t="s">
        <v>240</v>
      </c>
      <c r="B395" s="21" t="s">
        <v>237</v>
      </c>
      <c r="C395" s="21" t="s">
        <v>265</v>
      </c>
      <c r="D395" s="21" t="s">
        <v>394</v>
      </c>
      <c r="E395" s="21" t="s">
        <v>215</v>
      </c>
      <c r="F395" s="21" t="s">
        <v>408</v>
      </c>
      <c r="G395" s="16">
        <v>2608</v>
      </c>
      <c r="H395" s="16">
        <v>660</v>
      </c>
      <c r="I395" s="16">
        <v>666</v>
      </c>
      <c r="J395" s="16">
        <v>626</v>
      </c>
      <c r="K395" s="16">
        <v>656</v>
      </c>
      <c r="L395" s="22" t="s">
        <v>268</v>
      </c>
    </row>
    <row r="396" spans="1:12">
      <c r="A396" s="21" t="s">
        <v>240</v>
      </c>
      <c r="B396" s="21" t="s">
        <v>237</v>
      </c>
      <c r="C396" s="21" t="s">
        <v>265</v>
      </c>
      <c r="D396" s="21" t="s">
        <v>394</v>
      </c>
      <c r="E396" s="21" t="s">
        <v>215</v>
      </c>
      <c r="F396" s="21" t="s">
        <v>409</v>
      </c>
      <c r="G396" s="16">
        <v>3096</v>
      </c>
      <c r="H396" s="16">
        <v>775</v>
      </c>
      <c r="I396" s="16">
        <v>746</v>
      </c>
      <c r="J396" s="16">
        <v>792</v>
      </c>
      <c r="K396" s="16">
        <v>783</v>
      </c>
      <c r="L396" s="22" t="s">
        <v>268</v>
      </c>
    </row>
    <row r="397" spans="1:12">
      <c r="A397" s="21" t="s">
        <v>240</v>
      </c>
      <c r="B397" s="21" t="s">
        <v>237</v>
      </c>
      <c r="C397" s="21" t="s">
        <v>265</v>
      </c>
      <c r="D397" s="21" t="s">
        <v>394</v>
      </c>
      <c r="E397" s="21" t="s">
        <v>215</v>
      </c>
      <c r="F397" s="21" t="s">
        <v>410</v>
      </c>
      <c r="G397" s="16">
        <v>3404</v>
      </c>
      <c r="H397" s="16">
        <v>849</v>
      </c>
      <c r="I397" s="16">
        <v>822</v>
      </c>
      <c r="J397" s="16">
        <v>868</v>
      </c>
      <c r="K397" s="16">
        <v>865</v>
      </c>
      <c r="L397" s="22" t="s">
        <v>268</v>
      </c>
    </row>
    <row r="398" spans="1:12">
      <c r="A398" s="21" t="s">
        <v>240</v>
      </c>
      <c r="B398" s="21" t="s">
        <v>237</v>
      </c>
      <c r="C398" s="21" t="s">
        <v>265</v>
      </c>
      <c r="D398" s="21" t="s">
        <v>394</v>
      </c>
      <c r="E398" s="21" t="s">
        <v>215</v>
      </c>
      <c r="F398" s="21" t="s">
        <v>411</v>
      </c>
      <c r="G398" s="16">
        <v>3711</v>
      </c>
      <c r="H398" s="16">
        <v>976</v>
      </c>
      <c r="I398" s="16">
        <v>941</v>
      </c>
      <c r="J398" s="16">
        <v>891</v>
      </c>
      <c r="K398" s="16">
        <v>903</v>
      </c>
      <c r="L398" s="22" t="s">
        <v>268</v>
      </c>
    </row>
    <row r="399" spans="1:12">
      <c r="A399" s="21" t="s">
        <v>240</v>
      </c>
      <c r="B399" s="21" t="s">
        <v>237</v>
      </c>
      <c r="C399" s="21" t="s">
        <v>265</v>
      </c>
      <c r="D399" s="21" t="s">
        <v>394</v>
      </c>
      <c r="E399" s="21" t="s">
        <v>215</v>
      </c>
      <c r="F399" s="21" t="s">
        <v>412</v>
      </c>
      <c r="G399" s="16">
        <v>3557</v>
      </c>
      <c r="H399" s="16">
        <v>989</v>
      </c>
      <c r="I399" s="16">
        <v>910</v>
      </c>
      <c r="J399" s="16">
        <v>853</v>
      </c>
      <c r="K399" s="16">
        <v>805</v>
      </c>
      <c r="L399" s="22" t="s">
        <v>268</v>
      </c>
    </row>
    <row r="400" spans="1:12">
      <c r="A400" s="21" t="s">
        <v>240</v>
      </c>
      <c r="B400" s="21" t="s">
        <v>237</v>
      </c>
      <c r="C400" s="21" t="s">
        <v>265</v>
      </c>
      <c r="D400" s="21" t="s">
        <v>394</v>
      </c>
      <c r="E400" s="21" t="s">
        <v>215</v>
      </c>
      <c r="F400" s="21" t="s">
        <v>413</v>
      </c>
      <c r="G400" s="16">
        <v>3769</v>
      </c>
      <c r="H400" s="16">
        <v>1081</v>
      </c>
      <c r="I400" s="16">
        <v>889</v>
      </c>
      <c r="J400" s="16">
        <v>896</v>
      </c>
      <c r="K400" s="16">
        <v>903</v>
      </c>
      <c r="L400" s="22" t="s">
        <v>268</v>
      </c>
    </row>
    <row r="401" spans="1:12">
      <c r="A401" s="21" t="s">
        <v>240</v>
      </c>
      <c r="B401" s="21" t="s">
        <v>237</v>
      </c>
      <c r="C401" s="21" t="s">
        <v>265</v>
      </c>
      <c r="D401" s="21" t="s">
        <v>394</v>
      </c>
      <c r="E401" s="21" t="s">
        <v>215</v>
      </c>
      <c r="F401" s="21" t="s">
        <v>414</v>
      </c>
      <c r="G401" s="16">
        <v>4158</v>
      </c>
      <c r="H401" s="16">
        <v>1172</v>
      </c>
      <c r="I401" s="16">
        <v>952</v>
      </c>
      <c r="J401" s="16">
        <v>994</v>
      </c>
      <c r="K401" s="16">
        <v>1040</v>
      </c>
      <c r="L401" s="22" t="s">
        <v>268</v>
      </c>
    </row>
    <row r="402" spans="1:12">
      <c r="A402" s="21" t="s">
        <v>240</v>
      </c>
      <c r="B402" s="21" t="s">
        <v>237</v>
      </c>
      <c r="C402" s="21" t="s">
        <v>265</v>
      </c>
      <c r="D402" s="21" t="s">
        <v>394</v>
      </c>
      <c r="E402" s="21" t="s">
        <v>215</v>
      </c>
      <c r="F402" s="21" t="s">
        <v>415</v>
      </c>
      <c r="G402" s="16">
        <v>4667</v>
      </c>
      <c r="H402" s="16">
        <v>1383</v>
      </c>
      <c r="I402" s="16">
        <v>973</v>
      </c>
      <c r="J402" s="16">
        <v>1117</v>
      </c>
      <c r="K402" s="16">
        <v>1194</v>
      </c>
      <c r="L402" s="22" t="s">
        <v>268</v>
      </c>
    </row>
    <row r="403" spans="1:12">
      <c r="A403" s="21" t="s">
        <v>240</v>
      </c>
      <c r="B403" s="21" t="s">
        <v>237</v>
      </c>
      <c r="C403" s="21" t="s">
        <v>265</v>
      </c>
      <c r="D403" s="21" t="s">
        <v>394</v>
      </c>
      <c r="E403" s="21" t="s">
        <v>215</v>
      </c>
      <c r="F403" s="21" t="s">
        <v>416</v>
      </c>
      <c r="G403" s="16">
        <v>4635</v>
      </c>
      <c r="H403" s="16">
        <v>1331</v>
      </c>
      <c r="I403" s="16">
        <v>956</v>
      </c>
      <c r="J403" s="16">
        <v>1217</v>
      </c>
      <c r="K403" s="16">
        <v>1131</v>
      </c>
      <c r="L403" s="22" t="s">
        <v>268</v>
      </c>
    </row>
    <row r="404" spans="1:12">
      <c r="A404" s="21" t="s">
        <v>240</v>
      </c>
      <c r="B404" s="21" t="s">
        <v>237</v>
      </c>
      <c r="C404" s="21" t="s">
        <v>265</v>
      </c>
      <c r="D404" s="21" t="s">
        <v>394</v>
      </c>
      <c r="E404" s="21" t="s">
        <v>215</v>
      </c>
      <c r="F404" s="21" t="s">
        <v>417</v>
      </c>
      <c r="G404" s="16">
        <v>3209</v>
      </c>
      <c r="H404" s="16">
        <v>977</v>
      </c>
      <c r="I404" s="16">
        <v>642</v>
      </c>
      <c r="J404" s="16">
        <v>760</v>
      </c>
      <c r="K404" s="16">
        <v>830</v>
      </c>
      <c r="L404" s="22" t="s">
        <v>268</v>
      </c>
    </row>
    <row r="405" spans="1:12">
      <c r="A405" s="21" t="s">
        <v>240</v>
      </c>
      <c r="B405" s="21" t="s">
        <v>237</v>
      </c>
      <c r="C405" s="21" t="s">
        <v>265</v>
      </c>
      <c r="D405" s="21" t="s">
        <v>394</v>
      </c>
      <c r="E405" s="21" t="s">
        <v>215</v>
      </c>
      <c r="F405" s="21" t="s">
        <v>418</v>
      </c>
      <c r="G405" s="16">
        <v>2532</v>
      </c>
      <c r="H405" s="16">
        <v>921</v>
      </c>
      <c r="I405" s="16">
        <v>421</v>
      </c>
      <c r="J405" s="16">
        <v>562</v>
      </c>
      <c r="K405" s="16">
        <v>628</v>
      </c>
      <c r="L405" s="22" t="s">
        <v>268</v>
      </c>
    </row>
    <row r="406" spans="1:12">
      <c r="A406" s="21" t="s">
        <v>240</v>
      </c>
      <c r="B406" s="21" t="s">
        <v>237</v>
      </c>
      <c r="C406" s="21" t="s">
        <v>265</v>
      </c>
      <c r="D406" s="21" t="s">
        <v>394</v>
      </c>
      <c r="E406" s="21" t="s">
        <v>215</v>
      </c>
      <c r="F406" s="21" t="s">
        <v>419</v>
      </c>
      <c r="G406" s="16">
        <v>1771</v>
      </c>
      <c r="H406" s="16">
        <v>620</v>
      </c>
      <c r="I406" s="16">
        <v>313</v>
      </c>
      <c r="J406" s="16">
        <v>388</v>
      </c>
      <c r="K406" s="16">
        <v>450</v>
      </c>
      <c r="L406" s="22" t="s">
        <v>268</v>
      </c>
    </row>
    <row r="407" spans="1:12">
      <c r="A407" s="21" t="s">
        <v>240</v>
      </c>
      <c r="B407" s="21" t="s">
        <v>237</v>
      </c>
      <c r="C407" s="21" t="s">
        <v>265</v>
      </c>
      <c r="D407" s="21" t="s">
        <v>394</v>
      </c>
      <c r="E407" s="21" t="s">
        <v>215</v>
      </c>
      <c r="F407" s="21" t="s">
        <v>420</v>
      </c>
      <c r="G407" s="16">
        <v>708</v>
      </c>
      <c r="H407" s="16">
        <v>256</v>
      </c>
      <c r="I407" s="16">
        <v>107</v>
      </c>
      <c r="J407" s="16">
        <v>170</v>
      </c>
      <c r="K407" s="16">
        <v>175</v>
      </c>
      <c r="L407" s="22" t="s">
        <v>268</v>
      </c>
    </row>
    <row r="408" spans="1:12">
      <c r="A408" s="21" t="s">
        <v>240</v>
      </c>
      <c r="B408" s="21" t="s">
        <v>237</v>
      </c>
      <c r="C408" s="21" t="s">
        <v>265</v>
      </c>
      <c r="D408" s="21" t="s">
        <v>394</v>
      </c>
      <c r="E408" s="21" t="s">
        <v>215</v>
      </c>
      <c r="F408" s="21" t="s">
        <v>421</v>
      </c>
      <c r="G408" s="16">
        <v>115</v>
      </c>
      <c r="H408" s="16">
        <v>56</v>
      </c>
      <c r="I408" s="16">
        <v>20</v>
      </c>
      <c r="J408" s="16">
        <v>18</v>
      </c>
      <c r="K408" s="16">
        <v>21</v>
      </c>
      <c r="L408" s="22" t="s">
        <v>268</v>
      </c>
    </row>
    <row r="409" spans="1:12">
      <c r="A409" s="21" t="s">
        <v>240</v>
      </c>
      <c r="B409" s="21" t="s">
        <v>237</v>
      </c>
      <c r="C409" s="21" t="s">
        <v>265</v>
      </c>
      <c r="D409" s="21" t="s">
        <v>394</v>
      </c>
      <c r="E409" s="21" t="s">
        <v>215</v>
      </c>
      <c r="F409" s="21" t="s">
        <v>422</v>
      </c>
      <c r="G409" s="16">
        <v>10</v>
      </c>
      <c r="H409" s="16">
        <v>4</v>
      </c>
      <c r="I409" s="16">
        <v>1</v>
      </c>
      <c r="J409" s="16">
        <v>2</v>
      </c>
      <c r="K409" s="16">
        <v>3</v>
      </c>
      <c r="L409" s="22" t="s">
        <v>268</v>
      </c>
    </row>
    <row r="410" spans="1:12">
      <c r="A410" s="21" t="s">
        <v>240</v>
      </c>
      <c r="B410" s="21" t="s">
        <v>237</v>
      </c>
      <c r="C410" s="21" t="s">
        <v>265</v>
      </c>
      <c r="D410" s="21" t="s">
        <v>394</v>
      </c>
      <c r="E410" s="21" t="s">
        <v>215</v>
      </c>
      <c r="F410" s="21" t="s">
        <v>423</v>
      </c>
      <c r="G410" s="16">
        <v>598</v>
      </c>
      <c r="H410" s="22" t="s">
        <v>268</v>
      </c>
      <c r="I410" s="22" t="s">
        <v>268</v>
      </c>
      <c r="J410" s="22" t="s">
        <v>268</v>
      </c>
      <c r="K410" s="22" t="s">
        <v>268</v>
      </c>
      <c r="L410" s="16">
        <v>598</v>
      </c>
    </row>
    <row r="411" spans="1:12">
      <c r="A411" s="21" t="s">
        <v>240</v>
      </c>
      <c r="B411" s="21" t="s">
        <v>237</v>
      </c>
      <c r="C411" s="21" t="s">
        <v>265</v>
      </c>
      <c r="D411" s="21" t="s">
        <v>394</v>
      </c>
      <c r="E411" s="21" t="s">
        <v>215</v>
      </c>
      <c r="F411" s="21" t="s">
        <v>386</v>
      </c>
      <c r="G411" s="16">
        <v>7487</v>
      </c>
      <c r="H411" s="16">
        <v>1774</v>
      </c>
      <c r="I411" s="16">
        <v>1874</v>
      </c>
      <c r="J411" s="16">
        <v>1975</v>
      </c>
      <c r="K411" s="16">
        <v>1864</v>
      </c>
      <c r="L411" s="22" t="s">
        <v>268</v>
      </c>
    </row>
    <row r="412" spans="1:12">
      <c r="A412" s="21" t="s">
        <v>240</v>
      </c>
      <c r="B412" s="21" t="s">
        <v>237</v>
      </c>
      <c r="C412" s="21" t="s">
        <v>265</v>
      </c>
      <c r="D412" s="21" t="s">
        <v>394</v>
      </c>
      <c r="E412" s="21" t="s">
        <v>215</v>
      </c>
      <c r="F412" s="21" t="s">
        <v>387</v>
      </c>
      <c r="G412" s="16">
        <v>31566</v>
      </c>
      <c r="H412" s="16">
        <v>8259</v>
      </c>
      <c r="I412" s="16">
        <v>7690</v>
      </c>
      <c r="J412" s="16">
        <v>7811</v>
      </c>
      <c r="K412" s="16">
        <v>7806</v>
      </c>
      <c r="L412" s="22" t="s">
        <v>268</v>
      </c>
    </row>
    <row r="413" spans="1:12">
      <c r="A413" s="21" t="s">
        <v>240</v>
      </c>
      <c r="B413" s="21" t="s">
        <v>237</v>
      </c>
      <c r="C413" s="21" t="s">
        <v>265</v>
      </c>
      <c r="D413" s="21" t="s">
        <v>394</v>
      </c>
      <c r="E413" s="21" t="s">
        <v>215</v>
      </c>
      <c r="F413" s="21" t="s">
        <v>388</v>
      </c>
      <c r="G413" s="16">
        <v>17647</v>
      </c>
      <c r="H413" s="16">
        <v>5548</v>
      </c>
      <c r="I413" s="16">
        <v>3433</v>
      </c>
      <c r="J413" s="16">
        <v>4234</v>
      </c>
      <c r="K413" s="16">
        <v>4432</v>
      </c>
      <c r="L413" s="22" t="s">
        <v>268</v>
      </c>
    </row>
    <row r="414" spans="1:12">
      <c r="A414" s="21" t="s">
        <v>240</v>
      </c>
      <c r="B414" s="21" t="s">
        <v>237</v>
      </c>
      <c r="C414" s="21" t="s">
        <v>265</v>
      </c>
      <c r="D414" s="21" t="s">
        <v>394</v>
      </c>
      <c r="E414" s="21" t="s">
        <v>215</v>
      </c>
      <c r="F414" s="21" t="s">
        <v>389</v>
      </c>
      <c r="G414" s="16">
        <v>8345</v>
      </c>
      <c r="H414" s="16">
        <v>2834</v>
      </c>
      <c r="I414" s="16">
        <v>1504</v>
      </c>
      <c r="J414" s="16">
        <v>1900</v>
      </c>
      <c r="K414" s="16">
        <v>2107</v>
      </c>
      <c r="L414" s="22" t="s">
        <v>268</v>
      </c>
    </row>
    <row r="415" spans="1:12">
      <c r="A415" s="21" t="s">
        <v>240</v>
      </c>
      <c r="B415" s="21" t="s">
        <v>237</v>
      </c>
      <c r="C415" s="21" t="s">
        <v>265</v>
      </c>
      <c r="D415" s="21" t="s">
        <v>394</v>
      </c>
      <c r="E415" s="21" t="s">
        <v>215</v>
      </c>
      <c r="F415" s="21" t="s">
        <v>390</v>
      </c>
      <c r="G415" s="16">
        <v>2604</v>
      </c>
      <c r="H415" s="16">
        <v>936</v>
      </c>
      <c r="I415" s="16">
        <v>441</v>
      </c>
      <c r="J415" s="16">
        <v>578</v>
      </c>
      <c r="K415" s="16">
        <v>649</v>
      </c>
      <c r="L415" s="22" t="s">
        <v>268</v>
      </c>
    </row>
    <row r="416" spans="1:12">
      <c r="A416" s="21" t="s">
        <v>240</v>
      </c>
      <c r="B416" s="21" t="s">
        <v>237</v>
      </c>
      <c r="C416" s="21" t="s">
        <v>265</v>
      </c>
      <c r="D416" s="21" t="s">
        <v>394</v>
      </c>
      <c r="E416" s="21" t="s">
        <v>215</v>
      </c>
      <c r="F416" s="21" t="s">
        <v>391</v>
      </c>
      <c r="G416" s="16">
        <v>33255</v>
      </c>
      <c r="H416" s="16">
        <v>8952</v>
      </c>
      <c r="I416" s="16">
        <v>7902</v>
      </c>
      <c r="J416" s="16">
        <v>8159</v>
      </c>
      <c r="K416" s="16">
        <v>8242</v>
      </c>
      <c r="L416" s="22" t="s">
        <v>268</v>
      </c>
    </row>
    <row r="417" spans="1:12">
      <c r="A417" s="21" t="s">
        <v>240</v>
      </c>
      <c r="B417" s="21" t="s">
        <v>237</v>
      </c>
      <c r="C417" s="21" t="s">
        <v>265</v>
      </c>
      <c r="D417" s="21" t="s">
        <v>394</v>
      </c>
      <c r="E417" s="21" t="s">
        <v>216</v>
      </c>
      <c r="F417" s="21" t="s">
        <v>401</v>
      </c>
      <c r="G417" s="16">
        <v>65769</v>
      </c>
      <c r="H417" s="16">
        <v>18413</v>
      </c>
      <c r="I417" s="16">
        <v>14675</v>
      </c>
      <c r="J417" s="16">
        <v>15818</v>
      </c>
      <c r="K417" s="16">
        <v>16250</v>
      </c>
      <c r="L417" s="16">
        <v>613</v>
      </c>
    </row>
    <row r="418" spans="1:12">
      <c r="A418" s="21" t="s">
        <v>240</v>
      </c>
      <c r="B418" s="21" t="s">
        <v>237</v>
      </c>
      <c r="C418" s="21" t="s">
        <v>265</v>
      </c>
      <c r="D418" s="21" t="s">
        <v>394</v>
      </c>
      <c r="E418" s="21" t="s">
        <v>216</v>
      </c>
      <c r="F418" s="21" t="s">
        <v>402</v>
      </c>
      <c r="G418" s="16">
        <v>2114</v>
      </c>
      <c r="H418" s="16">
        <v>495</v>
      </c>
      <c r="I418" s="16">
        <v>530</v>
      </c>
      <c r="J418" s="16">
        <v>537</v>
      </c>
      <c r="K418" s="16">
        <v>552</v>
      </c>
      <c r="L418" s="22" t="s">
        <v>268</v>
      </c>
    </row>
    <row r="419" spans="1:12">
      <c r="A419" s="21" t="s">
        <v>240</v>
      </c>
      <c r="B419" s="21" t="s">
        <v>237</v>
      </c>
      <c r="C419" s="21" t="s">
        <v>265</v>
      </c>
      <c r="D419" s="21" t="s">
        <v>394</v>
      </c>
      <c r="E419" s="21" t="s">
        <v>216</v>
      </c>
      <c r="F419" s="21" t="s">
        <v>403</v>
      </c>
      <c r="G419" s="16">
        <v>2542</v>
      </c>
      <c r="H419" s="16">
        <v>614</v>
      </c>
      <c r="I419" s="16">
        <v>648</v>
      </c>
      <c r="J419" s="16">
        <v>630</v>
      </c>
      <c r="K419" s="16">
        <v>650</v>
      </c>
      <c r="L419" s="22" t="s">
        <v>268</v>
      </c>
    </row>
    <row r="420" spans="1:12">
      <c r="A420" s="21" t="s">
        <v>240</v>
      </c>
      <c r="B420" s="21" t="s">
        <v>237</v>
      </c>
      <c r="C420" s="21" t="s">
        <v>265</v>
      </c>
      <c r="D420" s="21" t="s">
        <v>394</v>
      </c>
      <c r="E420" s="21" t="s">
        <v>216</v>
      </c>
      <c r="F420" s="21" t="s">
        <v>404</v>
      </c>
      <c r="G420" s="16">
        <v>2536</v>
      </c>
      <c r="H420" s="16">
        <v>615</v>
      </c>
      <c r="I420" s="16">
        <v>621</v>
      </c>
      <c r="J420" s="16">
        <v>663</v>
      </c>
      <c r="K420" s="16">
        <v>637</v>
      </c>
      <c r="L420" s="22" t="s">
        <v>268</v>
      </c>
    </row>
    <row r="421" spans="1:12">
      <c r="A421" s="21" t="s">
        <v>240</v>
      </c>
      <c r="B421" s="21" t="s">
        <v>237</v>
      </c>
      <c r="C421" s="21" t="s">
        <v>265</v>
      </c>
      <c r="D421" s="21" t="s">
        <v>394</v>
      </c>
      <c r="E421" s="21" t="s">
        <v>216</v>
      </c>
      <c r="F421" s="21" t="s">
        <v>405</v>
      </c>
      <c r="G421" s="16">
        <v>2791</v>
      </c>
      <c r="H421" s="16">
        <v>652</v>
      </c>
      <c r="I421" s="16">
        <v>711</v>
      </c>
      <c r="J421" s="16">
        <v>720</v>
      </c>
      <c r="K421" s="16">
        <v>708</v>
      </c>
      <c r="L421" s="22" t="s">
        <v>268</v>
      </c>
    </row>
    <row r="422" spans="1:12">
      <c r="A422" s="21" t="s">
        <v>240</v>
      </c>
      <c r="B422" s="21" t="s">
        <v>237</v>
      </c>
      <c r="C422" s="21" t="s">
        <v>265</v>
      </c>
      <c r="D422" s="21" t="s">
        <v>394</v>
      </c>
      <c r="E422" s="21" t="s">
        <v>216</v>
      </c>
      <c r="F422" s="21" t="s">
        <v>406</v>
      </c>
      <c r="G422" s="16">
        <v>2367</v>
      </c>
      <c r="H422" s="16">
        <v>585</v>
      </c>
      <c r="I422" s="16">
        <v>567</v>
      </c>
      <c r="J422" s="16">
        <v>633</v>
      </c>
      <c r="K422" s="16">
        <v>582</v>
      </c>
      <c r="L422" s="22" t="s">
        <v>268</v>
      </c>
    </row>
    <row r="423" spans="1:12">
      <c r="A423" s="21" t="s">
        <v>240</v>
      </c>
      <c r="B423" s="21" t="s">
        <v>237</v>
      </c>
      <c r="C423" s="21" t="s">
        <v>265</v>
      </c>
      <c r="D423" s="21" t="s">
        <v>394</v>
      </c>
      <c r="E423" s="21" t="s">
        <v>216</v>
      </c>
      <c r="F423" s="21" t="s">
        <v>407</v>
      </c>
      <c r="G423" s="16">
        <v>2530</v>
      </c>
      <c r="H423" s="16">
        <v>593</v>
      </c>
      <c r="I423" s="16">
        <v>624</v>
      </c>
      <c r="J423" s="16">
        <v>635</v>
      </c>
      <c r="K423" s="16">
        <v>678</v>
      </c>
      <c r="L423" s="22" t="s">
        <v>268</v>
      </c>
    </row>
    <row r="424" spans="1:12">
      <c r="A424" s="21" t="s">
        <v>240</v>
      </c>
      <c r="B424" s="21" t="s">
        <v>237</v>
      </c>
      <c r="C424" s="21" t="s">
        <v>265</v>
      </c>
      <c r="D424" s="21" t="s">
        <v>394</v>
      </c>
      <c r="E424" s="21" t="s">
        <v>216</v>
      </c>
      <c r="F424" s="21" t="s">
        <v>408</v>
      </c>
      <c r="G424" s="16">
        <v>2911</v>
      </c>
      <c r="H424" s="16">
        <v>722</v>
      </c>
      <c r="I424" s="16">
        <v>717</v>
      </c>
      <c r="J424" s="16">
        <v>702</v>
      </c>
      <c r="K424" s="16">
        <v>770</v>
      </c>
      <c r="L424" s="22" t="s">
        <v>268</v>
      </c>
    </row>
    <row r="425" spans="1:12">
      <c r="A425" s="21" t="s">
        <v>240</v>
      </c>
      <c r="B425" s="21" t="s">
        <v>237</v>
      </c>
      <c r="C425" s="21" t="s">
        <v>265</v>
      </c>
      <c r="D425" s="21" t="s">
        <v>394</v>
      </c>
      <c r="E425" s="21" t="s">
        <v>216</v>
      </c>
      <c r="F425" s="21" t="s">
        <v>409</v>
      </c>
      <c r="G425" s="16">
        <v>3264</v>
      </c>
      <c r="H425" s="16">
        <v>776</v>
      </c>
      <c r="I425" s="16">
        <v>834</v>
      </c>
      <c r="J425" s="16">
        <v>834</v>
      </c>
      <c r="K425" s="16">
        <v>820</v>
      </c>
      <c r="L425" s="22" t="s">
        <v>268</v>
      </c>
    </row>
    <row r="426" spans="1:12">
      <c r="A426" s="21" t="s">
        <v>240</v>
      </c>
      <c r="B426" s="21" t="s">
        <v>237</v>
      </c>
      <c r="C426" s="21" t="s">
        <v>265</v>
      </c>
      <c r="D426" s="21" t="s">
        <v>394</v>
      </c>
      <c r="E426" s="21" t="s">
        <v>216</v>
      </c>
      <c r="F426" s="21" t="s">
        <v>410</v>
      </c>
      <c r="G426" s="16">
        <v>3510</v>
      </c>
      <c r="H426" s="16">
        <v>900</v>
      </c>
      <c r="I426" s="16">
        <v>882</v>
      </c>
      <c r="J426" s="16">
        <v>880</v>
      </c>
      <c r="K426" s="16">
        <v>848</v>
      </c>
      <c r="L426" s="22" t="s">
        <v>268</v>
      </c>
    </row>
    <row r="427" spans="1:12">
      <c r="A427" s="21" t="s">
        <v>240</v>
      </c>
      <c r="B427" s="21" t="s">
        <v>237</v>
      </c>
      <c r="C427" s="21" t="s">
        <v>265</v>
      </c>
      <c r="D427" s="21" t="s">
        <v>394</v>
      </c>
      <c r="E427" s="21" t="s">
        <v>216</v>
      </c>
      <c r="F427" s="21" t="s">
        <v>411</v>
      </c>
      <c r="G427" s="16">
        <v>3909</v>
      </c>
      <c r="H427" s="16">
        <v>1003</v>
      </c>
      <c r="I427" s="16">
        <v>1001</v>
      </c>
      <c r="J427" s="16">
        <v>983</v>
      </c>
      <c r="K427" s="16">
        <v>922</v>
      </c>
      <c r="L427" s="22" t="s">
        <v>268</v>
      </c>
    </row>
    <row r="428" spans="1:12">
      <c r="A428" s="21" t="s">
        <v>240</v>
      </c>
      <c r="B428" s="21" t="s">
        <v>237</v>
      </c>
      <c r="C428" s="21" t="s">
        <v>265</v>
      </c>
      <c r="D428" s="21" t="s">
        <v>394</v>
      </c>
      <c r="E428" s="21" t="s">
        <v>216</v>
      </c>
      <c r="F428" s="21" t="s">
        <v>412</v>
      </c>
      <c r="G428" s="16">
        <v>3774</v>
      </c>
      <c r="H428" s="16">
        <v>1011</v>
      </c>
      <c r="I428" s="16">
        <v>941</v>
      </c>
      <c r="J428" s="16">
        <v>885</v>
      </c>
      <c r="K428" s="16">
        <v>937</v>
      </c>
      <c r="L428" s="22" t="s">
        <v>268</v>
      </c>
    </row>
    <row r="429" spans="1:12">
      <c r="A429" s="21" t="s">
        <v>240</v>
      </c>
      <c r="B429" s="21" t="s">
        <v>237</v>
      </c>
      <c r="C429" s="21" t="s">
        <v>265</v>
      </c>
      <c r="D429" s="21" t="s">
        <v>394</v>
      </c>
      <c r="E429" s="21" t="s">
        <v>216</v>
      </c>
      <c r="F429" s="21" t="s">
        <v>413</v>
      </c>
      <c r="G429" s="16">
        <v>4024</v>
      </c>
      <c r="H429" s="16">
        <v>1157</v>
      </c>
      <c r="I429" s="16">
        <v>943</v>
      </c>
      <c r="J429" s="16">
        <v>937</v>
      </c>
      <c r="K429" s="16">
        <v>987</v>
      </c>
      <c r="L429" s="22" t="s">
        <v>268</v>
      </c>
    </row>
    <row r="430" spans="1:12">
      <c r="A430" s="21" t="s">
        <v>240</v>
      </c>
      <c r="B430" s="21" t="s">
        <v>237</v>
      </c>
      <c r="C430" s="21" t="s">
        <v>265</v>
      </c>
      <c r="D430" s="21" t="s">
        <v>394</v>
      </c>
      <c r="E430" s="21" t="s">
        <v>216</v>
      </c>
      <c r="F430" s="21" t="s">
        <v>414</v>
      </c>
      <c r="G430" s="16">
        <v>4400</v>
      </c>
      <c r="H430" s="16">
        <v>1257</v>
      </c>
      <c r="I430" s="16">
        <v>957</v>
      </c>
      <c r="J430" s="16">
        <v>1022</v>
      </c>
      <c r="K430" s="16">
        <v>1164</v>
      </c>
      <c r="L430" s="22" t="s">
        <v>268</v>
      </c>
    </row>
    <row r="431" spans="1:12">
      <c r="A431" s="21" t="s">
        <v>240</v>
      </c>
      <c r="B431" s="21" t="s">
        <v>237</v>
      </c>
      <c r="C431" s="21" t="s">
        <v>265</v>
      </c>
      <c r="D431" s="21" t="s">
        <v>394</v>
      </c>
      <c r="E431" s="21" t="s">
        <v>216</v>
      </c>
      <c r="F431" s="21" t="s">
        <v>415</v>
      </c>
      <c r="G431" s="16">
        <v>5045</v>
      </c>
      <c r="H431" s="16">
        <v>1465</v>
      </c>
      <c r="I431" s="16">
        <v>1023</v>
      </c>
      <c r="J431" s="16">
        <v>1202</v>
      </c>
      <c r="K431" s="16">
        <v>1355</v>
      </c>
      <c r="L431" s="22" t="s">
        <v>268</v>
      </c>
    </row>
    <row r="432" spans="1:12">
      <c r="A432" s="21" t="s">
        <v>240</v>
      </c>
      <c r="B432" s="21" t="s">
        <v>237</v>
      </c>
      <c r="C432" s="21" t="s">
        <v>265</v>
      </c>
      <c r="D432" s="21" t="s">
        <v>394</v>
      </c>
      <c r="E432" s="21" t="s">
        <v>216</v>
      </c>
      <c r="F432" s="21" t="s">
        <v>416</v>
      </c>
      <c r="G432" s="16">
        <v>5165</v>
      </c>
      <c r="H432" s="16">
        <v>1472</v>
      </c>
      <c r="I432" s="16">
        <v>1085</v>
      </c>
      <c r="J432" s="16">
        <v>1373</v>
      </c>
      <c r="K432" s="16">
        <v>1235</v>
      </c>
      <c r="L432" s="22" t="s">
        <v>268</v>
      </c>
    </row>
    <row r="433" spans="1:12">
      <c r="A433" s="21" t="s">
        <v>240</v>
      </c>
      <c r="B433" s="21" t="s">
        <v>237</v>
      </c>
      <c r="C433" s="21" t="s">
        <v>265</v>
      </c>
      <c r="D433" s="21" t="s">
        <v>394</v>
      </c>
      <c r="E433" s="21" t="s">
        <v>216</v>
      </c>
      <c r="F433" s="21" t="s">
        <v>417</v>
      </c>
      <c r="G433" s="16">
        <v>4355</v>
      </c>
      <c r="H433" s="16">
        <v>1415</v>
      </c>
      <c r="I433" s="16">
        <v>858</v>
      </c>
      <c r="J433" s="16">
        <v>955</v>
      </c>
      <c r="K433" s="16">
        <v>1127</v>
      </c>
      <c r="L433" s="22" t="s">
        <v>268</v>
      </c>
    </row>
    <row r="434" spans="1:12">
      <c r="A434" s="21" t="s">
        <v>240</v>
      </c>
      <c r="B434" s="21" t="s">
        <v>237</v>
      </c>
      <c r="C434" s="21" t="s">
        <v>265</v>
      </c>
      <c r="D434" s="21" t="s">
        <v>394</v>
      </c>
      <c r="E434" s="21" t="s">
        <v>216</v>
      </c>
      <c r="F434" s="21" t="s">
        <v>418</v>
      </c>
      <c r="G434" s="16">
        <v>3999</v>
      </c>
      <c r="H434" s="16">
        <v>1424</v>
      </c>
      <c r="I434" s="16">
        <v>705</v>
      </c>
      <c r="J434" s="16">
        <v>886</v>
      </c>
      <c r="K434" s="16">
        <v>984</v>
      </c>
      <c r="L434" s="22" t="s">
        <v>268</v>
      </c>
    </row>
    <row r="435" spans="1:12">
      <c r="A435" s="21" t="s">
        <v>240</v>
      </c>
      <c r="B435" s="21" t="s">
        <v>237</v>
      </c>
      <c r="C435" s="21" t="s">
        <v>265</v>
      </c>
      <c r="D435" s="21" t="s">
        <v>394</v>
      </c>
      <c r="E435" s="21" t="s">
        <v>216</v>
      </c>
      <c r="F435" s="21" t="s">
        <v>419</v>
      </c>
      <c r="G435" s="16">
        <v>3384</v>
      </c>
      <c r="H435" s="16">
        <v>1266</v>
      </c>
      <c r="I435" s="16">
        <v>590</v>
      </c>
      <c r="J435" s="16">
        <v>776</v>
      </c>
      <c r="K435" s="16">
        <v>752</v>
      </c>
      <c r="L435" s="22" t="s">
        <v>268</v>
      </c>
    </row>
    <row r="436" spans="1:12">
      <c r="A436" s="21" t="s">
        <v>240</v>
      </c>
      <c r="B436" s="21" t="s">
        <v>237</v>
      </c>
      <c r="C436" s="21" t="s">
        <v>265</v>
      </c>
      <c r="D436" s="21" t="s">
        <v>394</v>
      </c>
      <c r="E436" s="21" t="s">
        <v>216</v>
      </c>
      <c r="F436" s="21" t="s">
        <v>420</v>
      </c>
      <c r="G436" s="16">
        <v>1871</v>
      </c>
      <c r="H436" s="16">
        <v>715</v>
      </c>
      <c r="I436" s="16">
        <v>326</v>
      </c>
      <c r="J436" s="16">
        <v>424</v>
      </c>
      <c r="K436" s="16">
        <v>406</v>
      </c>
      <c r="L436" s="22" t="s">
        <v>268</v>
      </c>
    </row>
    <row r="437" spans="1:12">
      <c r="A437" s="21" t="s">
        <v>240</v>
      </c>
      <c r="B437" s="21" t="s">
        <v>237</v>
      </c>
      <c r="C437" s="21" t="s">
        <v>265</v>
      </c>
      <c r="D437" s="21" t="s">
        <v>394</v>
      </c>
      <c r="E437" s="21" t="s">
        <v>216</v>
      </c>
      <c r="F437" s="21" t="s">
        <v>421</v>
      </c>
      <c r="G437" s="16">
        <v>583</v>
      </c>
      <c r="H437" s="16">
        <v>245</v>
      </c>
      <c r="I437" s="16">
        <v>94</v>
      </c>
      <c r="J437" s="16">
        <v>124</v>
      </c>
      <c r="K437" s="16">
        <v>120</v>
      </c>
      <c r="L437" s="22" t="s">
        <v>268</v>
      </c>
    </row>
    <row r="438" spans="1:12">
      <c r="A438" s="21" t="s">
        <v>240</v>
      </c>
      <c r="B438" s="21" t="s">
        <v>237</v>
      </c>
      <c r="C438" s="21" t="s">
        <v>265</v>
      </c>
      <c r="D438" s="21" t="s">
        <v>394</v>
      </c>
      <c r="E438" s="21" t="s">
        <v>216</v>
      </c>
      <c r="F438" s="21" t="s">
        <v>422</v>
      </c>
      <c r="G438" s="16">
        <v>82</v>
      </c>
      <c r="H438" s="16">
        <v>31</v>
      </c>
      <c r="I438" s="16">
        <v>18</v>
      </c>
      <c r="J438" s="16">
        <v>17</v>
      </c>
      <c r="K438" s="16">
        <v>16</v>
      </c>
      <c r="L438" s="22" t="s">
        <v>268</v>
      </c>
    </row>
    <row r="439" spans="1:12">
      <c r="A439" s="21" t="s">
        <v>240</v>
      </c>
      <c r="B439" s="21" t="s">
        <v>237</v>
      </c>
      <c r="C439" s="21" t="s">
        <v>265</v>
      </c>
      <c r="D439" s="21" t="s">
        <v>394</v>
      </c>
      <c r="E439" s="21" t="s">
        <v>216</v>
      </c>
      <c r="F439" s="21" t="s">
        <v>423</v>
      </c>
      <c r="G439" s="16">
        <v>613</v>
      </c>
      <c r="H439" s="22" t="s">
        <v>268</v>
      </c>
      <c r="I439" s="22" t="s">
        <v>268</v>
      </c>
      <c r="J439" s="22" t="s">
        <v>268</v>
      </c>
      <c r="K439" s="22" t="s">
        <v>268</v>
      </c>
      <c r="L439" s="16">
        <v>613</v>
      </c>
    </row>
    <row r="440" spans="1:12">
      <c r="A440" s="21" t="s">
        <v>240</v>
      </c>
      <c r="B440" s="21" t="s">
        <v>237</v>
      </c>
      <c r="C440" s="21" t="s">
        <v>265</v>
      </c>
      <c r="D440" s="21" t="s">
        <v>394</v>
      </c>
      <c r="E440" s="21" t="s">
        <v>216</v>
      </c>
      <c r="F440" s="21" t="s">
        <v>386</v>
      </c>
      <c r="G440" s="16">
        <v>7192</v>
      </c>
      <c r="H440" s="16">
        <v>1724</v>
      </c>
      <c r="I440" s="16">
        <v>1799</v>
      </c>
      <c r="J440" s="16">
        <v>1830</v>
      </c>
      <c r="K440" s="16">
        <v>1839</v>
      </c>
      <c r="L440" s="22" t="s">
        <v>268</v>
      </c>
    </row>
    <row r="441" spans="1:12">
      <c r="A441" s="21" t="s">
        <v>240</v>
      </c>
      <c r="B441" s="21" t="s">
        <v>237</v>
      </c>
      <c r="C441" s="21" t="s">
        <v>265</v>
      </c>
      <c r="D441" s="21" t="s">
        <v>394</v>
      </c>
      <c r="E441" s="21" t="s">
        <v>216</v>
      </c>
      <c r="F441" s="21" t="s">
        <v>387</v>
      </c>
      <c r="G441" s="16">
        <v>33480</v>
      </c>
      <c r="H441" s="16">
        <v>8656</v>
      </c>
      <c r="I441" s="16">
        <v>8177</v>
      </c>
      <c r="J441" s="16">
        <v>8231</v>
      </c>
      <c r="K441" s="16">
        <v>8416</v>
      </c>
      <c r="L441" s="22" t="s">
        <v>268</v>
      </c>
    </row>
    <row r="442" spans="1:12">
      <c r="A442" s="21" t="s">
        <v>240</v>
      </c>
      <c r="B442" s="21" t="s">
        <v>237</v>
      </c>
      <c r="C442" s="21" t="s">
        <v>265</v>
      </c>
      <c r="D442" s="21" t="s">
        <v>394</v>
      </c>
      <c r="E442" s="21" t="s">
        <v>216</v>
      </c>
      <c r="F442" s="21" t="s">
        <v>388</v>
      </c>
      <c r="G442" s="16">
        <v>24484</v>
      </c>
      <c r="H442" s="16">
        <v>8033</v>
      </c>
      <c r="I442" s="16">
        <v>4699</v>
      </c>
      <c r="J442" s="16">
        <v>5757</v>
      </c>
      <c r="K442" s="16">
        <v>5995</v>
      </c>
      <c r="L442" s="22" t="s">
        <v>268</v>
      </c>
    </row>
    <row r="443" spans="1:12">
      <c r="A443" s="21" t="s">
        <v>240</v>
      </c>
      <c r="B443" s="21" t="s">
        <v>237</v>
      </c>
      <c r="C443" s="21" t="s">
        <v>265</v>
      </c>
      <c r="D443" s="21" t="s">
        <v>394</v>
      </c>
      <c r="E443" s="21" t="s">
        <v>216</v>
      </c>
      <c r="F443" s="21" t="s">
        <v>389</v>
      </c>
      <c r="G443" s="16">
        <v>14274</v>
      </c>
      <c r="H443" s="16">
        <v>5096</v>
      </c>
      <c r="I443" s="16">
        <v>2591</v>
      </c>
      <c r="J443" s="16">
        <v>3182</v>
      </c>
      <c r="K443" s="16">
        <v>3405</v>
      </c>
      <c r="L443" s="22" t="s">
        <v>268</v>
      </c>
    </row>
    <row r="444" spans="1:12">
      <c r="A444" s="21" t="s">
        <v>240</v>
      </c>
      <c r="B444" s="21" t="s">
        <v>237</v>
      </c>
      <c r="C444" s="21" t="s">
        <v>265</v>
      </c>
      <c r="D444" s="21" t="s">
        <v>394</v>
      </c>
      <c r="E444" s="21" t="s">
        <v>216</v>
      </c>
      <c r="F444" s="21" t="s">
        <v>390</v>
      </c>
      <c r="G444" s="16">
        <v>5920</v>
      </c>
      <c r="H444" s="16">
        <v>2257</v>
      </c>
      <c r="I444" s="16">
        <v>1028</v>
      </c>
      <c r="J444" s="16">
        <v>1341</v>
      </c>
      <c r="K444" s="16">
        <v>1294</v>
      </c>
      <c r="L444" s="22" t="s">
        <v>268</v>
      </c>
    </row>
    <row r="445" spans="1:12">
      <c r="A445" s="21" t="s">
        <v>240</v>
      </c>
      <c r="B445" s="21" t="s">
        <v>237</v>
      </c>
      <c r="C445" s="21" t="s">
        <v>265</v>
      </c>
      <c r="D445" s="21" t="s">
        <v>394</v>
      </c>
      <c r="E445" s="21" t="s">
        <v>216</v>
      </c>
      <c r="F445" s="21" t="s">
        <v>391</v>
      </c>
      <c r="G445" s="16">
        <v>35734</v>
      </c>
      <c r="H445" s="16">
        <v>9469</v>
      </c>
      <c r="I445" s="16">
        <v>8489</v>
      </c>
      <c r="J445" s="16">
        <v>8713</v>
      </c>
      <c r="K445" s="16">
        <v>9063</v>
      </c>
      <c r="L445" s="22" t="s">
        <v>268</v>
      </c>
    </row>
    <row r="446" spans="1:12">
      <c r="A446" s="21" t="s">
        <v>240</v>
      </c>
      <c r="B446" s="21" t="s">
        <v>237</v>
      </c>
      <c r="C446" s="21" t="s">
        <v>265</v>
      </c>
      <c r="D446" s="21" t="s">
        <v>395</v>
      </c>
      <c r="E446" s="21" t="s">
        <v>214</v>
      </c>
      <c r="F446" s="21" t="s">
        <v>401</v>
      </c>
      <c r="G446" s="16">
        <v>120072</v>
      </c>
      <c r="H446" s="16">
        <v>33531</v>
      </c>
      <c r="I446" s="16">
        <v>27167</v>
      </c>
      <c r="J446" s="16">
        <v>29307</v>
      </c>
      <c r="K446" s="16">
        <v>29801</v>
      </c>
      <c r="L446" s="16">
        <v>266</v>
      </c>
    </row>
    <row r="447" spans="1:12">
      <c r="A447" s="21" t="s">
        <v>240</v>
      </c>
      <c r="B447" s="21" t="s">
        <v>237</v>
      </c>
      <c r="C447" s="21" t="s">
        <v>265</v>
      </c>
      <c r="D447" s="21" t="s">
        <v>395</v>
      </c>
      <c r="E447" s="21" t="s">
        <v>214</v>
      </c>
      <c r="F447" s="21" t="s">
        <v>402</v>
      </c>
      <c r="G447" s="16">
        <v>4322</v>
      </c>
      <c r="H447" s="16">
        <v>1012</v>
      </c>
      <c r="I447" s="16">
        <v>1076</v>
      </c>
      <c r="J447" s="16">
        <v>1118</v>
      </c>
      <c r="K447" s="16">
        <v>1116</v>
      </c>
      <c r="L447" s="22" t="s">
        <v>268</v>
      </c>
    </row>
    <row r="448" spans="1:12">
      <c r="A448" s="21" t="s">
        <v>240</v>
      </c>
      <c r="B448" s="21" t="s">
        <v>237</v>
      </c>
      <c r="C448" s="21" t="s">
        <v>265</v>
      </c>
      <c r="D448" s="21" t="s">
        <v>395</v>
      </c>
      <c r="E448" s="21" t="s">
        <v>214</v>
      </c>
      <c r="F448" s="21" t="s">
        <v>403</v>
      </c>
      <c r="G448" s="16">
        <v>5115</v>
      </c>
      <c r="H448" s="16">
        <v>1211</v>
      </c>
      <c r="I448" s="16">
        <v>1307</v>
      </c>
      <c r="J448" s="16">
        <v>1300</v>
      </c>
      <c r="K448" s="16">
        <v>1297</v>
      </c>
      <c r="L448" s="22" t="s">
        <v>268</v>
      </c>
    </row>
    <row r="449" spans="1:12">
      <c r="A449" s="21" t="s">
        <v>240</v>
      </c>
      <c r="B449" s="21" t="s">
        <v>237</v>
      </c>
      <c r="C449" s="21" t="s">
        <v>265</v>
      </c>
      <c r="D449" s="21" t="s">
        <v>395</v>
      </c>
      <c r="E449" s="21" t="s">
        <v>214</v>
      </c>
      <c r="F449" s="21" t="s">
        <v>404</v>
      </c>
      <c r="G449" s="16">
        <v>5213</v>
      </c>
      <c r="H449" s="16">
        <v>1271</v>
      </c>
      <c r="I449" s="16">
        <v>1285</v>
      </c>
      <c r="J449" s="16">
        <v>1372</v>
      </c>
      <c r="K449" s="16">
        <v>1285</v>
      </c>
      <c r="L449" s="22" t="s">
        <v>268</v>
      </c>
    </row>
    <row r="450" spans="1:12">
      <c r="A450" s="21" t="s">
        <v>240</v>
      </c>
      <c r="B450" s="21" t="s">
        <v>237</v>
      </c>
      <c r="C450" s="21" t="s">
        <v>265</v>
      </c>
      <c r="D450" s="21" t="s">
        <v>395</v>
      </c>
      <c r="E450" s="21" t="s">
        <v>214</v>
      </c>
      <c r="F450" s="21" t="s">
        <v>405</v>
      </c>
      <c r="G450" s="16">
        <v>5719</v>
      </c>
      <c r="H450" s="16">
        <v>1334</v>
      </c>
      <c r="I450" s="16">
        <v>1459</v>
      </c>
      <c r="J450" s="16">
        <v>1482</v>
      </c>
      <c r="K450" s="16">
        <v>1444</v>
      </c>
      <c r="L450" s="22" t="s">
        <v>268</v>
      </c>
    </row>
    <row r="451" spans="1:12">
      <c r="A451" s="21" t="s">
        <v>240</v>
      </c>
      <c r="B451" s="21" t="s">
        <v>237</v>
      </c>
      <c r="C451" s="21" t="s">
        <v>265</v>
      </c>
      <c r="D451" s="21" t="s">
        <v>395</v>
      </c>
      <c r="E451" s="21" t="s">
        <v>214</v>
      </c>
      <c r="F451" s="21" t="s">
        <v>406</v>
      </c>
      <c r="G451" s="16">
        <v>3829</v>
      </c>
      <c r="H451" s="16">
        <v>951</v>
      </c>
      <c r="I451" s="16">
        <v>912</v>
      </c>
      <c r="J451" s="16">
        <v>1025</v>
      </c>
      <c r="K451" s="16">
        <v>941</v>
      </c>
      <c r="L451" s="22" t="s">
        <v>268</v>
      </c>
    </row>
    <row r="452" spans="1:12">
      <c r="A452" s="21" t="s">
        <v>240</v>
      </c>
      <c r="B452" s="21" t="s">
        <v>237</v>
      </c>
      <c r="C452" s="21" t="s">
        <v>265</v>
      </c>
      <c r="D452" s="21" t="s">
        <v>395</v>
      </c>
      <c r="E452" s="21" t="s">
        <v>214</v>
      </c>
      <c r="F452" s="21" t="s">
        <v>407</v>
      </c>
      <c r="G452" s="16">
        <v>4208</v>
      </c>
      <c r="H452" s="16">
        <v>1038</v>
      </c>
      <c r="I452" s="16">
        <v>1007</v>
      </c>
      <c r="J452" s="16">
        <v>1070</v>
      </c>
      <c r="K452" s="16">
        <v>1093</v>
      </c>
      <c r="L452" s="22" t="s">
        <v>268</v>
      </c>
    </row>
    <row r="453" spans="1:12">
      <c r="A453" s="21" t="s">
        <v>240</v>
      </c>
      <c r="B453" s="21" t="s">
        <v>237</v>
      </c>
      <c r="C453" s="21" t="s">
        <v>265</v>
      </c>
      <c r="D453" s="21" t="s">
        <v>395</v>
      </c>
      <c r="E453" s="21" t="s">
        <v>214</v>
      </c>
      <c r="F453" s="21" t="s">
        <v>408</v>
      </c>
      <c r="G453" s="16">
        <v>5176</v>
      </c>
      <c r="H453" s="16">
        <v>1287</v>
      </c>
      <c r="I453" s="16">
        <v>1299</v>
      </c>
      <c r="J453" s="16">
        <v>1253</v>
      </c>
      <c r="K453" s="16">
        <v>1337</v>
      </c>
      <c r="L453" s="22" t="s">
        <v>268</v>
      </c>
    </row>
    <row r="454" spans="1:12">
      <c r="A454" s="21" t="s">
        <v>240</v>
      </c>
      <c r="B454" s="21" t="s">
        <v>237</v>
      </c>
      <c r="C454" s="21" t="s">
        <v>265</v>
      </c>
      <c r="D454" s="21" t="s">
        <v>395</v>
      </c>
      <c r="E454" s="21" t="s">
        <v>214</v>
      </c>
      <c r="F454" s="21" t="s">
        <v>409</v>
      </c>
      <c r="G454" s="16">
        <v>6201</v>
      </c>
      <c r="H454" s="16">
        <v>1520</v>
      </c>
      <c r="I454" s="16">
        <v>1542</v>
      </c>
      <c r="J454" s="16">
        <v>1580</v>
      </c>
      <c r="K454" s="16">
        <v>1559</v>
      </c>
      <c r="L454" s="22" t="s">
        <v>268</v>
      </c>
    </row>
    <row r="455" spans="1:12">
      <c r="A455" s="21" t="s">
        <v>240</v>
      </c>
      <c r="B455" s="21" t="s">
        <v>237</v>
      </c>
      <c r="C455" s="21" t="s">
        <v>265</v>
      </c>
      <c r="D455" s="21" t="s">
        <v>395</v>
      </c>
      <c r="E455" s="21" t="s">
        <v>214</v>
      </c>
      <c r="F455" s="21" t="s">
        <v>410</v>
      </c>
      <c r="G455" s="16">
        <v>6821</v>
      </c>
      <c r="H455" s="16">
        <v>1726</v>
      </c>
      <c r="I455" s="16">
        <v>1675</v>
      </c>
      <c r="J455" s="16">
        <v>1725</v>
      </c>
      <c r="K455" s="16">
        <v>1695</v>
      </c>
      <c r="L455" s="22" t="s">
        <v>268</v>
      </c>
    </row>
    <row r="456" spans="1:12">
      <c r="A456" s="21" t="s">
        <v>240</v>
      </c>
      <c r="B456" s="21" t="s">
        <v>237</v>
      </c>
      <c r="C456" s="21" t="s">
        <v>265</v>
      </c>
      <c r="D456" s="21" t="s">
        <v>395</v>
      </c>
      <c r="E456" s="21" t="s">
        <v>214</v>
      </c>
      <c r="F456" s="21" t="s">
        <v>411</v>
      </c>
      <c r="G456" s="16">
        <v>7524</v>
      </c>
      <c r="H456" s="16">
        <v>1961</v>
      </c>
      <c r="I456" s="16">
        <v>1911</v>
      </c>
      <c r="J456" s="16">
        <v>1851</v>
      </c>
      <c r="K456" s="16">
        <v>1801</v>
      </c>
      <c r="L456" s="22" t="s">
        <v>268</v>
      </c>
    </row>
    <row r="457" spans="1:12">
      <c r="A457" s="21" t="s">
        <v>240</v>
      </c>
      <c r="B457" s="21" t="s">
        <v>237</v>
      </c>
      <c r="C457" s="21" t="s">
        <v>265</v>
      </c>
      <c r="D457" s="21" t="s">
        <v>395</v>
      </c>
      <c r="E457" s="21" t="s">
        <v>214</v>
      </c>
      <c r="F457" s="21" t="s">
        <v>412</v>
      </c>
      <c r="G457" s="16">
        <v>7272</v>
      </c>
      <c r="H457" s="16">
        <v>1992</v>
      </c>
      <c r="I457" s="16">
        <v>1838</v>
      </c>
      <c r="J457" s="16">
        <v>1719</v>
      </c>
      <c r="K457" s="16">
        <v>1723</v>
      </c>
      <c r="L457" s="22" t="s">
        <v>268</v>
      </c>
    </row>
    <row r="458" spans="1:12">
      <c r="A458" s="21" t="s">
        <v>240</v>
      </c>
      <c r="B458" s="21" t="s">
        <v>237</v>
      </c>
      <c r="C458" s="21" t="s">
        <v>265</v>
      </c>
      <c r="D458" s="21" t="s">
        <v>395</v>
      </c>
      <c r="E458" s="21" t="s">
        <v>214</v>
      </c>
      <c r="F458" s="21" t="s">
        <v>413</v>
      </c>
      <c r="G458" s="16">
        <v>7765</v>
      </c>
      <c r="H458" s="16">
        <v>2232</v>
      </c>
      <c r="I458" s="16">
        <v>1824</v>
      </c>
      <c r="J458" s="16">
        <v>1824</v>
      </c>
      <c r="K458" s="16">
        <v>1885</v>
      </c>
      <c r="L458" s="22" t="s">
        <v>268</v>
      </c>
    </row>
    <row r="459" spans="1:12">
      <c r="A459" s="21" t="s">
        <v>240</v>
      </c>
      <c r="B459" s="21" t="s">
        <v>237</v>
      </c>
      <c r="C459" s="21" t="s">
        <v>265</v>
      </c>
      <c r="D459" s="21" t="s">
        <v>395</v>
      </c>
      <c r="E459" s="21" t="s">
        <v>214</v>
      </c>
      <c r="F459" s="21" t="s">
        <v>414</v>
      </c>
      <c r="G459" s="16">
        <v>8545</v>
      </c>
      <c r="H459" s="16">
        <v>2424</v>
      </c>
      <c r="I459" s="16">
        <v>1906</v>
      </c>
      <c r="J459" s="16">
        <v>2013</v>
      </c>
      <c r="K459" s="16">
        <v>2202</v>
      </c>
      <c r="L459" s="22" t="s">
        <v>268</v>
      </c>
    </row>
    <row r="460" spans="1:12">
      <c r="A460" s="21" t="s">
        <v>240</v>
      </c>
      <c r="B460" s="21" t="s">
        <v>237</v>
      </c>
      <c r="C460" s="21" t="s">
        <v>265</v>
      </c>
      <c r="D460" s="21" t="s">
        <v>395</v>
      </c>
      <c r="E460" s="21" t="s">
        <v>214</v>
      </c>
      <c r="F460" s="21" t="s">
        <v>415</v>
      </c>
      <c r="G460" s="16">
        <v>9697</v>
      </c>
      <c r="H460" s="16">
        <v>2843</v>
      </c>
      <c r="I460" s="16">
        <v>1994</v>
      </c>
      <c r="J460" s="16">
        <v>2312</v>
      </c>
      <c r="K460" s="16">
        <v>2548</v>
      </c>
      <c r="L460" s="22" t="s">
        <v>268</v>
      </c>
    </row>
    <row r="461" spans="1:12">
      <c r="A461" s="21" t="s">
        <v>240</v>
      </c>
      <c r="B461" s="21" t="s">
        <v>237</v>
      </c>
      <c r="C461" s="21" t="s">
        <v>265</v>
      </c>
      <c r="D461" s="21" t="s">
        <v>395</v>
      </c>
      <c r="E461" s="21" t="s">
        <v>214</v>
      </c>
      <c r="F461" s="21" t="s">
        <v>416</v>
      </c>
      <c r="G461" s="16">
        <v>9793</v>
      </c>
      <c r="H461" s="16">
        <v>2802</v>
      </c>
      <c r="I461" s="16">
        <v>2038</v>
      </c>
      <c r="J461" s="16">
        <v>2588</v>
      </c>
      <c r="K461" s="16">
        <v>2365</v>
      </c>
      <c r="L461" s="22" t="s">
        <v>268</v>
      </c>
    </row>
    <row r="462" spans="1:12">
      <c r="A462" s="21" t="s">
        <v>240</v>
      </c>
      <c r="B462" s="21" t="s">
        <v>237</v>
      </c>
      <c r="C462" s="21" t="s">
        <v>265</v>
      </c>
      <c r="D462" s="21" t="s">
        <v>395</v>
      </c>
      <c r="E462" s="21" t="s">
        <v>214</v>
      </c>
      <c r="F462" s="21" t="s">
        <v>417</v>
      </c>
      <c r="G462" s="16">
        <v>7556</v>
      </c>
      <c r="H462" s="16">
        <v>2391</v>
      </c>
      <c r="I462" s="16">
        <v>1500</v>
      </c>
      <c r="J462" s="16">
        <v>1710</v>
      </c>
      <c r="K462" s="16">
        <v>1955</v>
      </c>
      <c r="L462" s="22" t="s">
        <v>268</v>
      </c>
    </row>
    <row r="463" spans="1:12">
      <c r="A463" s="21" t="s">
        <v>240</v>
      </c>
      <c r="B463" s="21" t="s">
        <v>237</v>
      </c>
      <c r="C463" s="21" t="s">
        <v>265</v>
      </c>
      <c r="D463" s="21" t="s">
        <v>395</v>
      </c>
      <c r="E463" s="21" t="s">
        <v>214</v>
      </c>
      <c r="F463" s="21" t="s">
        <v>418</v>
      </c>
      <c r="G463" s="16">
        <v>6528</v>
      </c>
      <c r="H463" s="16">
        <v>2344</v>
      </c>
      <c r="I463" s="16">
        <v>1126</v>
      </c>
      <c r="J463" s="16">
        <v>1446</v>
      </c>
      <c r="K463" s="16">
        <v>1612</v>
      </c>
      <c r="L463" s="22" t="s">
        <v>268</v>
      </c>
    </row>
    <row r="464" spans="1:12">
      <c r="A464" s="21" t="s">
        <v>240</v>
      </c>
      <c r="B464" s="21" t="s">
        <v>237</v>
      </c>
      <c r="C464" s="21" t="s">
        <v>265</v>
      </c>
      <c r="D464" s="21" t="s">
        <v>395</v>
      </c>
      <c r="E464" s="21" t="s">
        <v>214</v>
      </c>
      <c r="F464" s="21" t="s">
        <v>419</v>
      </c>
      <c r="G464" s="16">
        <v>5154</v>
      </c>
      <c r="H464" s="16">
        <v>1886</v>
      </c>
      <c r="I464" s="16">
        <v>902</v>
      </c>
      <c r="J464" s="16">
        <v>1164</v>
      </c>
      <c r="K464" s="16">
        <v>1202</v>
      </c>
      <c r="L464" s="22" t="s">
        <v>268</v>
      </c>
    </row>
    <row r="465" spans="1:12">
      <c r="A465" s="21" t="s">
        <v>240</v>
      </c>
      <c r="B465" s="21" t="s">
        <v>237</v>
      </c>
      <c r="C465" s="21" t="s">
        <v>265</v>
      </c>
      <c r="D465" s="21" t="s">
        <v>395</v>
      </c>
      <c r="E465" s="21" t="s">
        <v>214</v>
      </c>
      <c r="F465" s="21" t="s">
        <v>420</v>
      </c>
      <c r="G465" s="16">
        <v>2579</v>
      </c>
      <c r="H465" s="16">
        <v>971</v>
      </c>
      <c r="I465" s="16">
        <v>433</v>
      </c>
      <c r="J465" s="16">
        <v>594</v>
      </c>
      <c r="K465" s="16">
        <v>581</v>
      </c>
      <c r="L465" s="22" t="s">
        <v>268</v>
      </c>
    </row>
    <row r="466" spans="1:12">
      <c r="A466" s="21" t="s">
        <v>240</v>
      </c>
      <c r="B466" s="21" t="s">
        <v>237</v>
      </c>
      <c r="C466" s="21" t="s">
        <v>265</v>
      </c>
      <c r="D466" s="21" t="s">
        <v>395</v>
      </c>
      <c r="E466" s="21" t="s">
        <v>214</v>
      </c>
      <c r="F466" s="21" t="s">
        <v>421</v>
      </c>
      <c r="G466" s="16">
        <v>697</v>
      </c>
      <c r="H466" s="16">
        <v>300</v>
      </c>
      <c r="I466" s="16">
        <v>114</v>
      </c>
      <c r="J466" s="16">
        <v>142</v>
      </c>
      <c r="K466" s="16">
        <v>141</v>
      </c>
      <c r="L466" s="22" t="s">
        <v>268</v>
      </c>
    </row>
    <row r="467" spans="1:12">
      <c r="A467" s="21" t="s">
        <v>240</v>
      </c>
      <c r="B467" s="21" t="s">
        <v>237</v>
      </c>
      <c r="C467" s="21" t="s">
        <v>265</v>
      </c>
      <c r="D467" s="21" t="s">
        <v>395</v>
      </c>
      <c r="E467" s="21" t="s">
        <v>214</v>
      </c>
      <c r="F467" s="21" t="s">
        <v>422</v>
      </c>
      <c r="G467" s="16">
        <v>92</v>
      </c>
      <c r="H467" s="16">
        <v>35</v>
      </c>
      <c r="I467" s="16">
        <v>19</v>
      </c>
      <c r="J467" s="16">
        <v>19</v>
      </c>
      <c r="K467" s="16">
        <v>19</v>
      </c>
      <c r="L467" s="22" t="s">
        <v>268</v>
      </c>
    </row>
    <row r="468" spans="1:12">
      <c r="A468" s="21" t="s">
        <v>240</v>
      </c>
      <c r="B468" s="21" t="s">
        <v>237</v>
      </c>
      <c r="C468" s="21" t="s">
        <v>265</v>
      </c>
      <c r="D468" s="21" t="s">
        <v>395</v>
      </c>
      <c r="E468" s="21" t="s">
        <v>214</v>
      </c>
      <c r="F468" s="21" t="s">
        <v>423</v>
      </c>
      <c r="G468" s="16">
        <v>266</v>
      </c>
      <c r="H468" s="22" t="s">
        <v>268</v>
      </c>
      <c r="I468" s="22" t="s">
        <v>268</v>
      </c>
      <c r="J468" s="22" t="s">
        <v>268</v>
      </c>
      <c r="K468" s="22" t="s">
        <v>268</v>
      </c>
      <c r="L468" s="16">
        <v>266</v>
      </c>
    </row>
    <row r="469" spans="1:12">
      <c r="A469" s="21" t="s">
        <v>240</v>
      </c>
      <c r="B469" s="21" t="s">
        <v>237</v>
      </c>
      <c r="C469" s="21" t="s">
        <v>265</v>
      </c>
      <c r="D469" s="21" t="s">
        <v>395</v>
      </c>
      <c r="E469" s="21" t="s">
        <v>214</v>
      </c>
      <c r="F469" s="21" t="s">
        <v>386</v>
      </c>
      <c r="G469" s="16">
        <v>14650</v>
      </c>
      <c r="H469" s="16">
        <v>3494</v>
      </c>
      <c r="I469" s="16">
        <v>3668</v>
      </c>
      <c r="J469" s="16">
        <v>3790</v>
      </c>
      <c r="K469" s="16">
        <v>3698</v>
      </c>
      <c r="L469" s="22" t="s">
        <v>268</v>
      </c>
    </row>
    <row r="470" spans="1:12">
      <c r="A470" s="21" t="s">
        <v>240</v>
      </c>
      <c r="B470" s="21" t="s">
        <v>237</v>
      </c>
      <c r="C470" s="21" t="s">
        <v>265</v>
      </c>
      <c r="D470" s="21" t="s">
        <v>395</v>
      </c>
      <c r="E470" s="21" t="s">
        <v>214</v>
      </c>
      <c r="F470" s="21" t="s">
        <v>387</v>
      </c>
      <c r="G470" s="16">
        <v>63060</v>
      </c>
      <c r="H470" s="16">
        <v>16465</v>
      </c>
      <c r="I470" s="16">
        <v>15373</v>
      </c>
      <c r="J470" s="16">
        <v>15542</v>
      </c>
      <c r="K470" s="16">
        <v>15680</v>
      </c>
      <c r="L470" s="22" t="s">
        <v>268</v>
      </c>
    </row>
    <row r="471" spans="1:12">
      <c r="A471" s="21" t="s">
        <v>240</v>
      </c>
      <c r="B471" s="21" t="s">
        <v>237</v>
      </c>
      <c r="C471" s="21" t="s">
        <v>265</v>
      </c>
      <c r="D471" s="21" t="s">
        <v>395</v>
      </c>
      <c r="E471" s="21" t="s">
        <v>214</v>
      </c>
      <c r="F471" s="21" t="s">
        <v>388</v>
      </c>
      <c r="G471" s="16">
        <v>42096</v>
      </c>
      <c r="H471" s="16">
        <v>13572</v>
      </c>
      <c r="I471" s="16">
        <v>8126</v>
      </c>
      <c r="J471" s="16">
        <v>9975</v>
      </c>
      <c r="K471" s="16">
        <v>10423</v>
      </c>
      <c r="L471" s="22" t="s">
        <v>268</v>
      </c>
    </row>
    <row r="472" spans="1:12">
      <c r="A472" s="21" t="s">
        <v>240</v>
      </c>
      <c r="B472" s="21" t="s">
        <v>237</v>
      </c>
      <c r="C472" s="21" t="s">
        <v>265</v>
      </c>
      <c r="D472" s="21" t="s">
        <v>395</v>
      </c>
      <c r="E472" s="21" t="s">
        <v>214</v>
      </c>
      <c r="F472" s="21" t="s">
        <v>389</v>
      </c>
      <c r="G472" s="16">
        <v>22606</v>
      </c>
      <c r="H472" s="16">
        <v>7927</v>
      </c>
      <c r="I472" s="16">
        <v>4094</v>
      </c>
      <c r="J472" s="16">
        <v>5075</v>
      </c>
      <c r="K472" s="16">
        <v>5510</v>
      </c>
      <c r="L472" s="22" t="s">
        <v>268</v>
      </c>
    </row>
    <row r="473" spans="1:12">
      <c r="A473" s="21" t="s">
        <v>240</v>
      </c>
      <c r="B473" s="21" t="s">
        <v>237</v>
      </c>
      <c r="C473" s="21" t="s">
        <v>265</v>
      </c>
      <c r="D473" s="21" t="s">
        <v>395</v>
      </c>
      <c r="E473" s="21" t="s">
        <v>214</v>
      </c>
      <c r="F473" s="21" t="s">
        <v>390</v>
      </c>
      <c r="G473" s="16">
        <v>8522</v>
      </c>
      <c r="H473" s="16">
        <v>3192</v>
      </c>
      <c r="I473" s="16">
        <v>1468</v>
      </c>
      <c r="J473" s="16">
        <v>1919</v>
      </c>
      <c r="K473" s="16">
        <v>1943</v>
      </c>
      <c r="L473" s="22" t="s">
        <v>268</v>
      </c>
    </row>
    <row r="474" spans="1:12">
      <c r="A474" s="21" t="s">
        <v>240</v>
      </c>
      <c r="B474" s="21" t="s">
        <v>237</v>
      </c>
      <c r="C474" s="21" t="s">
        <v>265</v>
      </c>
      <c r="D474" s="21" t="s">
        <v>395</v>
      </c>
      <c r="E474" s="21" t="s">
        <v>214</v>
      </c>
      <c r="F474" s="21" t="s">
        <v>391</v>
      </c>
      <c r="G474" s="16">
        <v>67038</v>
      </c>
      <c r="H474" s="16">
        <v>17974</v>
      </c>
      <c r="I474" s="16">
        <v>15908</v>
      </c>
      <c r="J474" s="16">
        <v>16372</v>
      </c>
      <c r="K474" s="16">
        <v>16784</v>
      </c>
      <c r="L474" s="22" t="s">
        <v>268</v>
      </c>
    </row>
    <row r="475" spans="1:12">
      <c r="A475" s="21" t="s">
        <v>240</v>
      </c>
      <c r="B475" s="21" t="s">
        <v>237</v>
      </c>
      <c r="C475" s="21" t="s">
        <v>265</v>
      </c>
      <c r="D475" s="21" t="s">
        <v>395</v>
      </c>
      <c r="E475" s="21" t="s">
        <v>215</v>
      </c>
      <c r="F475" s="21" t="s">
        <v>401</v>
      </c>
      <c r="G475" s="16">
        <v>56474</v>
      </c>
      <c r="H475" s="16">
        <v>15495</v>
      </c>
      <c r="I475" s="16">
        <v>12881</v>
      </c>
      <c r="J475" s="16">
        <v>13898</v>
      </c>
      <c r="K475" s="16">
        <v>14009</v>
      </c>
      <c r="L475" s="16">
        <v>191</v>
      </c>
    </row>
    <row r="476" spans="1:12">
      <c r="A476" s="21" t="s">
        <v>240</v>
      </c>
      <c r="B476" s="21" t="s">
        <v>237</v>
      </c>
      <c r="C476" s="21" t="s">
        <v>265</v>
      </c>
      <c r="D476" s="21" t="s">
        <v>395</v>
      </c>
      <c r="E476" s="21" t="s">
        <v>215</v>
      </c>
      <c r="F476" s="21" t="s">
        <v>402</v>
      </c>
      <c r="G476" s="16">
        <v>2211</v>
      </c>
      <c r="H476" s="16">
        <v>518</v>
      </c>
      <c r="I476" s="16">
        <v>546</v>
      </c>
      <c r="J476" s="16">
        <v>582</v>
      </c>
      <c r="K476" s="16">
        <v>565</v>
      </c>
      <c r="L476" s="22" t="s">
        <v>268</v>
      </c>
    </row>
    <row r="477" spans="1:12">
      <c r="A477" s="21" t="s">
        <v>240</v>
      </c>
      <c r="B477" s="21" t="s">
        <v>237</v>
      </c>
      <c r="C477" s="21" t="s">
        <v>265</v>
      </c>
      <c r="D477" s="21" t="s">
        <v>395</v>
      </c>
      <c r="E477" s="21" t="s">
        <v>215</v>
      </c>
      <c r="F477" s="21" t="s">
        <v>403</v>
      </c>
      <c r="G477" s="16">
        <v>2578</v>
      </c>
      <c r="H477" s="16">
        <v>597</v>
      </c>
      <c r="I477" s="16">
        <v>661</v>
      </c>
      <c r="J477" s="16">
        <v>673</v>
      </c>
      <c r="K477" s="16">
        <v>647</v>
      </c>
      <c r="L477" s="22" t="s">
        <v>268</v>
      </c>
    </row>
    <row r="478" spans="1:12">
      <c r="A478" s="21" t="s">
        <v>240</v>
      </c>
      <c r="B478" s="21" t="s">
        <v>237</v>
      </c>
      <c r="C478" s="21" t="s">
        <v>265</v>
      </c>
      <c r="D478" s="21" t="s">
        <v>395</v>
      </c>
      <c r="E478" s="21" t="s">
        <v>215</v>
      </c>
      <c r="F478" s="21" t="s">
        <v>404</v>
      </c>
      <c r="G478" s="16">
        <v>2681</v>
      </c>
      <c r="H478" s="16">
        <v>656</v>
      </c>
      <c r="I478" s="16">
        <v>664</v>
      </c>
      <c r="J478" s="16">
        <v>712</v>
      </c>
      <c r="K478" s="16">
        <v>649</v>
      </c>
      <c r="L478" s="22" t="s">
        <v>268</v>
      </c>
    </row>
    <row r="479" spans="1:12">
      <c r="A479" s="21" t="s">
        <v>240</v>
      </c>
      <c r="B479" s="21" t="s">
        <v>237</v>
      </c>
      <c r="C479" s="21" t="s">
        <v>265</v>
      </c>
      <c r="D479" s="21" t="s">
        <v>395</v>
      </c>
      <c r="E479" s="21" t="s">
        <v>215</v>
      </c>
      <c r="F479" s="21" t="s">
        <v>405</v>
      </c>
      <c r="G479" s="16">
        <v>2964</v>
      </c>
      <c r="H479" s="16">
        <v>690</v>
      </c>
      <c r="I479" s="16">
        <v>753</v>
      </c>
      <c r="J479" s="16">
        <v>767</v>
      </c>
      <c r="K479" s="16">
        <v>754</v>
      </c>
      <c r="L479" s="22" t="s">
        <v>268</v>
      </c>
    </row>
    <row r="480" spans="1:12">
      <c r="A480" s="21" t="s">
        <v>240</v>
      </c>
      <c r="B480" s="21" t="s">
        <v>237</v>
      </c>
      <c r="C480" s="21" t="s">
        <v>265</v>
      </c>
      <c r="D480" s="21" t="s">
        <v>395</v>
      </c>
      <c r="E480" s="21" t="s">
        <v>215</v>
      </c>
      <c r="F480" s="21" t="s">
        <v>406</v>
      </c>
      <c r="G480" s="16">
        <v>1895</v>
      </c>
      <c r="H480" s="16">
        <v>471</v>
      </c>
      <c r="I480" s="16">
        <v>441</v>
      </c>
      <c r="J480" s="16">
        <v>501</v>
      </c>
      <c r="K480" s="16">
        <v>482</v>
      </c>
      <c r="L480" s="22" t="s">
        <v>268</v>
      </c>
    </row>
    <row r="481" spans="1:12">
      <c r="A481" s="21" t="s">
        <v>240</v>
      </c>
      <c r="B481" s="21" t="s">
        <v>237</v>
      </c>
      <c r="C481" s="21" t="s">
        <v>265</v>
      </c>
      <c r="D481" s="21" t="s">
        <v>395</v>
      </c>
      <c r="E481" s="21" t="s">
        <v>215</v>
      </c>
      <c r="F481" s="21" t="s">
        <v>407</v>
      </c>
      <c r="G481" s="16">
        <v>2132</v>
      </c>
      <c r="H481" s="16">
        <v>543</v>
      </c>
      <c r="I481" s="16">
        <v>491</v>
      </c>
      <c r="J481" s="16">
        <v>550</v>
      </c>
      <c r="K481" s="16">
        <v>548</v>
      </c>
      <c r="L481" s="22" t="s">
        <v>268</v>
      </c>
    </row>
    <row r="482" spans="1:12">
      <c r="A482" s="21" t="s">
        <v>240</v>
      </c>
      <c r="B482" s="21" t="s">
        <v>237</v>
      </c>
      <c r="C482" s="21" t="s">
        <v>265</v>
      </c>
      <c r="D482" s="21" t="s">
        <v>395</v>
      </c>
      <c r="E482" s="21" t="s">
        <v>215</v>
      </c>
      <c r="F482" s="21" t="s">
        <v>408</v>
      </c>
      <c r="G482" s="16">
        <v>2537</v>
      </c>
      <c r="H482" s="16">
        <v>640</v>
      </c>
      <c r="I482" s="16">
        <v>651</v>
      </c>
      <c r="J482" s="16">
        <v>605</v>
      </c>
      <c r="K482" s="16">
        <v>641</v>
      </c>
      <c r="L482" s="22" t="s">
        <v>268</v>
      </c>
    </row>
    <row r="483" spans="1:12">
      <c r="A483" s="21" t="s">
        <v>240</v>
      </c>
      <c r="B483" s="21" t="s">
        <v>237</v>
      </c>
      <c r="C483" s="21" t="s">
        <v>265</v>
      </c>
      <c r="D483" s="21" t="s">
        <v>395</v>
      </c>
      <c r="E483" s="21" t="s">
        <v>215</v>
      </c>
      <c r="F483" s="21" t="s">
        <v>409</v>
      </c>
      <c r="G483" s="16">
        <v>3074</v>
      </c>
      <c r="H483" s="16">
        <v>772</v>
      </c>
      <c r="I483" s="16">
        <v>741</v>
      </c>
      <c r="J483" s="16">
        <v>784</v>
      </c>
      <c r="K483" s="16">
        <v>777</v>
      </c>
      <c r="L483" s="22" t="s">
        <v>268</v>
      </c>
    </row>
    <row r="484" spans="1:12">
      <c r="A484" s="21" t="s">
        <v>240</v>
      </c>
      <c r="B484" s="21" t="s">
        <v>237</v>
      </c>
      <c r="C484" s="21" t="s">
        <v>265</v>
      </c>
      <c r="D484" s="21" t="s">
        <v>395</v>
      </c>
      <c r="E484" s="21" t="s">
        <v>215</v>
      </c>
      <c r="F484" s="21" t="s">
        <v>410</v>
      </c>
      <c r="G484" s="16">
        <v>3396</v>
      </c>
      <c r="H484" s="16">
        <v>848</v>
      </c>
      <c r="I484" s="16">
        <v>818</v>
      </c>
      <c r="J484" s="16">
        <v>865</v>
      </c>
      <c r="K484" s="16">
        <v>865</v>
      </c>
      <c r="L484" s="22" t="s">
        <v>268</v>
      </c>
    </row>
    <row r="485" spans="1:12">
      <c r="A485" s="21" t="s">
        <v>240</v>
      </c>
      <c r="B485" s="21" t="s">
        <v>237</v>
      </c>
      <c r="C485" s="21" t="s">
        <v>265</v>
      </c>
      <c r="D485" s="21" t="s">
        <v>395</v>
      </c>
      <c r="E485" s="21" t="s">
        <v>215</v>
      </c>
      <c r="F485" s="21" t="s">
        <v>411</v>
      </c>
      <c r="G485" s="16">
        <v>3705</v>
      </c>
      <c r="H485" s="16">
        <v>976</v>
      </c>
      <c r="I485" s="16">
        <v>937</v>
      </c>
      <c r="J485" s="16">
        <v>889</v>
      </c>
      <c r="K485" s="16">
        <v>903</v>
      </c>
      <c r="L485" s="22" t="s">
        <v>268</v>
      </c>
    </row>
    <row r="486" spans="1:12">
      <c r="A486" s="21" t="s">
        <v>240</v>
      </c>
      <c r="B486" s="21" t="s">
        <v>237</v>
      </c>
      <c r="C486" s="21" t="s">
        <v>265</v>
      </c>
      <c r="D486" s="21" t="s">
        <v>395</v>
      </c>
      <c r="E486" s="21" t="s">
        <v>215</v>
      </c>
      <c r="F486" s="21" t="s">
        <v>412</v>
      </c>
      <c r="G486" s="16">
        <v>3552</v>
      </c>
      <c r="H486" s="16">
        <v>988</v>
      </c>
      <c r="I486" s="16">
        <v>910</v>
      </c>
      <c r="J486" s="16">
        <v>851</v>
      </c>
      <c r="K486" s="16">
        <v>803</v>
      </c>
      <c r="L486" s="22" t="s">
        <v>268</v>
      </c>
    </row>
    <row r="487" spans="1:12">
      <c r="A487" s="21" t="s">
        <v>240</v>
      </c>
      <c r="B487" s="21" t="s">
        <v>237</v>
      </c>
      <c r="C487" s="21" t="s">
        <v>265</v>
      </c>
      <c r="D487" s="21" t="s">
        <v>395</v>
      </c>
      <c r="E487" s="21" t="s">
        <v>215</v>
      </c>
      <c r="F487" s="21" t="s">
        <v>413</v>
      </c>
      <c r="G487" s="16">
        <v>3769</v>
      </c>
      <c r="H487" s="16">
        <v>1081</v>
      </c>
      <c r="I487" s="16">
        <v>889</v>
      </c>
      <c r="J487" s="16">
        <v>896</v>
      </c>
      <c r="K487" s="16">
        <v>903</v>
      </c>
      <c r="L487" s="22" t="s">
        <v>268</v>
      </c>
    </row>
    <row r="488" spans="1:12">
      <c r="A488" s="21" t="s">
        <v>240</v>
      </c>
      <c r="B488" s="21" t="s">
        <v>237</v>
      </c>
      <c r="C488" s="21" t="s">
        <v>265</v>
      </c>
      <c r="D488" s="21" t="s">
        <v>395</v>
      </c>
      <c r="E488" s="21" t="s">
        <v>215</v>
      </c>
      <c r="F488" s="21" t="s">
        <v>414</v>
      </c>
      <c r="G488" s="16">
        <v>4152</v>
      </c>
      <c r="H488" s="16">
        <v>1170</v>
      </c>
      <c r="I488" s="16">
        <v>950</v>
      </c>
      <c r="J488" s="16">
        <v>992</v>
      </c>
      <c r="K488" s="16">
        <v>1040</v>
      </c>
      <c r="L488" s="22" t="s">
        <v>268</v>
      </c>
    </row>
    <row r="489" spans="1:12">
      <c r="A489" s="21" t="s">
        <v>240</v>
      </c>
      <c r="B489" s="21" t="s">
        <v>237</v>
      </c>
      <c r="C489" s="21" t="s">
        <v>265</v>
      </c>
      <c r="D489" s="21" t="s">
        <v>395</v>
      </c>
      <c r="E489" s="21" t="s">
        <v>215</v>
      </c>
      <c r="F489" s="21" t="s">
        <v>415</v>
      </c>
      <c r="G489" s="16">
        <v>4662</v>
      </c>
      <c r="H489" s="16">
        <v>1382</v>
      </c>
      <c r="I489" s="16">
        <v>971</v>
      </c>
      <c r="J489" s="16">
        <v>1115</v>
      </c>
      <c r="K489" s="16">
        <v>1194</v>
      </c>
      <c r="L489" s="22" t="s">
        <v>268</v>
      </c>
    </row>
    <row r="490" spans="1:12">
      <c r="A490" s="21" t="s">
        <v>240</v>
      </c>
      <c r="B490" s="21" t="s">
        <v>237</v>
      </c>
      <c r="C490" s="21" t="s">
        <v>265</v>
      </c>
      <c r="D490" s="21" t="s">
        <v>395</v>
      </c>
      <c r="E490" s="21" t="s">
        <v>215</v>
      </c>
      <c r="F490" s="21" t="s">
        <v>416</v>
      </c>
      <c r="G490" s="16">
        <v>4632</v>
      </c>
      <c r="H490" s="16">
        <v>1330</v>
      </c>
      <c r="I490" s="16">
        <v>954</v>
      </c>
      <c r="J490" s="16">
        <v>1217</v>
      </c>
      <c r="K490" s="16">
        <v>1131</v>
      </c>
      <c r="L490" s="22" t="s">
        <v>268</v>
      </c>
    </row>
    <row r="491" spans="1:12">
      <c r="A491" s="21" t="s">
        <v>240</v>
      </c>
      <c r="B491" s="21" t="s">
        <v>237</v>
      </c>
      <c r="C491" s="21" t="s">
        <v>265</v>
      </c>
      <c r="D491" s="21" t="s">
        <v>395</v>
      </c>
      <c r="E491" s="21" t="s">
        <v>215</v>
      </c>
      <c r="F491" s="21" t="s">
        <v>417</v>
      </c>
      <c r="G491" s="16">
        <v>3208</v>
      </c>
      <c r="H491" s="16">
        <v>976</v>
      </c>
      <c r="I491" s="16">
        <v>642</v>
      </c>
      <c r="J491" s="16">
        <v>760</v>
      </c>
      <c r="K491" s="16">
        <v>830</v>
      </c>
      <c r="L491" s="22" t="s">
        <v>268</v>
      </c>
    </row>
    <row r="492" spans="1:12">
      <c r="A492" s="21" t="s">
        <v>240</v>
      </c>
      <c r="B492" s="21" t="s">
        <v>237</v>
      </c>
      <c r="C492" s="21" t="s">
        <v>265</v>
      </c>
      <c r="D492" s="21" t="s">
        <v>395</v>
      </c>
      <c r="E492" s="21" t="s">
        <v>215</v>
      </c>
      <c r="F492" s="21" t="s">
        <v>418</v>
      </c>
      <c r="G492" s="16">
        <v>2531</v>
      </c>
      <c r="H492" s="16">
        <v>921</v>
      </c>
      <c r="I492" s="16">
        <v>421</v>
      </c>
      <c r="J492" s="16">
        <v>561</v>
      </c>
      <c r="K492" s="16">
        <v>628</v>
      </c>
      <c r="L492" s="22" t="s">
        <v>268</v>
      </c>
    </row>
    <row r="493" spans="1:12">
      <c r="A493" s="21" t="s">
        <v>240</v>
      </c>
      <c r="B493" s="21" t="s">
        <v>237</v>
      </c>
      <c r="C493" s="21" t="s">
        <v>265</v>
      </c>
      <c r="D493" s="21" t="s">
        <v>395</v>
      </c>
      <c r="E493" s="21" t="s">
        <v>215</v>
      </c>
      <c r="F493" s="21" t="s">
        <v>419</v>
      </c>
      <c r="G493" s="16">
        <v>1771</v>
      </c>
      <c r="H493" s="16">
        <v>620</v>
      </c>
      <c r="I493" s="16">
        <v>313</v>
      </c>
      <c r="J493" s="16">
        <v>388</v>
      </c>
      <c r="K493" s="16">
        <v>450</v>
      </c>
      <c r="L493" s="22" t="s">
        <v>268</v>
      </c>
    </row>
    <row r="494" spans="1:12">
      <c r="A494" s="21" t="s">
        <v>240</v>
      </c>
      <c r="B494" s="21" t="s">
        <v>237</v>
      </c>
      <c r="C494" s="21" t="s">
        <v>265</v>
      </c>
      <c r="D494" s="21" t="s">
        <v>395</v>
      </c>
      <c r="E494" s="21" t="s">
        <v>215</v>
      </c>
      <c r="F494" s="21" t="s">
        <v>420</v>
      </c>
      <c r="G494" s="16">
        <v>708</v>
      </c>
      <c r="H494" s="16">
        <v>256</v>
      </c>
      <c r="I494" s="16">
        <v>107</v>
      </c>
      <c r="J494" s="16">
        <v>170</v>
      </c>
      <c r="K494" s="16">
        <v>175</v>
      </c>
      <c r="L494" s="22" t="s">
        <v>268</v>
      </c>
    </row>
    <row r="495" spans="1:12">
      <c r="A495" s="21" t="s">
        <v>240</v>
      </c>
      <c r="B495" s="21" t="s">
        <v>237</v>
      </c>
      <c r="C495" s="21" t="s">
        <v>265</v>
      </c>
      <c r="D495" s="21" t="s">
        <v>395</v>
      </c>
      <c r="E495" s="21" t="s">
        <v>215</v>
      </c>
      <c r="F495" s="21" t="s">
        <v>421</v>
      </c>
      <c r="G495" s="16">
        <v>115</v>
      </c>
      <c r="H495" s="16">
        <v>56</v>
      </c>
      <c r="I495" s="16">
        <v>20</v>
      </c>
      <c r="J495" s="16">
        <v>18</v>
      </c>
      <c r="K495" s="16">
        <v>21</v>
      </c>
      <c r="L495" s="22" t="s">
        <v>268</v>
      </c>
    </row>
    <row r="496" spans="1:12">
      <c r="A496" s="21" t="s">
        <v>240</v>
      </c>
      <c r="B496" s="21" t="s">
        <v>237</v>
      </c>
      <c r="C496" s="21" t="s">
        <v>265</v>
      </c>
      <c r="D496" s="21" t="s">
        <v>395</v>
      </c>
      <c r="E496" s="21" t="s">
        <v>215</v>
      </c>
      <c r="F496" s="21" t="s">
        <v>422</v>
      </c>
      <c r="G496" s="16">
        <v>10</v>
      </c>
      <c r="H496" s="16">
        <v>4</v>
      </c>
      <c r="I496" s="16">
        <v>1</v>
      </c>
      <c r="J496" s="16">
        <v>2</v>
      </c>
      <c r="K496" s="16">
        <v>3</v>
      </c>
      <c r="L496" s="22" t="s">
        <v>268</v>
      </c>
    </row>
    <row r="497" spans="1:12">
      <c r="A497" s="21" t="s">
        <v>240</v>
      </c>
      <c r="B497" s="21" t="s">
        <v>237</v>
      </c>
      <c r="C497" s="21" t="s">
        <v>265</v>
      </c>
      <c r="D497" s="21" t="s">
        <v>395</v>
      </c>
      <c r="E497" s="21" t="s">
        <v>215</v>
      </c>
      <c r="F497" s="21" t="s">
        <v>423</v>
      </c>
      <c r="G497" s="16">
        <v>191</v>
      </c>
      <c r="H497" s="22" t="s">
        <v>268</v>
      </c>
      <c r="I497" s="22" t="s">
        <v>268</v>
      </c>
      <c r="J497" s="22" t="s">
        <v>268</v>
      </c>
      <c r="K497" s="22" t="s">
        <v>268</v>
      </c>
      <c r="L497" s="16">
        <v>191</v>
      </c>
    </row>
    <row r="498" spans="1:12">
      <c r="A498" s="21" t="s">
        <v>240</v>
      </c>
      <c r="B498" s="21" t="s">
        <v>237</v>
      </c>
      <c r="C498" s="21" t="s">
        <v>265</v>
      </c>
      <c r="D498" s="21" t="s">
        <v>395</v>
      </c>
      <c r="E498" s="21" t="s">
        <v>215</v>
      </c>
      <c r="F498" s="21" t="s">
        <v>386</v>
      </c>
      <c r="G498" s="16">
        <v>7470</v>
      </c>
      <c r="H498" s="16">
        <v>1771</v>
      </c>
      <c r="I498" s="16">
        <v>1871</v>
      </c>
      <c r="J498" s="16">
        <v>1967</v>
      </c>
      <c r="K498" s="16">
        <v>1861</v>
      </c>
      <c r="L498" s="22" t="s">
        <v>268</v>
      </c>
    </row>
    <row r="499" spans="1:12">
      <c r="A499" s="21" t="s">
        <v>240</v>
      </c>
      <c r="B499" s="21" t="s">
        <v>237</v>
      </c>
      <c r="C499" s="21" t="s">
        <v>265</v>
      </c>
      <c r="D499" s="21" t="s">
        <v>395</v>
      </c>
      <c r="E499" s="21" t="s">
        <v>215</v>
      </c>
      <c r="F499" s="21" t="s">
        <v>387</v>
      </c>
      <c r="G499" s="16">
        <v>31176</v>
      </c>
      <c r="H499" s="16">
        <v>8179</v>
      </c>
      <c r="I499" s="16">
        <v>7581</v>
      </c>
      <c r="J499" s="16">
        <v>7700</v>
      </c>
      <c r="K499" s="16">
        <v>7716</v>
      </c>
      <c r="L499" s="22" t="s">
        <v>268</v>
      </c>
    </row>
    <row r="500" spans="1:12">
      <c r="A500" s="21" t="s">
        <v>240</v>
      </c>
      <c r="B500" s="21" t="s">
        <v>237</v>
      </c>
      <c r="C500" s="21" t="s">
        <v>265</v>
      </c>
      <c r="D500" s="21" t="s">
        <v>395</v>
      </c>
      <c r="E500" s="21" t="s">
        <v>215</v>
      </c>
      <c r="F500" s="21" t="s">
        <v>388</v>
      </c>
      <c r="G500" s="16">
        <v>17637</v>
      </c>
      <c r="H500" s="16">
        <v>5545</v>
      </c>
      <c r="I500" s="16">
        <v>3429</v>
      </c>
      <c r="J500" s="16">
        <v>4231</v>
      </c>
      <c r="K500" s="16">
        <v>4432</v>
      </c>
      <c r="L500" s="22" t="s">
        <v>268</v>
      </c>
    </row>
    <row r="501" spans="1:12">
      <c r="A501" s="21" t="s">
        <v>240</v>
      </c>
      <c r="B501" s="21" t="s">
        <v>237</v>
      </c>
      <c r="C501" s="21" t="s">
        <v>265</v>
      </c>
      <c r="D501" s="21" t="s">
        <v>395</v>
      </c>
      <c r="E501" s="21" t="s">
        <v>215</v>
      </c>
      <c r="F501" s="21" t="s">
        <v>389</v>
      </c>
      <c r="G501" s="16">
        <v>8343</v>
      </c>
      <c r="H501" s="16">
        <v>2833</v>
      </c>
      <c r="I501" s="16">
        <v>1504</v>
      </c>
      <c r="J501" s="16">
        <v>1899</v>
      </c>
      <c r="K501" s="16">
        <v>2107</v>
      </c>
      <c r="L501" s="22" t="s">
        <v>268</v>
      </c>
    </row>
    <row r="502" spans="1:12">
      <c r="A502" s="21" t="s">
        <v>240</v>
      </c>
      <c r="B502" s="21" t="s">
        <v>237</v>
      </c>
      <c r="C502" s="21" t="s">
        <v>265</v>
      </c>
      <c r="D502" s="21" t="s">
        <v>395</v>
      </c>
      <c r="E502" s="21" t="s">
        <v>215</v>
      </c>
      <c r="F502" s="21" t="s">
        <v>390</v>
      </c>
      <c r="G502" s="16">
        <v>2604</v>
      </c>
      <c r="H502" s="16">
        <v>936</v>
      </c>
      <c r="I502" s="16">
        <v>441</v>
      </c>
      <c r="J502" s="16">
        <v>578</v>
      </c>
      <c r="K502" s="16">
        <v>649</v>
      </c>
      <c r="L502" s="22" t="s">
        <v>268</v>
      </c>
    </row>
    <row r="503" spans="1:12">
      <c r="A503" s="21" t="s">
        <v>240</v>
      </c>
      <c r="B503" s="21" t="s">
        <v>237</v>
      </c>
      <c r="C503" s="21" t="s">
        <v>265</v>
      </c>
      <c r="D503" s="21" t="s">
        <v>395</v>
      </c>
      <c r="E503" s="21" t="s">
        <v>215</v>
      </c>
      <c r="F503" s="21" t="s">
        <v>391</v>
      </c>
      <c r="G503" s="16">
        <v>32874</v>
      </c>
      <c r="H503" s="16">
        <v>8871</v>
      </c>
      <c r="I503" s="16">
        <v>7799</v>
      </c>
      <c r="J503" s="16">
        <v>8048</v>
      </c>
      <c r="K503" s="16">
        <v>8156</v>
      </c>
      <c r="L503" s="22" t="s">
        <v>268</v>
      </c>
    </row>
    <row r="504" spans="1:12">
      <c r="A504" s="21" t="s">
        <v>240</v>
      </c>
      <c r="B504" s="21" t="s">
        <v>237</v>
      </c>
      <c r="C504" s="21" t="s">
        <v>265</v>
      </c>
      <c r="D504" s="21" t="s">
        <v>395</v>
      </c>
      <c r="E504" s="21" t="s">
        <v>216</v>
      </c>
      <c r="F504" s="21" t="s">
        <v>401</v>
      </c>
      <c r="G504" s="16">
        <v>63598</v>
      </c>
      <c r="H504" s="16">
        <v>18036</v>
      </c>
      <c r="I504" s="16">
        <v>14286</v>
      </c>
      <c r="J504" s="16">
        <v>15409</v>
      </c>
      <c r="K504" s="16">
        <v>15792</v>
      </c>
      <c r="L504" s="16">
        <v>75</v>
      </c>
    </row>
    <row r="505" spans="1:12">
      <c r="A505" s="21" t="s">
        <v>240</v>
      </c>
      <c r="B505" s="21" t="s">
        <v>237</v>
      </c>
      <c r="C505" s="21" t="s">
        <v>265</v>
      </c>
      <c r="D505" s="21" t="s">
        <v>395</v>
      </c>
      <c r="E505" s="21" t="s">
        <v>216</v>
      </c>
      <c r="F505" s="21" t="s">
        <v>402</v>
      </c>
      <c r="G505" s="16">
        <v>2111</v>
      </c>
      <c r="H505" s="16">
        <v>494</v>
      </c>
      <c r="I505" s="16">
        <v>530</v>
      </c>
      <c r="J505" s="16">
        <v>536</v>
      </c>
      <c r="K505" s="16">
        <v>551</v>
      </c>
      <c r="L505" s="22" t="s">
        <v>268</v>
      </c>
    </row>
    <row r="506" spans="1:12">
      <c r="A506" s="21" t="s">
        <v>240</v>
      </c>
      <c r="B506" s="21" t="s">
        <v>237</v>
      </c>
      <c r="C506" s="21" t="s">
        <v>265</v>
      </c>
      <c r="D506" s="21" t="s">
        <v>395</v>
      </c>
      <c r="E506" s="21" t="s">
        <v>216</v>
      </c>
      <c r="F506" s="21" t="s">
        <v>403</v>
      </c>
      <c r="G506" s="16">
        <v>2537</v>
      </c>
      <c r="H506" s="16">
        <v>614</v>
      </c>
      <c r="I506" s="16">
        <v>646</v>
      </c>
      <c r="J506" s="16">
        <v>627</v>
      </c>
      <c r="K506" s="16">
        <v>650</v>
      </c>
      <c r="L506" s="22" t="s">
        <v>268</v>
      </c>
    </row>
    <row r="507" spans="1:12">
      <c r="A507" s="21" t="s">
        <v>240</v>
      </c>
      <c r="B507" s="21" t="s">
        <v>237</v>
      </c>
      <c r="C507" s="21" t="s">
        <v>265</v>
      </c>
      <c r="D507" s="21" t="s">
        <v>395</v>
      </c>
      <c r="E507" s="21" t="s">
        <v>216</v>
      </c>
      <c r="F507" s="21" t="s">
        <v>404</v>
      </c>
      <c r="G507" s="16">
        <v>2532</v>
      </c>
      <c r="H507" s="16">
        <v>615</v>
      </c>
      <c r="I507" s="16">
        <v>621</v>
      </c>
      <c r="J507" s="16">
        <v>660</v>
      </c>
      <c r="K507" s="16">
        <v>636</v>
      </c>
      <c r="L507" s="22" t="s">
        <v>268</v>
      </c>
    </row>
    <row r="508" spans="1:12">
      <c r="A508" s="21" t="s">
        <v>240</v>
      </c>
      <c r="B508" s="21" t="s">
        <v>237</v>
      </c>
      <c r="C508" s="21" t="s">
        <v>265</v>
      </c>
      <c r="D508" s="21" t="s">
        <v>395</v>
      </c>
      <c r="E508" s="21" t="s">
        <v>216</v>
      </c>
      <c r="F508" s="21" t="s">
        <v>405</v>
      </c>
      <c r="G508" s="16">
        <v>2755</v>
      </c>
      <c r="H508" s="16">
        <v>644</v>
      </c>
      <c r="I508" s="16">
        <v>706</v>
      </c>
      <c r="J508" s="16">
        <v>715</v>
      </c>
      <c r="K508" s="16">
        <v>690</v>
      </c>
      <c r="L508" s="22" t="s">
        <v>268</v>
      </c>
    </row>
    <row r="509" spans="1:12">
      <c r="A509" s="21" t="s">
        <v>240</v>
      </c>
      <c r="B509" s="21" t="s">
        <v>237</v>
      </c>
      <c r="C509" s="21" t="s">
        <v>265</v>
      </c>
      <c r="D509" s="21" t="s">
        <v>395</v>
      </c>
      <c r="E509" s="21" t="s">
        <v>216</v>
      </c>
      <c r="F509" s="21" t="s">
        <v>406</v>
      </c>
      <c r="G509" s="16">
        <v>1934</v>
      </c>
      <c r="H509" s="16">
        <v>480</v>
      </c>
      <c r="I509" s="16">
        <v>471</v>
      </c>
      <c r="J509" s="16">
        <v>524</v>
      </c>
      <c r="K509" s="16">
        <v>459</v>
      </c>
      <c r="L509" s="22" t="s">
        <v>268</v>
      </c>
    </row>
    <row r="510" spans="1:12">
      <c r="A510" s="21" t="s">
        <v>240</v>
      </c>
      <c r="B510" s="21" t="s">
        <v>237</v>
      </c>
      <c r="C510" s="21" t="s">
        <v>265</v>
      </c>
      <c r="D510" s="21" t="s">
        <v>395</v>
      </c>
      <c r="E510" s="21" t="s">
        <v>216</v>
      </c>
      <c r="F510" s="21" t="s">
        <v>407</v>
      </c>
      <c r="G510" s="16">
        <v>2076</v>
      </c>
      <c r="H510" s="16">
        <v>495</v>
      </c>
      <c r="I510" s="16">
        <v>516</v>
      </c>
      <c r="J510" s="16">
        <v>520</v>
      </c>
      <c r="K510" s="16">
        <v>545</v>
      </c>
      <c r="L510" s="22" t="s">
        <v>268</v>
      </c>
    </row>
    <row r="511" spans="1:12">
      <c r="A511" s="21" t="s">
        <v>240</v>
      </c>
      <c r="B511" s="21" t="s">
        <v>237</v>
      </c>
      <c r="C511" s="21" t="s">
        <v>265</v>
      </c>
      <c r="D511" s="21" t="s">
        <v>395</v>
      </c>
      <c r="E511" s="21" t="s">
        <v>216</v>
      </c>
      <c r="F511" s="21" t="s">
        <v>408</v>
      </c>
      <c r="G511" s="16">
        <v>2639</v>
      </c>
      <c r="H511" s="16">
        <v>647</v>
      </c>
      <c r="I511" s="16">
        <v>648</v>
      </c>
      <c r="J511" s="16">
        <v>648</v>
      </c>
      <c r="K511" s="16">
        <v>696</v>
      </c>
      <c r="L511" s="22" t="s">
        <v>268</v>
      </c>
    </row>
    <row r="512" spans="1:12">
      <c r="A512" s="21" t="s">
        <v>240</v>
      </c>
      <c r="B512" s="21" t="s">
        <v>237</v>
      </c>
      <c r="C512" s="21" t="s">
        <v>265</v>
      </c>
      <c r="D512" s="21" t="s">
        <v>395</v>
      </c>
      <c r="E512" s="21" t="s">
        <v>216</v>
      </c>
      <c r="F512" s="21" t="s">
        <v>409</v>
      </c>
      <c r="G512" s="16">
        <v>3127</v>
      </c>
      <c r="H512" s="16">
        <v>748</v>
      </c>
      <c r="I512" s="16">
        <v>801</v>
      </c>
      <c r="J512" s="16">
        <v>796</v>
      </c>
      <c r="K512" s="16">
        <v>782</v>
      </c>
      <c r="L512" s="22" t="s">
        <v>268</v>
      </c>
    </row>
    <row r="513" spans="1:12">
      <c r="A513" s="21" t="s">
        <v>240</v>
      </c>
      <c r="B513" s="21" t="s">
        <v>237</v>
      </c>
      <c r="C513" s="21" t="s">
        <v>265</v>
      </c>
      <c r="D513" s="21" t="s">
        <v>395</v>
      </c>
      <c r="E513" s="21" t="s">
        <v>216</v>
      </c>
      <c r="F513" s="21" t="s">
        <v>410</v>
      </c>
      <c r="G513" s="16">
        <v>3425</v>
      </c>
      <c r="H513" s="16">
        <v>878</v>
      </c>
      <c r="I513" s="16">
        <v>857</v>
      </c>
      <c r="J513" s="16">
        <v>860</v>
      </c>
      <c r="K513" s="16">
        <v>830</v>
      </c>
      <c r="L513" s="22" t="s">
        <v>268</v>
      </c>
    </row>
    <row r="514" spans="1:12">
      <c r="A514" s="21" t="s">
        <v>240</v>
      </c>
      <c r="B514" s="21" t="s">
        <v>237</v>
      </c>
      <c r="C514" s="21" t="s">
        <v>265</v>
      </c>
      <c r="D514" s="21" t="s">
        <v>395</v>
      </c>
      <c r="E514" s="21" t="s">
        <v>216</v>
      </c>
      <c r="F514" s="21" t="s">
        <v>411</v>
      </c>
      <c r="G514" s="16">
        <v>3819</v>
      </c>
      <c r="H514" s="16">
        <v>985</v>
      </c>
      <c r="I514" s="16">
        <v>974</v>
      </c>
      <c r="J514" s="16">
        <v>962</v>
      </c>
      <c r="K514" s="16">
        <v>898</v>
      </c>
      <c r="L514" s="22" t="s">
        <v>268</v>
      </c>
    </row>
    <row r="515" spans="1:12">
      <c r="A515" s="21" t="s">
        <v>240</v>
      </c>
      <c r="B515" s="21" t="s">
        <v>237</v>
      </c>
      <c r="C515" s="21" t="s">
        <v>265</v>
      </c>
      <c r="D515" s="21" t="s">
        <v>395</v>
      </c>
      <c r="E515" s="21" t="s">
        <v>216</v>
      </c>
      <c r="F515" s="21" t="s">
        <v>412</v>
      </c>
      <c r="G515" s="16">
        <v>3720</v>
      </c>
      <c r="H515" s="16">
        <v>1004</v>
      </c>
      <c r="I515" s="16">
        <v>928</v>
      </c>
      <c r="J515" s="16">
        <v>868</v>
      </c>
      <c r="K515" s="16">
        <v>920</v>
      </c>
      <c r="L515" s="22" t="s">
        <v>268</v>
      </c>
    </row>
    <row r="516" spans="1:12">
      <c r="A516" s="21" t="s">
        <v>240</v>
      </c>
      <c r="B516" s="21" t="s">
        <v>237</v>
      </c>
      <c r="C516" s="21" t="s">
        <v>265</v>
      </c>
      <c r="D516" s="21" t="s">
        <v>395</v>
      </c>
      <c r="E516" s="21" t="s">
        <v>216</v>
      </c>
      <c r="F516" s="21" t="s">
        <v>413</v>
      </c>
      <c r="G516" s="16">
        <v>3996</v>
      </c>
      <c r="H516" s="16">
        <v>1151</v>
      </c>
      <c r="I516" s="16">
        <v>935</v>
      </c>
      <c r="J516" s="16">
        <v>928</v>
      </c>
      <c r="K516" s="16">
        <v>982</v>
      </c>
      <c r="L516" s="22" t="s">
        <v>268</v>
      </c>
    </row>
    <row r="517" spans="1:12">
      <c r="A517" s="21" t="s">
        <v>240</v>
      </c>
      <c r="B517" s="21" t="s">
        <v>237</v>
      </c>
      <c r="C517" s="21" t="s">
        <v>265</v>
      </c>
      <c r="D517" s="21" t="s">
        <v>395</v>
      </c>
      <c r="E517" s="21" t="s">
        <v>216</v>
      </c>
      <c r="F517" s="21" t="s">
        <v>414</v>
      </c>
      <c r="G517" s="16">
        <v>4393</v>
      </c>
      <c r="H517" s="16">
        <v>1254</v>
      </c>
      <c r="I517" s="16">
        <v>956</v>
      </c>
      <c r="J517" s="16">
        <v>1021</v>
      </c>
      <c r="K517" s="16">
        <v>1162</v>
      </c>
      <c r="L517" s="22" t="s">
        <v>268</v>
      </c>
    </row>
    <row r="518" spans="1:12">
      <c r="A518" s="21" t="s">
        <v>240</v>
      </c>
      <c r="B518" s="21" t="s">
        <v>237</v>
      </c>
      <c r="C518" s="21" t="s">
        <v>265</v>
      </c>
      <c r="D518" s="21" t="s">
        <v>395</v>
      </c>
      <c r="E518" s="21" t="s">
        <v>216</v>
      </c>
      <c r="F518" s="21" t="s">
        <v>415</v>
      </c>
      <c r="G518" s="16">
        <v>5035</v>
      </c>
      <c r="H518" s="16">
        <v>1461</v>
      </c>
      <c r="I518" s="16">
        <v>1023</v>
      </c>
      <c r="J518" s="16">
        <v>1197</v>
      </c>
      <c r="K518" s="16">
        <v>1354</v>
      </c>
      <c r="L518" s="22" t="s">
        <v>268</v>
      </c>
    </row>
    <row r="519" spans="1:12">
      <c r="A519" s="21" t="s">
        <v>240</v>
      </c>
      <c r="B519" s="21" t="s">
        <v>237</v>
      </c>
      <c r="C519" s="21" t="s">
        <v>265</v>
      </c>
      <c r="D519" s="21" t="s">
        <v>395</v>
      </c>
      <c r="E519" s="21" t="s">
        <v>216</v>
      </c>
      <c r="F519" s="21" t="s">
        <v>416</v>
      </c>
      <c r="G519" s="16">
        <v>5161</v>
      </c>
      <c r="H519" s="16">
        <v>1472</v>
      </c>
      <c r="I519" s="16">
        <v>1084</v>
      </c>
      <c r="J519" s="16">
        <v>1371</v>
      </c>
      <c r="K519" s="16">
        <v>1234</v>
      </c>
      <c r="L519" s="22" t="s">
        <v>268</v>
      </c>
    </row>
    <row r="520" spans="1:12">
      <c r="A520" s="21" t="s">
        <v>240</v>
      </c>
      <c r="B520" s="21" t="s">
        <v>237</v>
      </c>
      <c r="C520" s="21" t="s">
        <v>265</v>
      </c>
      <c r="D520" s="21" t="s">
        <v>395</v>
      </c>
      <c r="E520" s="21" t="s">
        <v>216</v>
      </c>
      <c r="F520" s="21" t="s">
        <v>417</v>
      </c>
      <c r="G520" s="16">
        <v>4348</v>
      </c>
      <c r="H520" s="16">
        <v>1415</v>
      </c>
      <c r="I520" s="16">
        <v>858</v>
      </c>
      <c r="J520" s="16">
        <v>950</v>
      </c>
      <c r="K520" s="16">
        <v>1125</v>
      </c>
      <c r="L520" s="22" t="s">
        <v>268</v>
      </c>
    </row>
    <row r="521" spans="1:12">
      <c r="A521" s="21" t="s">
        <v>240</v>
      </c>
      <c r="B521" s="21" t="s">
        <v>237</v>
      </c>
      <c r="C521" s="21" t="s">
        <v>265</v>
      </c>
      <c r="D521" s="21" t="s">
        <v>395</v>
      </c>
      <c r="E521" s="21" t="s">
        <v>216</v>
      </c>
      <c r="F521" s="21" t="s">
        <v>418</v>
      </c>
      <c r="G521" s="16">
        <v>3997</v>
      </c>
      <c r="H521" s="16">
        <v>1423</v>
      </c>
      <c r="I521" s="16">
        <v>705</v>
      </c>
      <c r="J521" s="16">
        <v>885</v>
      </c>
      <c r="K521" s="16">
        <v>984</v>
      </c>
      <c r="L521" s="22" t="s">
        <v>268</v>
      </c>
    </row>
    <row r="522" spans="1:12">
      <c r="A522" s="21" t="s">
        <v>240</v>
      </c>
      <c r="B522" s="21" t="s">
        <v>237</v>
      </c>
      <c r="C522" s="21" t="s">
        <v>265</v>
      </c>
      <c r="D522" s="21" t="s">
        <v>395</v>
      </c>
      <c r="E522" s="21" t="s">
        <v>216</v>
      </c>
      <c r="F522" s="21" t="s">
        <v>419</v>
      </c>
      <c r="G522" s="16">
        <v>3383</v>
      </c>
      <c r="H522" s="16">
        <v>1266</v>
      </c>
      <c r="I522" s="16">
        <v>589</v>
      </c>
      <c r="J522" s="16">
        <v>776</v>
      </c>
      <c r="K522" s="16">
        <v>752</v>
      </c>
      <c r="L522" s="22" t="s">
        <v>268</v>
      </c>
    </row>
    <row r="523" spans="1:12">
      <c r="A523" s="21" t="s">
        <v>240</v>
      </c>
      <c r="B523" s="21" t="s">
        <v>237</v>
      </c>
      <c r="C523" s="21" t="s">
        <v>265</v>
      </c>
      <c r="D523" s="21" t="s">
        <v>395</v>
      </c>
      <c r="E523" s="21" t="s">
        <v>216</v>
      </c>
      <c r="F523" s="21" t="s">
        <v>420</v>
      </c>
      <c r="G523" s="16">
        <v>1871</v>
      </c>
      <c r="H523" s="16">
        <v>715</v>
      </c>
      <c r="I523" s="16">
        <v>326</v>
      </c>
      <c r="J523" s="16">
        <v>424</v>
      </c>
      <c r="K523" s="16">
        <v>406</v>
      </c>
      <c r="L523" s="22" t="s">
        <v>268</v>
      </c>
    </row>
    <row r="524" spans="1:12">
      <c r="A524" s="21" t="s">
        <v>240</v>
      </c>
      <c r="B524" s="21" t="s">
        <v>237</v>
      </c>
      <c r="C524" s="21" t="s">
        <v>265</v>
      </c>
      <c r="D524" s="21" t="s">
        <v>395</v>
      </c>
      <c r="E524" s="21" t="s">
        <v>216</v>
      </c>
      <c r="F524" s="21" t="s">
        <v>421</v>
      </c>
      <c r="G524" s="16">
        <v>582</v>
      </c>
      <c r="H524" s="16">
        <v>244</v>
      </c>
      <c r="I524" s="16">
        <v>94</v>
      </c>
      <c r="J524" s="16">
        <v>124</v>
      </c>
      <c r="K524" s="16">
        <v>120</v>
      </c>
      <c r="L524" s="22" t="s">
        <v>268</v>
      </c>
    </row>
    <row r="525" spans="1:12">
      <c r="A525" s="21" t="s">
        <v>240</v>
      </c>
      <c r="B525" s="21" t="s">
        <v>237</v>
      </c>
      <c r="C525" s="21" t="s">
        <v>265</v>
      </c>
      <c r="D525" s="21" t="s">
        <v>395</v>
      </c>
      <c r="E525" s="21" t="s">
        <v>216</v>
      </c>
      <c r="F525" s="21" t="s">
        <v>422</v>
      </c>
      <c r="G525" s="16">
        <v>82</v>
      </c>
      <c r="H525" s="16">
        <v>31</v>
      </c>
      <c r="I525" s="16">
        <v>18</v>
      </c>
      <c r="J525" s="16">
        <v>17</v>
      </c>
      <c r="K525" s="16">
        <v>16</v>
      </c>
      <c r="L525" s="22" t="s">
        <v>268</v>
      </c>
    </row>
    <row r="526" spans="1:12">
      <c r="A526" s="21" t="s">
        <v>240</v>
      </c>
      <c r="B526" s="21" t="s">
        <v>237</v>
      </c>
      <c r="C526" s="21" t="s">
        <v>265</v>
      </c>
      <c r="D526" s="21" t="s">
        <v>395</v>
      </c>
      <c r="E526" s="21" t="s">
        <v>216</v>
      </c>
      <c r="F526" s="21" t="s">
        <v>423</v>
      </c>
      <c r="G526" s="16">
        <v>75</v>
      </c>
      <c r="H526" s="22" t="s">
        <v>268</v>
      </c>
      <c r="I526" s="22" t="s">
        <v>268</v>
      </c>
      <c r="J526" s="22" t="s">
        <v>268</v>
      </c>
      <c r="K526" s="22" t="s">
        <v>268</v>
      </c>
      <c r="L526" s="16">
        <v>75</v>
      </c>
    </row>
    <row r="527" spans="1:12">
      <c r="A527" s="21" t="s">
        <v>240</v>
      </c>
      <c r="B527" s="21" t="s">
        <v>237</v>
      </c>
      <c r="C527" s="21" t="s">
        <v>265</v>
      </c>
      <c r="D527" s="21" t="s">
        <v>395</v>
      </c>
      <c r="E527" s="21" t="s">
        <v>216</v>
      </c>
      <c r="F527" s="21" t="s">
        <v>386</v>
      </c>
      <c r="G527" s="16">
        <v>7180</v>
      </c>
      <c r="H527" s="16">
        <v>1723</v>
      </c>
      <c r="I527" s="16">
        <v>1797</v>
      </c>
      <c r="J527" s="16">
        <v>1823</v>
      </c>
      <c r="K527" s="16">
        <v>1837</v>
      </c>
      <c r="L527" s="22" t="s">
        <v>268</v>
      </c>
    </row>
    <row r="528" spans="1:12">
      <c r="A528" s="21" t="s">
        <v>240</v>
      </c>
      <c r="B528" s="21" t="s">
        <v>237</v>
      </c>
      <c r="C528" s="21" t="s">
        <v>265</v>
      </c>
      <c r="D528" s="21" t="s">
        <v>395</v>
      </c>
      <c r="E528" s="21" t="s">
        <v>216</v>
      </c>
      <c r="F528" s="21" t="s">
        <v>387</v>
      </c>
      <c r="G528" s="16">
        <v>31884</v>
      </c>
      <c r="H528" s="16">
        <v>8286</v>
      </c>
      <c r="I528" s="16">
        <v>7792</v>
      </c>
      <c r="J528" s="16">
        <v>7842</v>
      </c>
      <c r="K528" s="16">
        <v>7964</v>
      </c>
      <c r="L528" s="22" t="s">
        <v>268</v>
      </c>
    </row>
    <row r="529" spans="1:12">
      <c r="A529" s="21" t="s">
        <v>240</v>
      </c>
      <c r="B529" s="21" t="s">
        <v>237</v>
      </c>
      <c r="C529" s="21" t="s">
        <v>265</v>
      </c>
      <c r="D529" s="21" t="s">
        <v>395</v>
      </c>
      <c r="E529" s="21" t="s">
        <v>216</v>
      </c>
      <c r="F529" s="21" t="s">
        <v>388</v>
      </c>
      <c r="G529" s="16">
        <v>24459</v>
      </c>
      <c r="H529" s="16">
        <v>8027</v>
      </c>
      <c r="I529" s="16">
        <v>4697</v>
      </c>
      <c r="J529" s="16">
        <v>5744</v>
      </c>
      <c r="K529" s="16">
        <v>5991</v>
      </c>
      <c r="L529" s="22" t="s">
        <v>268</v>
      </c>
    </row>
    <row r="530" spans="1:12">
      <c r="A530" s="21" t="s">
        <v>240</v>
      </c>
      <c r="B530" s="21" t="s">
        <v>237</v>
      </c>
      <c r="C530" s="21" t="s">
        <v>265</v>
      </c>
      <c r="D530" s="21" t="s">
        <v>395</v>
      </c>
      <c r="E530" s="21" t="s">
        <v>216</v>
      </c>
      <c r="F530" s="21" t="s">
        <v>389</v>
      </c>
      <c r="G530" s="16">
        <v>14263</v>
      </c>
      <c r="H530" s="16">
        <v>5094</v>
      </c>
      <c r="I530" s="16">
        <v>2590</v>
      </c>
      <c r="J530" s="16">
        <v>3176</v>
      </c>
      <c r="K530" s="16">
        <v>3403</v>
      </c>
      <c r="L530" s="22" t="s">
        <v>268</v>
      </c>
    </row>
    <row r="531" spans="1:12">
      <c r="A531" s="21" t="s">
        <v>240</v>
      </c>
      <c r="B531" s="21" t="s">
        <v>237</v>
      </c>
      <c r="C531" s="21" t="s">
        <v>265</v>
      </c>
      <c r="D531" s="21" t="s">
        <v>395</v>
      </c>
      <c r="E531" s="21" t="s">
        <v>216</v>
      </c>
      <c r="F531" s="21" t="s">
        <v>390</v>
      </c>
      <c r="G531" s="16">
        <v>5918</v>
      </c>
      <c r="H531" s="16">
        <v>2256</v>
      </c>
      <c r="I531" s="16">
        <v>1027</v>
      </c>
      <c r="J531" s="16">
        <v>1341</v>
      </c>
      <c r="K531" s="16">
        <v>1294</v>
      </c>
      <c r="L531" s="22" t="s">
        <v>268</v>
      </c>
    </row>
    <row r="532" spans="1:12">
      <c r="A532" s="21" t="s">
        <v>240</v>
      </c>
      <c r="B532" s="21" t="s">
        <v>237</v>
      </c>
      <c r="C532" s="21" t="s">
        <v>265</v>
      </c>
      <c r="D532" s="21" t="s">
        <v>395</v>
      </c>
      <c r="E532" s="21" t="s">
        <v>216</v>
      </c>
      <c r="F532" s="21" t="s">
        <v>391</v>
      </c>
      <c r="G532" s="16">
        <v>34164</v>
      </c>
      <c r="H532" s="16">
        <v>9103</v>
      </c>
      <c r="I532" s="16">
        <v>8109</v>
      </c>
      <c r="J532" s="16">
        <v>8324</v>
      </c>
      <c r="K532" s="16">
        <v>8628</v>
      </c>
      <c r="L532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12" orientation="portrait" r:id="rId1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2B958A8-C83F-4079-9B0B-9C07936EB1D1}">
  <sheetPr>
    <pageSetUpPr fitToPage="1"/>
  </sheetPr>
  <dimension ref="A1:R16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16.25" style="20" customWidth="1"/>
    <col min="2" max="2" width="2.375" style="20" bestFit="1" customWidth="1"/>
    <col min="3" max="3" width="11.25" style="20" bestFit="1" customWidth="1"/>
    <col min="4" max="16384" width="12.625" style="20"/>
  </cols>
  <sheetData>
    <row r="1" spans="1:18" s="11" customFormat="1">
      <c r="A1" s="11" t="s">
        <v>192</v>
      </c>
    </row>
    <row r="2" spans="1:18" s="11" customFormat="1">
      <c r="A2" s="11" t="s">
        <v>755</v>
      </c>
    </row>
    <row r="3" spans="1:18" s="11" customFormat="1"/>
    <row r="4" spans="1:18" s="11" customFormat="1" hidden="1"/>
    <row r="5" spans="1:18" s="11" customFormat="1" ht="24">
      <c r="E5" s="12" t="s">
        <v>731</v>
      </c>
      <c r="F5" s="12" t="s">
        <v>731</v>
      </c>
      <c r="G5" s="12" t="s">
        <v>731</v>
      </c>
      <c r="H5" s="12" t="s">
        <v>731</v>
      </c>
      <c r="I5" s="12" t="s">
        <v>731</v>
      </c>
      <c r="J5" s="12" t="s">
        <v>731</v>
      </c>
      <c r="K5" s="12" t="s">
        <v>731</v>
      </c>
      <c r="L5" s="12" t="s">
        <v>731</v>
      </c>
      <c r="M5" s="12" t="s">
        <v>731</v>
      </c>
      <c r="N5" s="12" t="s">
        <v>731</v>
      </c>
      <c r="O5" s="12" t="s">
        <v>731</v>
      </c>
      <c r="P5" s="12" t="s">
        <v>731</v>
      </c>
      <c r="Q5" s="12" t="s">
        <v>731</v>
      </c>
      <c r="R5" s="12" t="s">
        <v>731</v>
      </c>
    </row>
    <row r="6" spans="1:18" s="11" customFormat="1" ht="36">
      <c r="E6" s="12" t="s">
        <v>696</v>
      </c>
      <c r="F6" s="12" t="s">
        <v>696</v>
      </c>
      <c r="G6" s="12" t="s">
        <v>696</v>
      </c>
      <c r="H6" s="12" t="s">
        <v>696</v>
      </c>
      <c r="I6" s="12" t="s">
        <v>696</v>
      </c>
      <c r="J6" s="12" t="s">
        <v>696</v>
      </c>
      <c r="K6" s="12" t="s">
        <v>696</v>
      </c>
      <c r="L6" s="12" t="s">
        <v>696</v>
      </c>
      <c r="M6" s="12" t="s">
        <v>696</v>
      </c>
      <c r="N6" s="12" t="s">
        <v>696</v>
      </c>
      <c r="O6" s="12" t="s">
        <v>696</v>
      </c>
      <c r="P6" s="12" t="s">
        <v>696</v>
      </c>
      <c r="Q6" s="12" t="s">
        <v>696</v>
      </c>
      <c r="R6" s="12" t="s">
        <v>696</v>
      </c>
    </row>
    <row r="7" spans="1:18" s="11" customFormat="1">
      <c r="E7" s="12">
        <v>1</v>
      </c>
      <c r="F7" s="12">
        <v>1</v>
      </c>
      <c r="G7" s="12">
        <v>2</v>
      </c>
      <c r="H7" s="12">
        <v>2</v>
      </c>
      <c r="I7" s="12">
        <v>2</v>
      </c>
      <c r="J7" s="12">
        <v>3</v>
      </c>
      <c r="K7" s="12">
        <v>3</v>
      </c>
      <c r="L7" s="12">
        <v>3</v>
      </c>
      <c r="M7" s="12">
        <v>3</v>
      </c>
      <c r="N7" s="12">
        <v>3</v>
      </c>
      <c r="O7" s="12">
        <v>3</v>
      </c>
      <c r="P7" s="12">
        <v>2</v>
      </c>
      <c r="Q7" s="12">
        <v>1</v>
      </c>
      <c r="R7" s="12">
        <v>1</v>
      </c>
    </row>
    <row r="8" spans="1:18" s="11" customFormat="1" ht="60">
      <c r="E8" s="12" t="s">
        <v>214</v>
      </c>
      <c r="F8" s="12" t="s">
        <v>681</v>
      </c>
      <c r="G8" s="12" t="s">
        <v>697</v>
      </c>
      <c r="H8" s="12" t="s">
        <v>698</v>
      </c>
      <c r="I8" s="12" t="s">
        <v>699</v>
      </c>
      <c r="J8" s="12" t="s">
        <v>700</v>
      </c>
      <c r="K8" s="12" t="s">
        <v>701</v>
      </c>
      <c r="L8" s="12" t="s">
        <v>751</v>
      </c>
      <c r="M8" s="12" t="s">
        <v>705</v>
      </c>
      <c r="N8" s="12" t="s">
        <v>706</v>
      </c>
      <c r="O8" s="12" t="s">
        <v>752</v>
      </c>
      <c r="P8" s="12" t="s">
        <v>710</v>
      </c>
      <c r="Q8" s="12" t="s">
        <v>688</v>
      </c>
      <c r="R8" s="12" t="s">
        <v>689</v>
      </c>
    </row>
    <row r="9" spans="1:18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</row>
    <row r="10" spans="1:18" s="11" customFormat="1">
      <c r="A10" s="14" t="s">
        <v>680</v>
      </c>
      <c r="B10" s="14" t="s">
        <v>224</v>
      </c>
      <c r="C10" s="14" t="s">
        <v>259</v>
      </c>
      <c r="D10" s="14" t="s">
        <v>23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</row>
    <row r="11" spans="1:18">
      <c r="A11" s="15" t="s">
        <v>214</v>
      </c>
      <c r="B11" s="15" t="s">
        <v>232</v>
      </c>
      <c r="C11" s="15" t="s">
        <v>233</v>
      </c>
      <c r="D11" s="15" t="s">
        <v>262</v>
      </c>
      <c r="E11" s="16">
        <v>33115696</v>
      </c>
      <c r="F11" s="16">
        <v>33021441</v>
      </c>
      <c r="G11" s="16">
        <v>25717742</v>
      </c>
      <c r="H11" s="16">
        <v>459816</v>
      </c>
      <c r="I11" s="16">
        <v>6808072</v>
      </c>
      <c r="J11" s="16">
        <v>1003308</v>
      </c>
      <c r="K11" s="16">
        <v>2609317</v>
      </c>
      <c r="L11" s="16">
        <v>3195447</v>
      </c>
      <c r="M11" s="16">
        <v>3009256</v>
      </c>
      <c r="N11" s="16">
        <v>2314883</v>
      </c>
      <c r="O11" s="16">
        <v>1483933</v>
      </c>
      <c r="P11" s="16">
        <v>35811</v>
      </c>
      <c r="Q11" s="16">
        <v>94227</v>
      </c>
      <c r="R11" s="16">
        <v>28</v>
      </c>
    </row>
    <row r="12" spans="1:18">
      <c r="A12" s="21" t="s">
        <v>214</v>
      </c>
      <c r="B12" s="21" t="s">
        <v>232</v>
      </c>
      <c r="C12" s="21" t="s">
        <v>237</v>
      </c>
      <c r="D12" s="21" t="s">
        <v>264</v>
      </c>
      <c r="E12" s="16">
        <v>495748</v>
      </c>
      <c r="F12" s="16">
        <v>494037</v>
      </c>
      <c r="G12" s="16">
        <v>426652</v>
      </c>
      <c r="H12" s="16">
        <v>8925</v>
      </c>
      <c r="I12" s="16">
        <v>58019</v>
      </c>
      <c r="J12" s="16">
        <v>14237</v>
      </c>
      <c r="K12" s="16">
        <v>25538</v>
      </c>
      <c r="L12" s="16">
        <v>18244</v>
      </c>
      <c r="M12" s="16">
        <v>32518</v>
      </c>
      <c r="N12" s="16">
        <v>17171</v>
      </c>
      <c r="O12" s="16">
        <v>8330</v>
      </c>
      <c r="P12" s="16">
        <v>441</v>
      </c>
      <c r="Q12" s="16">
        <v>1711</v>
      </c>
      <c r="R12" s="22" t="s">
        <v>268</v>
      </c>
    </row>
    <row r="13" spans="1:18">
      <c r="A13" s="21" t="s">
        <v>214</v>
      </c>
      <c r="B13" s="21" t="s">
        <v>240</v>
      </c>
      <c r="C13" s="21" t="s">
        <v>237</v>
      </c>
      <c r="D13" s="21" t="s">
        <v>265</v>
      </c>
      <c r="E13" s="16">
        <v>38276</v>
      </c>
      <c r="F13" s="16">
        <v>38081</v>
      </c>
      <c r="G13" s="16">
        <v>34977</v>
      </c>
      <c r="H13" s="16">
        <v>613</v>
      </c>
      <c r="I13" s="16">
        <v>2462</v>
      </c>
      <c r="J13" s="16">
        <v>1075</v>
      </c>
      <c r="K13" s="16">
        <v>1004</v>
      </c>
      <c r="L13" s="16">
        <v>383</v>
      </c>
      <c r="M13" s="16">
        <v>1827</v>
      </c>
      <c r="N13" s="16">
        <v>442</v>
      </c>
      <c r="O13" s="16">
        <v>193</v>
      </c>
      <c r="P13" s="16">
        <v>29</v>
      </c>
      <c r="Q13" s="16">
        <v>195</v>
      </c>
      <c r="R13" s="22" t="s">
        <v>268</v>
      </c>
    </row>
    <row r="14" spans="1:18">
      <c r="A14" s="21" t="s">
        <v>753</v>
      </c>
      <c r="B14" s="21" t="s">
        <v>232</v>
      </c>
      <c r="C14" s="21" t="s">
        <v>233</v>
      </c>
      <c r="D14" s="21" t="s">
        <v>262</v>
      </c>
      <c r="E14" s="16">
        <v>32826601</v>
      </c>
      <c r="F14" s="16">
        <v>32826601</v>
      </c>
      <c r="G14" s="16">
        <v>25568812</v>
      </c>
      <c r="H14" s="16">
        <v>454709</v>
      </c>
      <c r="I14" s="16">
        <v>6768692</v>
      </c>
      <c r="J14" s="16">
        <v>990897</v>
      </c>
      <c r="K14" s="16">
        <v>2597595</v>
      </c>
      <c r="L14" s="16">
        <v>3180200</v>
      </c>
      <c r="M14" s="16">
        <v>2987230</v>
      </c>
      <c r="N14" s="16">
        <v>2304500</v>
      </c>
      <c r="O14" s="16">
        <v>1476962</v>
      </c>
      <c r="P14" s="16">
        <v>34388</v>
      </c>
      <c r="Q14" s="22" t="s">
        <v>268</v>
      </c>
      <c r="R14" s="22" t="s">
        <v>268</v>
      </c>
    </row>
    <row r="15" spans="1:18">
      <c r="A15" s="21" t="s">
        <v>753</v>
      </c>
      <c r="B15" s="21" t="s">
        <v>232</v>
      </c>
      <c r="C15" s="21" t="s">
        <v>237</v>
      </c>
      <c r="D15" s="21" t="s">
        <v>264</v>
      </c>
      <c r="E15" s="16">
        <v>492016</v>
      </c>
      <c r="F15" s="16">
        <v>492016</v>
      </c>
      <c r="G15" s="16">
        <v>424880</v>
      </c>
      <c r="H15" s="16">
        <v>8893</v>
      </c>
      <c r="I15" s="16">
        <v>57818</v>
      </c>
      <c r="J15" s="16">
        <v>14134</v>
      </c>
      <c r="K15" s="16">
        <v>25497</v>
      </c>
      <c r="L15" s="16">
        <v>18187</v>
      </c>
      <c r="M15" s="16">
        <v>32368</v>
      </c>
      <c r="N15" s="16">
        <v>17142</v>
      </c>
      <c r="O15" s="16">
        <v>8308</v>
      </c>
      <c r="P15" s="16">
        <v>425</v>
      </c>
      <c r="Q15" s="22" t="s">
        <v>268</v>
      </c>
      <c r="R15" s="22" t="s">
        <v>268</v>
      </c>
    </row>
    <row r="16" spans="1:18">
      <c r="A16" s="21" t="s">
        <v>753</v>
      </c>
      <c r="B16" s="21" t="s">
        <v>240</v>
      </c>
      <c r="C16" s="21" t="s">
        <v>237</v>
      </c>
      <c r="D16" s="21" t="s">
        <v>265</v>
      </c>
      <c r="E16" s="16">
        <v>37948</v>
      </c>
      <c r="F16" s="16">
        <v>37948</v>
      </c>
      <c r="G16" s="16">
        <v>34860</v>
      </c>
      <c r="H16" s="16">
        <v>611</v>
      </c>
      <c r="I16" s="16">
        <v>2450</v>
      </c>
      <c r="J16" s="16">
        <v>1068</v>
      </c>
      <c r="K16" s="16">
        <v>1001</v>
      </c>
      <c r="L16" s="16">
        <v>381</v>
      </c>
      <c r="M16" s="16">
        <v>1819</v>
      </c>
      <c r="N16" s="16">
        <v>439</v>
      </c>
      <c r="O16" s="16">
        <v>192</v>
      </c>
      <c r="P16" s="16">
        <v>27</v>
      </c>
      <c r="Q16" s="22" t="s">
        <v>268</v>
      </c>
      <c r="R16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40" orientation="portrait" r:id="rId1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7C5BD7-7B17-4E7B-9195-C658291FD0CA}">
  <sheetPr>
    <pageSetUpPr fitToPage="1"/>
  </sheetPr>
  <dimension ref="A1:S22"/>
  <sheetViews>
    <sheetView zoomScaleNormal="100" workbookViewId="0">
      <pane xSplit="5" ySplit="10" topLeftCell="I11" activePane="bottomRight" state="frozen"/>
      <selection pane="topRight" activeCell="V1" sqref="V1"/>
      <selection pane="bottomLeft" activeCell="A19" sqref="A19"/>
      <selection pane="bottomRight" activeCell="A8" sqref="A8"/>
    </sheetView>
  </sheetViews>
  <sheetFormatPr defaultColWidth="12.625" defaultRowHeight="12"/>
  <cols>
    <col min="1" max="1" width="16.25" style="20" customWidth="1"/>
    <col min="2" max="2" width="33.75" style="20" customWidth="1"/>
    <col min="3" max="3" width="2.375" style="20" bestFit="1" customWidth="1"/>
    <col min="4" max="4" width="11.25" style="20" bestFit="1" customWidth="1"/>
    <col min="5" max="16384" width="12.625" style="20"/>
  </cols>
  <sheetData>
    <row r="1" spans="1:19" s="11" customFormat="1">
      <c r="A1" s="11" t="s">
        <v>192</v>
      </c>
    </row>
    <row r="2" spans="1:19" s="11" customFormat="1">
      <c r="A2" s="11" t="s">
        <v>756</v>
      </c>
    </row>
    <row r="3" spans="1:19" s="11" customFormat="1"/>
    <row r="4" spans="1:19" s="11" customFormat="1" hidden="1"/>
    <row r="5" spans="1:19" s="11" customFormat="1" ht="24">
      <c r="F5" s="12" t="s">
        <v>496</v>
      </c>
      <c r="G5" s="12" t="s">
        <v>496</v>
      </c>
      <c r="H5" s="12" t="s">
        <v>496</v>
      </c>
      <c r="I5" s="12" t="s">
        <v>496</v>
      </c>
      <c r="J5" s="12" t="s">
        <v>496</v>
      </c>
      <c r="K5" s="12" t="s">
        <v>496</v>
      </c>
      <c r="L5" s="12" t="s">
        <v>496</v>
      </c>
      <c r="M5" s="12" t="s">
        <v>496</v>
      </c>
      <c r="N5" s="12" t="s">
        <v>496</v>
      </c>
      <c r="O5" s="12" t="s">
        <v>496</v>
      </c>
      <c r="P5" s="12" t="s">
        <v>496</v>
      </c>
      <c r="Q5" s="12" t="s">
        <v>496</v>
      </c>
      <c r="R5" s="12" t="s">
        <v>496</v>
      </c>
      <c r="S5" s="12" t="s">
        <v>496</v>
      </c>
    </row>
    <row r="6" spans="1:19" s="11" customFormat="1" ht="36">
      <c r="F6" s="12" t="s">
        <v>696</v>
      </c>
      <c r="G6" s="12" t="s">
        <v>696</v>
      </c>
      <c r="H6" s="12" t="s">
        <v>696</v>
      </c>
      <c r="I6" s="12" t="s">
        <v>696</v>
      </c>
      <c r="J6" s="12" t="s">
        <v>696</v>
      </c>
      <c r="K6" s="12" t="s">
        <v>696</v>
      </c>
      <c r="L6" s="12" t="s">
        <v>696</v>
      </c>
      <c r="M6" s="12" t="s">
        <v>696</v>
      </c>
      <c r="N6" s="12" t="s">
        <v>696</v>
      </c>
      <c r="O6" s="12" t="s">
        <v>696</v>
      </c>
      <c r="P6" s="12" t="s">
        <v>696</v>
      </c>
      <c r="Q6" s="12" t="s">
        <v>696</v>
      </c>
      <c r="R6" s="12" t="s">
        <v>696</v>
      </c>
      <c r="S6" s="12" t="s">
        <v>696</v>
      </c>
    </row>
    <row r="7" spans="1:19" s="11" customFormat="1">
      <c r="F7" s="12">
        <v>1</v>
      </c>
      <c r="G7" s="12">
        <v>1</v>
      </c>
      <c r="H7" s="12">
        <v>2</v>
      </c>
      <c r="I7" s="12">
        <v>2</v>
      </c>
      <c r="J7" s="12">
        <v>2</v>
      </c>
      <c r="K7" s="12">
        <v>3</v>
      </c>
      <c r="L7" s="12">
        <v>3</v>
      </c>
      <c r="M7" s="12">
        <v>3</v>
      </c>
      <c r="N7" s="12">
        <v>3</v>
      </c>
      <c r="O7" s="12">
        <v>3</v>
      </c>
      <c r="P7" s="12">
        <v>3</v>
      </c>
      <c r="Q7" s="12">
        <v>2</v>
      </c>
      <c r="R7" s="12">
        <v>1</v>
      </c>
      <c r="S7" s="12">
        <v>1</v>
      </c>
    </row>
    <row r="8" spans="1:19" s="11" customFormat="1" ht="60">
      <c r="F8" s="12" t="s">
        <v>214</v>
      </c>
      <c r="G8" s="12" t="s">
        <v>681</v>
      </c>
      <c r="H8" s="12" t="s">
        <v>697</v>
      </c>
      <c r="I8" s="12" t="s">
        <v>698</v>
      </c>
      <c r="J8" s="12" t="s">
        <v>699</v>
      </c>
      <c r="K8" s="12" t="s">
        <v>700</v>
      </c>
      <c r="L8" s="12" t="s">
        <v>701</v>
      </c>
      <c r="M8" s="12" t="s">
        <v>751</v>
      </c>
      <c r="N8" s="12" t="s">
        <v>705</v>
      </c>
      <c r="O8" s="12" t="s">
        <v>706</v>
      </c>
      <c r="P8" s="12" t="s">
        <v>752</v>
      </c>
      <c r="Q8" s="12" t="s">
        <v>710</v>
      </c>
      <c r="R8" s="12" t="s">
        <v>688</v>
      </c>
      <c r="S8" s="12" t="s">
        <v>689</v>
      </c>
    </row>
    <row r="9" spans="1:19" s="11" customFormat="1"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</row>
    <row r="10" spans="1:19" s="11" customFormat="1">
      <c r="A10" s="14" t="s">
        <v>680</v>
      </c>
      <c r="B10" s="14" t="s">
        <v>727</v>
      </c>
      <c r="C10" s="14" t="s">
        <v>224</v>
      </c>
      <c r="D10" s="14" t="s">
        <v>259</v>
      </c>
      <c r="E10" s="14" t="s">
        <v>230</v>
      </c>
      <c r="F10" s="14" t="s">
        <v>231</v>
      </c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</row>
    <row r="11" spans="1:19">
      <c r="A11" s="15" t="s">
        <v>214</v>
      </c>
      <c r="B11" s="15" t="s">
        <v>214</v>
      </c>
      <c r="C11" s="15" t="s">
        <v>232</v>
      </c>
      <c r="D11" s="15" t="s">
        <v>233</v>
      </c>
      <c r="E11" s="15" t="s">
        <v>262</v>
      </c>
      <c r="F11" s="17">
        <v>2.2109899999999998</v>
      </c>
      <c r="G11" s="17">
        <v>2.2230699999999999</v>
      </c>
      <c r="H11" s="17">
        <v>2.62242</v>
      </c>
      <c r="I11" s="17">
        <v>1.9589000000000001</v>
      </c>
      <c r="J11" s="17">
        <v>1.7500800000000001</v>
      </c>
      <c r="K11" s="17">
        <v>1.5238799999999999</v>
      </c>
      <c r="L11" s="17">
        <v>1.6934400000000001</v>
      </c>
      <c r="M11" s="17">
        <v>1.9804299999999999</v>
      </c>
      <c r="N11" s="17">
        <v>1.64818</v>
      </c>
      <c r="O11" s="17">
        <v>1.7987500000000001</v>
      </c>
      <c r="P11" s="17">
        <v>1.9781299999999999</v>
      </c>
      <c r="Q11" s="17">
        <v>2.2470300000000001</v>
      </c>
      <c r="R11" s="17">
        <v>1.3271900000000001</v>
      </c>
      <c r="S11" s="17">
        <v>2.7321399999999998</v>
      </c>
    </row>
    <row r="12" spans="1:19">
      <c r="A12" s="21" t="s">
        <v>214</v>
      </c>
      <c r="B12" s="21" t="s">
        <v>214</v>
      </c>
      <c r="C12" s="21" t="s">
        <v>232</v>
      </c>
      <c r="D12" s="21" t="s">
        <v>237</v>
      </c>
      <c r="E12" s="21" t="s">
        <v>264</v>
      </c>
      <c r="F12" s="17">
        <v>2.34226</v>
      </c>
      <c r="G12" s="17">
        <v>2.3551199999999999</v>
      </c>
      <c r="H12" s="17">
        <v>2.6550600000000002</v>
      </c>
      <c r="I12" s="17">
        <v>1.99732</v>
      </c>
      <c r="J12" s="17">
        <v>1.82219</v>
      </c>
      <c r="K12" s="17">
        <v>1.81125</v>
      </c>
      <c r="L12" s="17">
        <v>1.80409</v>
      </c>
      <c r="M12" s="17">
        <v>1.86049</v>
      </c>
      <c r="N12" s="17">
        <v>1.8273900000000001</v>
      </c>
      <c r="O12" s="17">
        <v>1.7850699999999999</v>
      </c>
      <c r="P12" s="17">
        <v>1.87941</v>
      </c>
      <c r="Q12" s="17">
        <v>2.2924199999999999</v>
      </c>
      <c r="R12" s="17">
        <v>1.46017</v>
      </c>
      <c r="S12" s="23" t="s">
        <v>268</v>
      </c>
    </row>
    <row r="13" spans="1:19">
      <c r="A13" s="21" t="s">
        <v>214</v>
      </c>
      <c r="B13" s="21" t="s">
        <v>214</v>
      </c>
      <c r="C13" s="21" t="s">
        <v>240</v>
      </c>
      <c r="D13" s="21" t="s">
        <v>237</v>
      </c>
      <c r="E13" s="21" t="s">
        <v>265</v>
      </c>
      <c r="F13" s="17">
        <v>2.40483</v>
      </c>
      <c r="G13" s="17">
        <v>2.4346000000000001</v>
      </c>
      <c r="H13" s="17">
        <v>2.6345399999999999</v>
      </c>
      <c r="I13" s="17">
        <v>1.7142900000000001</v>
      </c>
      <c r="J13" s="17">
        <v>1.9051499999999999</v>
      </c>
      <c r="K13" s="17">
        <v>1.81749</v>
      </c>
      <c r="L13" s="17">
        <v>2.0167700000000002</v>
      </c>
      <c r="M13" s="17">
        <v>1.9692700000000001</v>
      </c>
      <c r="N13" s="17">
        <v>1.89744</v>
      </c>
      <c r="O13" s="17">
        <v>1.9284399999999999</v>
      </c>
      <c r="P13" s="17">
        <v>1.9387799999999999</v>
      </c>
      <c r="Q13" s="17">
        <v>1.8591500000000001</v>
      </c>
      <c r="R13" s="17">
        <v>1.32009</v>
      </c>
      <c r="S13" s="23" t="s">
        <v>268</v>
      </c>
    </row>
    <row r="14" spans="1:19">
      <c r="A14" s="21" t="s">
        <v>214</v>
      </c>
      <c r="B14" s="21" t="s">
        <v>728</v>
      </c>
      <c r="C14" s="21" t="s">
        <v>232</v>
      </c>
      <c r="D14" s="21" t="s">
        <v>233</v>
      </c>
      <c r="E14" s="21" t="s">
        <v>262</v>
      </c>
      <c r="F14" s="17">
        <v>2.2117399999999998</v>
      </c>
      <c r="G14" s="17">
        <v>2.2128399999999999</v>
      </c>
      <c r="H14" s="17">
        <v>2.379</v>
      </c>
      <c r="I14" s="17">
        <v>1.6984699999999999</v>
      </c>
      <c r="J14" s="17">
        <v>1.7073199999999999</v>
      </c>
      <c r="K14" s="17">
        <v>1.43415</v>
      </c>
      <c r="L14" s="17">
        <v>1.68645</v>
      </c>
      <c r="M14" s="17">
        <v>1.8262799999999999</v>
      </c>
      <c r="N14" s="17">
        <v>1.6172500000000001</v>
      </c>
      <c r="O14" s="17">
        <v>1.76292</v>
      </c>
      <c r="P14" s="17">
        <v>1.8168800000000001</v>
      </c>
      <c r="Q14" s="17">
        <v>2.2626499999999998</v>
      </c>
      <c r="R14" s="17">
        <v>1.8451900000000001</v>
      </c>
      <c r="S14" s="17">
        <v>2.9473699999999998</v>
      </c>
    </row>
    <row r="15" spans="1:19">
      <c r="A15" s="21" t="s">
        <v>214</v>
      </c>
      <c r="B15" s="21" t="s">
        <v>728</v>
      </c>
      <c r="C15" s="21" t="s">
        <v>232</v>
      </c>
      <c r="D15" s="21" t="s">
        <v>237</v>
      </c>
      <c r="E15" s="21" t="s">
        <v>264</v>
      </c>
      <c r="F15" s="17">
        <v>2.3208700000000002</v>
      </c>
      <c r="G15" s="17">
        <v>2.3220499999999999</v>
      </c>
      <c r="H15" s="17">
        <v>2.4468399999999999</v>
      </c>
      <c r="I15" s="17">
        <v>1.62897</v>
      </c>
      <c r="J15" s="17">
        <v>1.67235</v>
      </c>
      <c r="K15" s="17">
        <v>1.52382</v>
      </c>
      <c r="L15" s="17">
        <v>1.6578900000000001</v>
      </c>
      <c r="M15" s="17">
        <v>1.8253200000000001</v>
      </c>
      <c r="N15" s="17">
        <v>1.60951</v>
      </c>
      <c r="O15" s="17">
        <v>1.7226699999999999</v>
      </c>
      <c r="P15" s="17">
        <v>1.83148</v>
      </c>
      <c r="Q15" s="17">
        <v>2.1261800000000002</v>
      </c>
      <c r="R15" s="17">
        <v>1.97915</v>
      </c>
      <c r="S15" s="23" t="s">
        <v>268</v>
      </c>
    </row>
    <row r="16" spans="1:19">
      <c r="A16" s="21" t="s">
        <v>214</v>
      </c>
      <c r="B16" s="21" t="s">
        <v>728</v>
      </c>
      <c r="C16" s="21" t="s">
        <v>240</v>
      </c>
      <c r="D16" s="21" t="s">
        <v>237</v>
      </c>
      <c r="E16" s="21" t="s">
        <v>265</v>
      </c>
      <c r="F16" s="17">
        <v>2.4447000000000001</v>
      </c>
      <c r="G16" s="17">
        <v>2.4473500000000001</v>
      </c>
      <c r="H16" s="17">
        <v>2.5394600000000001</v>
      </c>
      <c r="I16" s="17">
        <v>1.4922500000000001</v>
      </c>
      <c r="J16" s="17">
        <v>1.65076</v>
      </c>
      <c r="K16" s="17">
        <v>1.5217400000000001</v>
      </c>
      <c r="L16" s="17">
        <v>1.77037</v>
      </c>
      <c r="M16" s="17">
        <v>1.7227699999999999</v>
      </c>
      <c r="N16" s="17">
        <v>1.63252</v>
      </c>
      <c r="O16" s="17">
        <v>1.7115400000000001</v>
      </c>
      <c r="P16" s="17">
        <v>1.6859</v>
      </c>
      <c r="Q16" s="17">
        <v>2.0476200000000002</v>
      </c>
      <c r="R16" s="17">
        <v>1.9140600000000001</v>
      </c>
      <c r="S16" s="23" t="s">
        <v>268</v>
      </c>
    </row>
    <row r="17" spans="1:19">
      <c r="A17" s="21" t="s">
        <v>753</v>
      </c>
      <c r="B17" s="21" t="s">
        <v>214</v>
      </c>
      <c r="C17" s="21" t="s">
        <v>232</v>
      </c>
      <c r="D17" s="21" t="s">
        <v>233</v>
      </c>
      <c r="E17" s="21" t="s">
        <v>262</v>
      </c>
      <c r="F17" s="17">
        <v>2.2298300000000002</v>
      </c>
      <c r="G17" s="17">
        <v>2.2298300000000002</v>
      </c>
      <c r="H17" s="17">
        <v>2.6301100000000002</v>
      </c>
      <c r="I17" s="17">
        <v>1.9681900000000001</v>
      </c>
      <c r="J17" s="17">
        <v>1.7558499999999999</v>
      </c>
      <c r="K17" s="17">
        <v>1.5280100000000001</v>
      </c>
      <c r="L17" s="17">
        <v>1.69895</v>
      </c>
      <c r="M17" s="17">
        <v>1.98651</v>
      </c>
      <c r="N17" s="17">
        <v>1.6533199999999999</v>
      </c>
      <c r="O17" s="17">
        <v>1.80498</v>
      </c>
      <c r="P17" s="17">
        <v>1.98386</v>
      </c>
      <c r="Q17" s="17">
        <v>2.28444</v>
      </c>
      <c r="R17" s="23" t="s">
        <v>268</v>
      </c>
      <c r="S17" s="23" t="s">
        <v>268</v>
      </c>
    </row>
    <row r="18" spans="1:19">
      <c r="A18" s="21" t="s">
        <v>753</v>
      </c>
      <c r="B18" s="21" t="s">
        <v>214</v>
      </c>
      <c r="C18" s="21" t="s">
        <v>232</v>
      </c>
      <c r="D18" s="21" t="s">
        <v>237</v>
      </c>
      <c r="E18" s="21" t="s">
        <v>264</v>
      </c>
      <c r="F18" s="17">
        <v>2.36111</v>
      </c>
      <c r="G18" s="17">
        <v>2.36111</v>
      </c>
      <c r="H18" s="17">
        <v>2.66255</v>
      </c>
      <c r="I18" s="17">
        <v>2.0038299999999998</v>
      </c>
      <c r="J18" s="17">
        <v>1.82656</v>
      </c>
      <c r="K18" s="17">
        <v>1.8174999999999999</v>
      </c>
      <c r="L18" s="17">
        <v>1.80884</v>
      </c>
      <c r="M18" s="17">
        <v>1.8617600000000001</v>
      </c>
      <c r="N18" s="17">
        <v>1.83257</v>
      </c>
      <c r="O18" s="17">
        <v>1.7889699999999999</v>
      </c>
      <c r="P18" s="17">
        <v>1.8809400000000001</v>
      </c>
      <c r="Q18" s="17">
        <v>2.3226599999999999</v>
      </c>
      <c r="R18" s="23" t="s">
        <v>268</v>
      </c>
      <c r="S18" s="23" t="s">
        <v>268</v>
      </c>
    </row>
    <row r="19" spans="1:19">
      <c r="A19" s="21" t="s">
        <v>753</v>
      </c>
      <c r="B19" s="21" t="s">
        <v>214</v>
      </c>
      <c r="C19" s="21" t="s">
        <v>240</v>
      </c>
      <c r="D19" s="21" t="s">
        <v>237</v>
      </c>
      <c r="E19" s="21" t="s">
        <v>265</v>
      </c>
      <c r="F19" s="17">
        <v>2.4466700000000001</v>
      </c>
      <c r="G19" s="17">
        <v>2.4466700000000001</v>
      </c>
      <c r="H19" s="17">
        <v>2.6482800000000002</v>
      </c>
      <c r="I19" s="17">
        <v>1.7167600000000001</v>
      </c>
      <c r="J19" s="17">
        <v>1.9128099999999999</v>
      </c>
      <c r="K19" s="17">
        <v>1.8209599999999999</v>
      </c>
      <c r="L19" s="17">
        <v>2.0327700000000002</v>
      </c>
      <c r="M19" s="17">
        <v>1.9718599999999999</v>
      </c>
      <c r="N19" s="17">
        <v>1.90411</v>
      </c>
      <c r="O19" s="17">
        <v>1.9417899999999999</v>
      </c>
      <c r="P19" s="17">
        <v>1.9401900000000001</v>
      </c>
      <c r="Q19" s="17">
        <v>1.89655</v>
      </c>
      <c r="R19" s="23" t="s">
        <v>268</v>
      </c>
      <c r="S19" s="23" t="s">
        <v>268</v>
      </c>
    </row>
    <row r="20" spans="1:19">
      <c r="A20" s="21" t="s">
        <v>753</v>
      </c>
      <c r="B20" s="21" t="s">
        <v>728</v>
      </c>
      <c r="C20" s="21" t="s">
        <v>232</v>
      </c>
      <c r="D20" s="21" t="s">
        <v>233</v>
      </c>
      <c r="E20" s="21" t="s">
        <v>262</v>
      </c>
      <c r="F20" s="17">
        <v>2.2176999999999998</v>
      </c>
      <c r="G20" s="17">
        <v>2.2176999999999998</v>
      </c>
      <c r="H20" s="17">
        <v>2.3845900000000002</v>
      </c>
      <c r="I20" s="17">
        <v>1.70106</v>
      </c>
      <c r="J20" s="17">
        <v>1.7098500000000001</v>
      </c>
      <c r="K20" s="17">
        <v>1.43563</v>
      </c>
      <c r="L20" s="17">
        <v>1.6881200000000001</v>
      </c>
      <c r="M20" s="17">
        <v>1.82924</v>
      </c>
      <c r="N20" s="17">
        <v>1.61955</v>
      </c>
      <c r="O20" s="17">
        <v>1.7652099999999999</v>
      </c>
      <c r="P20" s="17">
        <v>1.8198000000000001</v>
      </c>
      <c r="Q20" s="17">
        <v>2.2989000000000002</v>
      </c>
      <c r="R20" s="23" t="s">
        <v>268</v>
      </c>
      <c r="S20" s="23" t="s">
        <v>268</v>
      </c>
    </row>
    <row r="21" spans="1:19">
      <c r="A21" s="21" t="s">
        <v>753</v>
      </c>
      <c r="B21" s="21" t="s">
        <v>728</v>
      </c>
      <c r="C21" s="21" t="s">
        <v>232</v>
      </c>
      <c r="D21" s="21" t="s">
        <v>237</v>
      </c>
      <c r="E21" s="21" t="s">
        <v>264</v>
      </c>
      <c r="F21" s="17">
        <v>2.32558</v>
      </c>
      <c r="G21" s="17">
        <v>2.32558</v>
      </c>
      <c r="H21" s="17">
        <v>2.4508999999999999</v>
      </c>
      <c r="I21" s="17">
        <v>1.62961</v>
      </c>
      <c r="J21" s="17">
        <v>1.6736200000000001</v>
      </c>
      <c r="K21" s="17">
        <v>1.5250300000000001</v>
      </c>
      <c r="L21" s="17">
        <v>1.65825</v>
      </c>
      <c r="M21" s="17">
        <v>1.8275600000000001</v>
      </c>
      <c r="N21" s="17">
        <v>1.61066</v>
      </c>
      <c r="O21" s="17">
        <v>1.72357</v>
      </c>
      <c r="P21" s="17">
        <v>1.8334999999999999</v>
      </c>
      <c r="Q21" s="17">
        <v>2.1721900000000001</v>
      </c>
      <c r="R21" s="23" t="s">
        <v>268</v>
      </c>
      <c r="S21" s="23" t="s">
        <v>268</v>
      </c>
    </row>
    <row r="22" spans="1:19">
      <c r="A22" s="21" t="s">
        <v>753</v>
      </c>
      <c r="B22" s="21" t="s">
        <v>728</v>
      </c>
      <c r="C22" s="21" t="s">
        <v>240</v>
      </c>
      <c r="D22" s="21" t="s">
        <v>237</v>
      </c>
      <c r="E22" s="21" t="s">
        <v>265</v>
      </c>
      <c r="F22" s="17">
        <v>2.4508299999999998</v>
      </c>
      <c r="G22" s="17">
        <v>2.4508299999999998</v>
      </c>
      <c r="H22" s="17">
        <v>2.5430199999999998</v>
      </c>
      <c r="I22" s="17">
        <v>1.49027</v>
      </c>
      <c r="J22" s="17">
        <v>1.65232</v>
      </c>
      <c r="K22" s="17">
        <v>1.52298</v>
      </c>
      <c r="L22" s="17">
        <v>1.7707599999999999</v>
      </c>
      <c r="M22" s="17">
        <v>1.7275700000000001</v>
      </c>
      <c r="N22" s="17">
        <v>1.63347</v>
      </c>
      <c r="O22" s="17">
        <v>1.71468</v>
      </c>
      <c r="P22" s="17">
        <v>1.69032</v>
      </c>
      <c r="Q22" s="17">
        <v>2.1578900000000001</v>
      </c>
      <c r="R22" s="23" t="s">
        <v>268</v>
      </c>
      <c r="S22" s="23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5" orientation="portrait" r:id="rId1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6F6532-B0FF-415D-9AFC-9B6B185943AF}">
  <sheetPr>
    <pageSetUpPr fitToPage="1"/>
  </sheetPr>
  <dimension ref="A1:N37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19" style="20" bestFit="1" customWidth="1"/>
    <col min="5" max="16384" width="12.625" style="20"/>
  </cols>
  <sheetData>
    <row r="1" spans="1:14" s="11" customFormat="1">
      <c r="A1" s="11" t="s">
        <v>192</v>
      </c>
    </row>
    <row r="2" spans="1:14" s="11" customFormat="1">
      <c r="A2" s="11" t="s">
        <v>757</v>
      </c>
    </row>
    <row r="3" spans="1:14" s="11" customFormat="1"/>
    <row r="4" spans="1:14" s="11" customFormat="1" hidden="1"/>
    <row r="5" spans="1:14" s="11" customFormat="1" ht="24">
      <c r="E5" s="12" t="s">
        <v>758</v>
      </c>
      <c r="F5" s="12" t="s">
        <v>758</v>
      </c>
      <c r="G5" s="12" t="s">
        <v>758</v>
      </c>
      <c r="H5" s="12" t="s">
        <v>758</v>
      </c>
      <c r="I5" s="12" t="s">
        <v>758</v>
      </c>
      <c r="J5" s="12" t="s">
        <v>758</v>
      </c>
      <c r="K5" s="12" t="s">
        <v>758</v>
      </c>
      <c r="L5" s="12" t="s">
        <v>758</v>
      </c>
      <c r="M5" s="12" t="s">
        <v>758</v>
      </c>
      <c r="N5" s="12" t="s">
        <v>758</v>
      </c>
    </row>
    <row r="6" spans="1:14" s="11" customFormat="1">
      <c r="E6" s="12" t="s">
        <v>759</v>
      </c>
      <c r="F6" s="12" t="s">
        <v>759</v>
      </c>
      <c r="G6" s="12" t="s">
        <v>759</v>
      </c>
      <c r="H6" s="12" t="s">
        <v>759</v>
      </c>
      <c r="I6" s="12" t="s">
        <v>759</v>
      </c>
      <c r="J6" s="12" t="s">
        <v>759</v>
      </c>
      <c r="K6" s="12" t="s">
        <v>759</v>
      </c>
      <c r="L6" s="12" t="s">
        <v>759</v>
      </c>
      <c r="M6" s="12" t="s">
        <v>759</v>
      </c>
      <c r="N6" s="12" t="s">
        <v>759</v>
      </c>
    </row>
    <row r="7" spans="1:14" s="11" customFormat="1">
      <c r="E7" s="12">
        <v>1</v>
      </c>
      <c r="F7" s="12">
        <v>1</v>
      </c>
      <c r="G7" s="12">
        <v>1</v>
      </c>
      <c r="H7" s="12">
        <v>1</v>
      </c>
      <c r="I7" s="12">
        <v>1</v>
      </c>
      <c r="J7" s="12">
        <v>1</v>
      </c>
      <c r="K7" s="12">
        <v>1</v>
      </c>
      <c r="L7" s="12">
        <v>1</v>
      </c>
      <c r="M7" s="12">
        <v>1</v>
      </c>
      <c r="N7" s="12">
        <v>1</v>
      </c>
    </row>
    <row r="8" spans="1:14" s="11" customFormat="1" ht="24">
      <c r="E8" s="12" t="s">
        <v>214</v>
      </c>
      <c r="F8" s="12" t="s">
        <v>760</v>
      </c>
      <c r="G8" s="12" t="s">
        <v>761</v>
      </c>
      <c r="H8" s="12" t="s">
        <v>762</v>
      </c>
      <c r="I8" s="12" t="s">
        <v>763</v>
      </c>
      <c r="J8" s="12" t="s">
        <v>764</v>
      </c>
      <c r="K8" s="12" t="s">
        <v>765</v>
      </c>
      <c r="L8" s="12" t="s">
        <v>766</v>
      </c>
      <c r="M8" s="12" t="s">
        <v>427</v>
      </c>
      <c r="N8" s="12" t="s">
        <v>462</v>
      </c>
    </row>
    <row r="9" spans="1:14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  <c r="J9" s="13" t="s">
        <v>223</v>
      </c>
      <c r="K9" s="13" t="s">
        <v>223</v>
      </c>
      <c r="L9" s="13" t="s">
        <v>223</v>
      </c>
      <c r="M9" s="13" t="s">
        <v>223</v>
      </c>
      <c r="N9" s="13" t="s">
        <v>223</v>
      </c>
    </row>
    <row r="10" spans="1:14" s="11" customFormat="1">
      <c r="A10" s="14" t="s">
        <v>224</v>
      </c>
      <c r="B10" s="14" t="s">
        <v>259</v>
      </c>
      <c r="C10" s="14" t="s">
        <v>230</v>
      </c>
      <c r="D10" s="14" t="s">
        <v>767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</row>
    <row r="11" spans="1:14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11158840</v>
      </c>
      <c r="F11" s="16">
        <v>3909098</v>
      </c>
      <c r="G11" s="16">
        <v>1303518</v>
      </c>
      <c r="H11" s="16">
        <v>1695354</v>
      </c>
      <c r="I11" s="16">
        <v>1924851</v>
      </c>
      <c r="J11" s="16">
        <v>1303271</v>
      </c>
      <c r="K11" s="16">
        <v>711100</v>
      </c>
      <c r="L11" s="16">
        <v>311648</v>
      </c>
      <c r="M11" s="16">
        <v>7249742</v>
      </c>
      <c r="N11" s="16">
        <v>5946224</v>
      </c>
    </row>
    <row r="12" spans="1:14">
      <c r="A12" s="21" t="s">
        <v>232</v>
      </c>
      <c r="B12" s="21" t="s">
        <v>233</v>
      </c>
      <c r="C12" s="21" t="s">
        <v>262</v>
      </c>
      <c r="D12" s="21" t="s">
        <v>760</v>
      </c>
      <c r="E12" s="16">
        <v>3346235</v>
      </c>
      <c r="F12" s="16">
        <v>3242488</v>
      </c>
      <c r="G12" s="16">
        <v>82771</v>
      </c>
      <c r="H12" s="16">
        <v>14971</v>
      </c>
      <c r="I12" s="16">
        <v>4515</v>
      </c>
      <c r="J12" s="16">
        <v>962</v>
      </c>
      <c r="K12" s="16">
        <v>393</v>
      </c>
      <c r="L12" s="16">
        <v>135</v>
      </c>
      <c r="M12" s="16">
        <v>103747</v>
      </c>
      <c r="N12" s="16">
        <v>20976</v>
      </c>
    </row>
    <row r="13" spans="1:14">
      <c r="A13" s="21" t="s">
        <v>232</v>
      </c>
      <c r="B13" s="21" t="s">
        <v>233</v>
      </c>
      <c r="C13" s="21" t="s">
        <v>262</v>
      </c>
      <c r="D13" s="21" t="s">
        <v>761</v>
      </c>
      <c r="E13" s="16">
        <v>1079954</v>
      </c>
      <c r="F13" s="16">
        <v>467854</v>
      </c>
      <c r="G13" s="16">
        <v>517686</v>
      </c>
      <c r="H13" s="16">
        <v>75768</v>
      </c>
      <c r="I13" s="16">
        <v>15057</v>
      </c>
      <c r="J13" s="16">
        <v>2835</v>
      </c>
      <c r="K13" s="16">
        <v>517</v>
      </c>
      <c r="L13" s="16">
        <v>237</v>
      </c>
      <c r="M13" s="16">
        <v>612100</v>
      </c>
      <c r="N13" s="16">
        <v>94414</v>
      </c>
    </row>
    <row r="14" spans="1:14">
      <c r="A14" s="21" t="s">
        <v>232</v>
      </c>
      <c r="B14" s="21" t="s">
        <v>233</v>
      </c>
      <c r="C14" s="21" t="s">
        <v>262</v>
      </c>
      <c r="D14" s="21" t="s">
        <v>762</v>
      </c>
      <c r="E14" s="16">
        <v>1523864</v>
      </c>
      <c r="F14" s="16">
        <v>145582</v>
      </c>
      <c r="G14" s="16">
        <v>541540</v>
      </c>
      <c r="H14" s="16">
        <v>698601</v>
      </c>
      <c r="I14" s="16">
        <v>119292</v>
      </c>
      <c r="J14" s="16">
        <v>15221</v>
      </c>
      <c r="K14" s="16">
        <v>3047</v>
      </c>
      <c r="L14" s="16">
        <v>581</v>
      </c>
      <c r="M14" s="16">
        <v>1378282</v>
      </c>
      <c r="N14" s="16">
        <v>836742</v>
      </c>
    </row>
    <row r="15" spans="1:14">
      <c r="A15" s="21" t="s">
        <v>232</v>
      </c>
      <c r="B15" s="21" t="s">
        <v>233</v>
      </c>
      <c r="C15" s="21" t="s">
        <v>262</v>
      </c>
      <c r="D15" s="21" t="s">
        <v>763</v>
      </c>
      <c r="E15" s="16">
        <v>1957708</v>
      </c>
      <c r="F15" s="16">
        <v>41944</v>
      </c>
      <c r="G15" s="16">
        <v>143006</v>
      </c>
      <c r="H15" s="16">
        <v>781238</v>
      </c>
      <c r="I15" s="16">
        <v>897464</v>
      </c>
      <c r="J15" s="16">
        <v>79748</v>
      </c>
      <c r="K15" s="16">
        <v>11850</v>
      </c>
      <c r="L15" s="16">
        <v>2458</v>
      </c>
      <c r="M15" s="16">
        <v>1915764</v>
      </c>
      <c r="N15" s="16">
        <v>1772758</v>
      </c>
    </row>
    <row r="16" spans="1:14">
      <c r="A16" s="21" t="s">
        <v>232</v>
      </c>
      <c r="B16" s="21" t="s">
        <v>233</v>
      </c>
      <c r="C16" s="21" t="s">
        <v>262</v>
      </c>
      <c r="D16" s="21" t="s">
        <v>764</v>
      </c>
      <c r="E16" s="16">
        <v>1531828</v>
      </c>
      <c r="F16" s="16">
        <v>8755</v>
      </c>
      <c r="G16" s="16">
        <v>14719</v>
      </c>
      <c r="H16" s="16">
        <v>111181</v>
      </c>
      <c r="I16" s="16">
        <v>769549</v>
      </c>
      <c r="J16" s="16">
        <v>564354</v>
      </c>
      <c r="K16" s="16">
        <v>55505</v>
      </c>
      <c r="L16" s="16">
        <v>7765</v>
      </c>
      <c r="M16" s="16">
        <v>1523073</v>
      </c>
      <c r="N16" s="16">
        <v>1508354</v>
      </c>
    </row>
    <row r="17" spans="1:14">
      <c r="A17" s="21" t="s">
        <v>232</v>
      </c>
      <c r="B17" s="21" t="s">
        <v>233</v>
      </c>
      <c r="C17" s="21" t="s">
        <v>262</v>
      </c>
      <c r="D17" s="21" t="s">
        <v>765</v>
      </c>
      <c r="E17" s="16">
        <v>1039351</v>
      </c>
      <c r="F17" s="16">
        <v>1971</v>
      </c>
      <c r="G17" s="16">
        <v>3048</v>
      </c>
      <c r="H17" s="16">
        <v>11208</v>
      </c>
      <c r="I17" s="16">
        <v>109105</v>
      </c>
      <c r="J17" s="16">
        <v>554224</v>
      </c>
      <c r="K17" s="16">
        <v>328026</v>
      </c>
      <c r="L17" s="16">
        <v>31769</v>
      </c>
      <c r="M17" s="16">
        <v>1037380</v>
      </c>
      <c r="N17" s="16">
        <v>1034332</v>
      </c>
    </row>
    <row r="18" spans="1:14">
      <c r="A18" s="21" t="s">
        <v>232</v>
      </c>
      <c r="B18" s="21" t="s">
        <v>233</v>
      </c>
      <c r="C18" s="21" t="s">
        <v>262</v>
      </c>
      <c r="D18" s="21" t="s">
        <v>766</v>
      </c>
      <c r="E18" s="16">
        <v>679900</v>
      </c>
      <c r="F18" s="16">
        <v>504</v>
      </c>
      <c r="G18" s="16">
        <v>748</v>
      </c>
      <c r="H18" s="16">
        <v>2387</v>
      </c>
      <c r="I18" s="16">
        <v>9869</v>
      </c>
      <c r="J18" s="16">
        <v>85927</v>
      </c>
      <c r="K18" s="16">
        <v>311762</v>
      </c>
      <c r="L18" s="16">
        <v>268703</v>
      </c>
      <c r="M18" s="16">
        <v>679396</v>
      </c>
      <c r="N18" s="16">
        <v>678648</v>
      </c>
    </row>
    <row r="19" spans="1:14">
      <c r="A19" s="21" t="s">
        <v>232</v>
      </c>
      <c r="B19" s="21" t="s">
        <v>233</v>
      </c>
      <c r="C19" s="21" t="s">
        <v>262</v>
      </c>
      <c r="D19" s="21" t="s">
        <v>768</v>
      </c>
      <c r="E19" s="16">
        <v>6732651</v>
      </c>
      <c r="F19" s="16">
        <v>198756</v>
      </c>
      <c r="G19" s="16">
        <v>703061</v>
      </c>
      <c r="H19" s="16">
        <v>1604615</v>
      </c>
      <c r="I19" s="16">
        <v>1905279</v>
      </c>
      <c r="J19" s="16">
        <v>1299474</v>
      </c>
      <c r="K19" s="16">
        <v>710190</v>
      </c>
      <c r="L19" s="16">
        <v>311276</v>
      </c>
      <c r="M19" s="16">
        <v>6533895</v>
      </c>
      <c r="N19" s="16">
        <v>5830834</v>
      </c>
    </row>
    <row r="20" spans="1:14">
      <c r="A20" s="21" t="s">
        <v>232</v>
      </c>
      <c r="B20" s="21" t="s">
        <v>237</v>
      </c>
      <c r="C20" s="21" t="s">
        <v>264</v>
      </c>
      <c r="D20" s="21" t="s">
        <v>214</v>
      </c>
      <c r="E20" s="16">
        <v>149328</v>
      </c>
      <c r="F20" s="16">
        <v>43478</v>
      </c>
      <c r="G20" s="16">
        <v>20551</v>
      </c>
      <c r="H20" s="16">
        <v>26395</v>
      </c>
      <c r="I20" s="16">
        <v>26162</v>
      </c>
      <c r="J20" s="16">
        <v>17108</v>
      </c>
      <c r="K20" s="16">
        <v>10627</v>
      </c>
      <c r="L20" s="16">
        <v>5007</v>
      </c>
      <c r="M20" s="16">
        <v>105850</v>
      </c>
      <c r="N20" s="16">
        <v>85299</v>
      </c>
    </row>
    <row r="21" spans="1:14">
      <c r="A21" s="21" t="s">
        <v>232</v>
      </c>
      <c r="B21" s="21" t="s">
        <v>237</v>
      </c>
      <c r="C21" s="21" t="s">
        <v>264</v>
      </c>
      <c r="D21" s="21" t="s">
        <v>760</v>
      </c>
      <c r="E21" s="16">
        <v>35591</v>
      </c>
      <c r="F21" s="16">
        <v>34128</v>
      </c>
      <c r="G21" s="16">
        <v>1193</v>
      </c>
      <c r="H21" s="16">
        <v>208</v>
      </c>
      <c r="I21" s="16">
        <v>52</v>
      </c>
      <c r="J21" s="16">
        <v>8</v>
      </c>
      <c r="K21" s="16">
        <v>2</v>
      </c>
      <c r="L21" s="22" t="s">
        <v>268</v>
      </c>
      <c r="M21" s="16">
        <v>1463</v>
      </c>
      <c r="N21" s="16">
        <v>270</v>
      </c>
    </row>
    <row r="22" spans="1:14">
      <c r="A22" s="21" t="s">
        <v>232</v>
      </c>
      <c r="B22" s="21" t="s">
        <v>237</v>
      </c>
      <c r="C22" s="21" t="s">
        <v>264</v>
      </c>
      <c r="D22" s="21" t="s">
        <v>761</v>
      </c>
      <c r="E22" s="16">
        <v>16842</v>
      </c>
      <c r="F22" s="16">
        <v>6630</v>
      </c>
      <c r="G22" s="16">
        <v>8554</v>
      </c>
      <c r="H22" s="16">
        <v>1411</v>
      </c>
      <c r="I22" s="16">
        <v>211</v>
      </c>
      <c r="J22" s="16">
        <v>26</v>
      </c>
      <c r="K22" s="16">
        <v>5</v>
      </c>
      <c r="L22" s="16">
        <v>5</v>
      </c>
      <c r="M22" s="16">
        <v>10212</v>
      </c>
      <c r="N22" s="16">
        <v>1658</v>
      </c>
    </row>
    <row r="23" spans="1:14">
      <c r="A23" s="21" t="s">
        <v>232</v>
      </c>
      <c r="B23" s="21" t="s">
        <v>237</v>
      </c>
      <c r="C23" s="21" t="s">
        <v>264</v>
      </c>
      <c r="D23" s="21" t="s">
        <v>762</v>
      </c>
      <c r="E23" s="16">
        <v>24393</v>
      </c>
      <c r="F23" s="16">
        <v>2063</v>
      </c>
      <c r="G23" s="16">
        <v>8540</v>
      </c>
      <c r="H23" s="16">
        <v>11598</v>
      </c>
      <c r="I23" s="16">
        <v>1941</v>
      </c>
      <c r="J23" s="16">
        <v>192</v>
      </c>
      <c r="K23" s="16">
        <v>49</v>
      </c>
      <c r="L23" s="16">
        <v>10</v>
      </c>
      <c r="M23" s="16">
        <v>22330</v>
      </c>
      <c r="N23" s="16">
        <v>13790</v>
      </c>
    </row>
    <row r="24" spans="1:14">
      <c r="A24" s="21" t="s">
        <v>232</v>
      </c>
      <c r="B24" s="21" t="s">
        <v>237</v>
      </c>
      <c r="C24" s="21" t="s">
        <v>264</v>
      </c>
      <c r="D24" s="21" t="s">
        <v>763</v>
      </c>
      <c r="E24" s="16">
        <v>27920</v>
      </c>
      <c r="F24" s="16">
        <v>509</v>
      </c>
      <c r="G24" s="16">
        <v>1984</v>
      </c>
      <c r="H24" s="16">
        <v>11436</v>
      </c>
      <c r="I24" s="16">
        <v>12688</v>
      </c>
      <c r="J24" s="16">
        <v>1137</v>
      </c>
      <c r="K24" s="16">
        <v>135</v>
      </c>
      <c r="L24" s="16">
        <v>31</v>
      </c>
      <c r="M24" s="16">
        <v>27411</v>
      </c>
      <c r="N24" s="16">
        <v>25427</v>
      </c>
    </row>
    <row r="25" spans="1:14">
      <c r="A25" s="21" t="s">
        <v>232</v>
      </c>
      <c r="B25" s="21" t="s">
        <v>237</v>
      </c>
      <c r="C25" s="21" t="s">
        <v>264</v>
      </c>
      <c r="D25" s="21" t="s">
        <v>764</v>
      </c>
      <c r="E25" s="16">
        <v>19495</v>
      </c>
      <c r="F25" s="16">
        <v>114</v>
      </c>
      <c r="G25" s="16">
        <v>229</v>
      </c>
      <c r="H25" s="16">
        <v>1504</v>
      </c>
      <c r="I25" s="16">
        <v>9406</v>
      </c>
      <c r="J25" s="16">
        <v>7321</v>
      </c>
      <c r="K25" s="16">
        <v>824</v>
      </c>
      <c r="L25" s="16">
        <v>97</v>
      </c>
      <c r="M25" s="16">
        <v>19381</v>
      </c>
      <c r="N25" s="16">
        <v>19152</v>
      </c>
    </row>
    <row r="26" spans="1:14">
      <c r="A26" s="21" t="s">
        <v>232</v>
      </c>
      <c r="B26" s="21" t="s">
        <v>237</v>
      </c>
      <c r="C26" s="21" t="s">
        <v>264</v>
      </c>
      <c r="D26" s="21" t="s">
        <v>765</v>
      </c>
      <c r="E26" s="16">
        <v>14489</v>
      </c>
      <c r="F26" s="16">
        <v>30</v>
      </c>
      <c r="G26" s="16">
        <v>37</v>
      </c>
      <c r="H26" s="16">
        <v>195</v>
      </c>
      <c r="I26" s="16">
        <v>1674</v>
      </c>
      <c r="J26" s="16">
        <v>7098</v>
      </c>
      <c r="K26" s="16">
        <v>4930</v>
      </c>
      <c r="L26" s="16">
        <v>525</v>
      </c>
      <c r="M26" s="16">
        <v>14459</v>
      </c>
      <c r="N26" s="16">
        <v>14422</v>
      </c>
    </row>
    <row r="27" spans="1:14">
      <c r="A27" s="21" t="s">
        <v>232</v>
      </c>
      <c r="B27" s="21" t="s">
        <v>237</v>
      </c>
      <c r="C27" s="21" t="s">
        <v>264</v>
      </c>
      <c r="D27" s="21" t="s">
        <v>766</v>
      </c>
      <c r="E27" s="16">
        <v>10598</v>
      </c>
      <c r="F27" s="16">
        <v>4</v>
      </c>
      <c r="G27" s="16">
        <v>14</v>
      </c>
      <c r="H27" s="16">
        <v>43</v>
      </c>
      <c r="I27" s="16">
        <v>190</v>
      </c>
      <c r="J27" s="16">
        <v>1326</v>
      </c>
      <c r="K27" s="16">
        <v>4682</v>
      </c>
      <c r="L27" s="16">
        <v>4339</v>
      </c>
      <c r="M27" s="16">
        <v>10594</v>
      </c>
      <c r="N27" s="16">
        <v>10580</v>
      </c>
    </row>
    <row r="28" spans="1:14">
      <c r="A28" s="21" t="s">
        <v>232</v>
      </c>
      <c r="B28" s="21" t="s">
        <v>237</v>
      </c>
      <c r="C28" s="21" t="s">
        <v>264</v>
      </c>
      <c r="D28" s="21" t="s">
        <v>768</v>
      </c>
      <c r="E28" s="16">
        <v>96895</v>
      </c>
      <c r="F28" s="16">
        <v>2720</v>
      </c>
      <c r="G28" s="16">
        <v>10804</v>
      </c>
      <c r="H28" s="16">
        <v>24776</v>
      </c>
      <c r="I28" s="16">
        <v>25899</v>
      </c>
      <c r="J28" s="16">
        <v>17074</v>
      </c>
      <c r="K28" s="16">
        <v>10620</v>
      </c>
      <c r="L28" s="16">
        <v>5002</v>
      </c>
      <c r="M28" s="16">
        <v>94175</v>
      </c>
      <c r="N28" s="16">
        <v>83371</v>
      </c>
    </row>
    <row r="29" spans="1:14">
      <c r="A29" s="21" t="s">
        <v>240</v>
      </c>
      <c r="B29" s="21" t="s">
        <v>237</v>
      </c>
      <c r="C29" s="21" t="s">
        <v>265</v>
      </c>
      <c r="D29" s="21" t="s">
        <v>214</v>
      </c>
      <c r="E29" s="16">
        <v>10245</v>
      </c>
      <c r="F29" s="16">
        <v>2746</v>
      </c>
      <c r="G29" s="16">
        <v>1404</v>
      </c>
      <c r="H29" s="16">
        <v>1821</v>
      </c>
      <c r="I29" s="16">
        <v>1882</v>
      </c>
      <c r="J29" s="16">
        <v>1280</v>
      </c>
      <c r="K29" s="16">
        <v>771</v>
      </c>
      <c r="L29" s="16">
        <v>341</v>
      </c>
      <c r="M29" s="16">
        <v>7499</v>
      </c>
      <c r="N29" s="16">
        <v>6095</v>
      </c>
    </row>
    <row r="30" spans="1:14">
      <c r="A30" s="21" t="s">
        <v>240</v>
      </c>
      <c r="B30" s="21" t="s">
        <v>237</v>
      </c>
      <c r="C30" s="21" t="s">
        <v>265</v>
      </c>
      <c r="D30" s="21" t="s">
        <v>760</v>
      </c>
      <c r="E30" s="16">
        <v>2190</v>
      </c>
      <c r="F30" s="16">
        <v>2116</v>
      </c>
      <c r="G30" s="16">
        <v>62</v>
      </c>
      <c r="H30" s="16">
        <v>8</v>
      </c>
      <c r="I30" s="16">
        <v>4</v>
      </c>
      <c r="J30" s="22" t="s">
        <v>268</v>
      </c>
      <c r="K30" s="22" t="s">
        <v>268</v>
      </c>
      <c r="L30" s="22" t="s">
        <v>268</v>
      </c>
      <c r="M30" s="16">
        <v>74</v>
      </c>
      <c r="N30" s="16">
        <v>12</v>
      </c>
    </row>
    <row r="31" spans="1:14">
      <c r="A31" s="21" t="s">
        <v>240</v>
      </c>
      <c r="B31" s="21" t="s">
        <v>237</v>
      </c>
      <c r="C31" s="21" t="s">
        <v>265</v>
      </c>
      <c r="D31" s="21" t="s">
        <v>761</v>
      </c>
      <c r="E31" s="16">
        <v>1112</v>
      </c>
      <c r="F31" s="16">
        <v>425</v>
      </c>
      <c r="G31" s="16">
        <v>577</v>
      </c>
      <c r="H31" s="16">
        <v>97</v>
      </c>
      <c r="I31" s="16">
        <v>11</v>
      </c>
      <c r="J31" s="16">
        <v>1</v>
      </c>
      <c r="K31" s="22" t="s">
        <v>268</v>
      </c>
      <c r="L31" s="16">
        <v>1</v>
      </c>
      <c r="M31" s="16">
        <v>687</v>
      </c>
      <c r="N31" s="16">
        <v>110</v>
      </c>
    </row>
    <row r="32" spans="1:14">
      <c r="A32" s="21" t="s">
        <v>240</v>
      </c>
      <c r="B32" s="21" t="s">
        <v>237</v>
      </c>
      <c r="C32" s="21" t="s">
        <v>265</v>
      </c>
      <c r="D32" s="21" t="s">
        <v>762</v>
      </c>
      <c r="E32" s="16">
        <v>1698</v>
      </c>
      <c r="F32" s="16">
        <v>150</v>
      </c>
      <c r="G32" s="16">
        <v>613</v>
      </c>
      <c r="H32" s="16">
        <v>789</v>
      </c>
      <c r="I32" s="16">
        <v>127</v>
      </c>
      <c r="J32" s="16">
        <v>15</v>
      </c>
      <c r="K32" s="16">
        <v>4</v>
      </c>
      <c r="L32" s="22" t="s">
        <v>268</v>
      </c>
      <c r="M32" s="16">
        <v>1548</v>
      </c>
      <c r="N32" s="16">
        <v>935</v>
      </c>
    </row>
    <row r="33" spans="1:14">
      <c r="A33" s="21" t="s">
        <v>240</v>
      </c>
      <c r="B33" s="21" t="s">
        <v>237</v>
      </c>
      <c r="C33" s="21" t="s">
        <v>265</v>
      </c>
      <c r="D33" s="21" t="s">
        <v>763</v>
      </c>
      <c r="E33" s="16">
        <v>1987</v>
      </c>
      <c r="F33" s="16">
        <v>46</v>
      </c>
      <c r="G33" s="16">
        <v>142</v>
      </c>
      <c r="H33" s="16">
        <v>796</v>
      </c>
      <c r="I33" s="16">
        <v>917</v>
      </c>
      <c r="J33" s="16">
        <v>75</v>
      </c>
      <c r="K33" s="16">
        <v>9</v>
      </c>
      <c r="L33" s="16">
        <v>2</v>
      </c>
      <c r="M33" s="16">
        <v>1941</v>
      </c>
      <c r="N33" s="16">
        <v>1799</v>
      </c>
    </row>
    <row r="34" spans="1:14">
      <c r="A34" s="21" t="s">
        <v>240</v>
      </c>
      <c r="B34" s="21" t="s">
        <v>237</v>
      </c>
      <c r="C34" s="21" t="s">
        <v>265</v>
      </c>
      <c r="D34" s="21" t="s">
        <v>764</v>
      </c>
      <c r="E34" s="16">
        <v>1458</v>
      </c>
      <c r="F34" s="16">
        <v>8</v>
      </c>
      <c r="G34" s="16">
        <v>9</v>
      </c>
      <c r="H34" s="16">
        <v>112</v>
      </c>
      <c r="I34" s="16">
        <v>700</v>
      </c>
      <c r="J34" s="16">
        <v>556</v>
      </c>
      <c r="K34" s="16">
        <v>63</v>
      </c>
      <c r="L34" s="16">
        <v>10</v>
      </c>
      <c r="M34" s="16">
        <v>1450</v>
      </c>
      <c r="N34" s="16">
        <v>1441</v>
      </c>
    </row>
    <row r="35" spans="1:14">
      <c r="A35" s="21" t="s">
        <v>240</v>
      </c>
      <c r="B35" s="21" t="s">
        <v>237</v>
      </c>
      <c r="C35" s="21" t="s">
        <v>265</v>
      </c>
      <c r="D35" s="21" t="s">
        <v>765</v>
      </c>
      <c r="E35" s="16">
        <v>1060</v>
      </c>
      <c r="F35" s="16">
        <v>1</v>
      </c>
      <c r="G35" s="16">
        <v>1</v>
      </c>
      <c r="H35" s="16">
        <v>14</v>
      </c>
      <c r="I35" s="16">
        <v>112</v>
      </c>
      <c r="J35" s="16">
        <v>542</v>
      </c>
      <c r="K35" s="16">
        <v>354</v>
      </c>
      <c r="L35" s="16">
        <v>36</v>
      </c>
      <c r="M35" s="16">
        <v>1059</v>
      </c>
      <c r="N35" s="16">
        <v>1058</v>
      </c>
    </row>
    <row r="36" spans="1:14">
      <c r="A36" s="21" t="s">
        <v>240</v>
      </c>
      <c r="B36" s="21" t="s">
        <v>237</v>
      </c>
      <c r="C36" s="21" t="s">
        <v>265</v>
      </c>
      <c r="D36" s="21" t="s">
        <v>766</v>
      </c>
      <c r="E36" s="16">
        <v>740</v>
      </c>
      <c r="F36" s="22" t="s">
        <v>268</v>
      </c>
      <c r="G36" s="22" t="s">
        <v>268</v>
      </c>
      <c r="H36" s="16">
        <v>5</v>
      </c>
      <c r="I36" s="16">
        <v>11</v>
      </c>
      <c r="J36" s="16">
        <v>91</v>
      </c>
      <c r="K36" s="16">
        <v>341</v>
      </c>
      <c r="L36" s="16">
        <v>292</v>
      </c>
      <c r="M36" s="16">
        <v>740</v>
      </c>
      <c r="N36" s="16">
        <v>740</v>
      </c>
    </row>
    <row r="37" spans="1:14">
      <c r="A37" s="21" t="s">
        <v>240</v>
      </c>
      <c r="B37" s="21" t="s">
        <v>237</v>
      </c>
      <c r="C37" s="21" t="s">
        <v>265</v>
      </c>
      <c r="D37" s="21" t="s">
        <v>768</v>
      </c>
      <c r="E37" s="16">
        <v>6943</v>
      </c>
      <c r="F37" s="16">
        <v>205</v>
      </c>
      <c r="G37" s="16">
        <v>765</v>
      </c>
      <c r="H37" s="16">
        <v>1716</v>
      </c>
      <c r="I37" s="16">
        <v>1867</v>
      </c>
      <c r="J37" s="16">
        <v>1279</v>
      </c>
      <c r="K37" s="16">
        <v>771</v>
      </c>
      <c r="L37" s="16">
        <v>340</v>
      </c>
      <c r="M37" s="16">
        <v>6738</v>
      </c>
      <c r="N37" s="16">
        <v>5973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51" orientation="portrait" r:id="rId1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B1E108-290E-4BD1-83ED-1C4262955D6C}">
  <sheetPr>
    <pageSetUpPr fitToPage="1"/>
  </sheetPr>
  <dimension ref="A1:I40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20" bestFit="1" customWidth="1"/>
    <col min="2" max="2" width="11.25" style="20" bestFit="1" customWidth="1"/>
    <col min="3" max="3" width="12.625" style="20"/>
    <col min="4" max="4" width="33.625" style="20" bestFit="1" customWidth="1"/>
    <col min="5" max="16384" width="12.625" style="20"/>
  </cols>
  <sheetData>
    <row r="1" spans="1:9" s="11" customFormat="1">
      <c r="A1" s="11" t="s">
        <v>192</v>
      </c>
    </row>
    <row r="2" spans="1:9" s="11" customFormat="1">
      <c r="A2" s="11" t="s">
        <v>769</v>
      </c>
    </row>
    <row r="3" spans="1:9" s="11" customFormat="1"/>
    <row r="4" spans="1:9" s="11" customFormat="1" hidden="1"/>
    <row r="5" spans="1:9" s="11" customFormat="1" ht="24">
      <c r="E5" s="12" t="s">
        <v>758</v>
      </c>
      <c r="F5" s="12" t="s">
        <v>758</v>
      </c>
      <c r="G5" s="12" t="s">
        <v>758</v>
      </c>
      <c r="H5" s="12" t="s">
        <v>758</v>
      </c>
      <c r="I5" s="12" t="s">
        <v>758</v>
      </c>
    </row>
    <row r="6" spans="1:9" s="11" customFormat="1" ht="24">
      <c r="E6" s="12" t="s">
        <v>634</v>
      </c>
      <c r="F6" s="12" t="s">
        <v>634</v>
      </c>
      <c r="G6" s="12" t="s">
        <v>634</v>
      </c>
      <c r="H6" s="12" t="s">
        <v>634</v>
      </c>
      <c r="I6" s="12" t="s">
        <v>634</v>
      </c>
    </row>
    <row r="7" spans="1:9" s="11" customFormat="1">
      <c r="E7" s="12">
        <v>1</v>
      </c>
      <c r="F7" s="12">
        <v>1</v>
      </c>
      <c r="G7" s="12">
        <v>1</v>
      </c>
      <c r="H7" s="12">
        <v>1</v>
      </c>
      <c r="I7" s="12">
        <v>1</v>
      </c>
    </row>
    <row r="8" spans="1:9" s="11" customFormat="1" ht="48">
      <c r="E8" s="12" t="s">
        <v>770</v>
      </c>
      <c r="F8" s="12" t="s">
        <v>771</v>
      </c>
      <c r="G8" s="12" t="s">
        <v>772</v>
      </c>
      <c r="H8" s="12" t="s">
        <v>773</v>
      </c>
      <c r="I8" s="12" t="s">
        <v>774</v>
      </c>
    </row>
    <row r="9" spans="1:9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</row>
    <row r="10" spans="1:9" s="11" customFormat="1">
      <c r="A10" s="14" t="s">
        <v>224</v>
      </c>
      <c r="B10" s="14" t="s">
        <v>259</v>
      </c>
      <c r="C10" s="14" t="s">
        <v>230</v>
      </c>
      <c r="D10" s="14" t="s">
        <v>680</v>
      </c>
      <c r="E10" s="14" t="s">
        <v>231</v>
      </c>
      <c r="F10" s="14"/>
      <c r="G10" s="14"/>
      <c r="H10" s="14"/>
      <c r="I10" s="14"/>
    </row>
    <row r="11" spans="1:9">
      <c r="A11" s="15" t="s">
        <v>232</v>
      </c>
      <c r="B11" s="15" t="s">
        <v>233</v>
      </c>
      <c r="C11" s="15" t="s">
        <v>262</v>
      </c>
      <c r="D11" s="15" t="s">
        <v>214</v>
      </c>
      <c r="E11" s="16">
        <v>11158840</v>
      </c>
      <c r="F11" s="16">
        <v>6533895</v>
      </c>
      <c r="G11" s="16">
        <v>7916352</v>
      </c>
      <c r="H11" s="16">
        <v>6848041</v>
      </c>
      <c r="I11" s="16">
        <v>5830834</v>
      </c>
    </row>
    <row r="12" spans="1:9">
      <c r="A12" s="21" t="s">
        <v>232</v>
      </c>
      <c r="B12" s="21" t="s">
        <v>233</v>
      </c>
      <c r="C12" s="21" t="s">
        <v>262</v>
      </c>
      <c r="D12" s="21" t="s">
        <v>681</v>
      </c>
      <c r="E12" s="16">
        <v>11122313</v>
      </c>
      <c r="F12" s="16">
        <v>6512086</v>
      </c>
      <c r="G12" s="16">
        <v>7891228</v>
      </c>
      <c r="H12" s="16">
        <v>6825454</v>
      </c>
      <c r="I12" s="16">
        <v>5810223</v>
      </c>
    </row>
    <row r="13" spans="1:9">
      <c r="A13" s="21" t="s">
        <v>232</v>
      </c>
      <c r="B13" s="21" t="s">
        <v>233</v>
      </c>
      <c r="C13" s="21" t="s">
        <v>262</v>
      </c>
      <c r="D13" s="21" t="s">
        <v>682</v>
      </c>
      <c r="E13" s="16">
        <v>11058886</v>
      </c>
      <c r="F13" s="16">
        <v>6483110</v>
      </c>
      <c r="G13" s="16">
        <v>7854344</v>
      </c>
      <c r="H13" s="16">
        <v>6794588</v>
      </c>
      <c r="I13" s="16">
        <v>5784325</v>
      </c>
    </row>
    <row r="14" spans="1:9">
      <c r="A14" s="21" t="s">
        <v>232</v>
      </c>
      <c r="B14" s="21" t="s">
        <v>233</v>
      </c>
      <c r="C14" s="21" t="s">
        <v>262</v>
      </c>
      <c r="D14" s="21" t="s">
        <v>683</v>
      </c>
      <c r="E14" s="16">
        <v>8559210</v>
      </c>
      <c r="F14" s="16">
        <v>5782749</v>
      </c>
      <c r="G14" s="16">
        <v>6916345</v>
      </c>
      <c r="H14" s="16">
        <v>6021466</v>
      </c>
      <c r="I14" s="16">
        <v>5163382</v>
      </c>
    </row>
    <row r="15" spans="1:9">
      <c r="A15" s="21" t="s">
        <v>232</v>
      </c>
      <c r="B15" s="21" t="s">
        <v>233</v>
      </c>
      <c r="C15" s="21" t="s">
        <v>262</v>
      </c>
      <c r="D15" s="21" t="s">
        <v>684</v>
      </c>
      <c r="E15" s="16">
        <v>477663</v>
      </c>
      <c r="F15" s="16">
        <v>329663</v>
      </c>
      <c r="G15" s="16">
        <v>385920</v>
      </c>
      <c r="H15" s="16">
        <v>349582</v>
      </c>
      <c r="I15" s="16">
        <v>302872</v>
      </c>
    </row>
    <row r="16" spans="1:9">
      <c r="A16" s="21" t="s">
        <v>232</v>
      </c>
      <c r="B16" s="21" t="s">
        <v>233</v>
      </c>
      <c r="C16" s="21" t="s">
        <v>262</v>
      </c>
      <c r="D16" s="21" t="s">
        <v>685</v>
      </c>
      <c r="E16" s="16">
        <v>1840157</v>
      </c>
      <c r="F16" s="16">
        <v>355444</v>
      </c>
      <c r="G16" s="16">
        <v>522011</v>
      </c>
      <c r="H16" s="16">
        <v>405681</v>
      </c>
      <c r="I16" s="16">
        <v>305708</v>
      </c>
    </row>
    <row r="17" spans="1:9">
      <c r="A17" s="21" t="s">
        <v>232</v>
      </c>
      <c r="B17" s="21" t="s">
        <v>233</v>
      </c>
      <c r="C17" s="21" t="s">
        <v>262</v>
      </c>
      <c r="D17" s="21" t="s">
        <v>686</v>
      </c>
      <c r="E17" s="16">
        <v>181856</v>
      </c>
      <c r="F17" s="16">
        <v>15254</v>
      </c>
      <c r="G17" s="16">
        <v>30068</v>
      </c>
      <c r="H17" s="16">
        <v>17859</v>
      </c>
      <c r="I17" s="16">
        <v>12363</v>
      </c>
    </row>
    <row r="18" spans="1:9">
      <c r="A18" s="21" t="s">
        <v>232</v>
      </c>
      <c r="B18" s="21" t="s">
        <v>233</v>
      </c>
      <c r="C18" s="21" t="s">
        <v>262</v>
      </c>
      <c r="D18" s="21" t="s">
        <v>687</v>
      </c>
      <c r="E18" s="16">
        <v>63427</v>
      </c>
      <c r="F18" s="16">
        <v>28976</v>
      </c>
      <c r="G18" s="16">
        <v>36884</v>
      </c>
      <c r="H18" s="16">
        <v>30866</v>
      </c>
      <c r="I18" s="16">
        <v>25898</v>
      </c>
    </row>
    <row r="19" spans="1:9">
      <c r="A19" s="21" t="s">
        <v>232</v>
      </c>
      <c r="B19" s="21" t="s">
        <v>233</v>
      </c>
      <c r="C19" s="21" t="s">
        <v>262</v>
      </c>
      <c r="D19" s="21" t="s">
        <v>688</v>
      </c>
      <c r="E19" s="16">
        <v>36523</v>
      </c>
      <c r="F19" s="16">
        <v>21806</v>
      </c>
      <c r="G19" s="16">
        <v>25120</v>
      </c>
      <c r="H19" s="16">
        <v>22584</v>
      </c>
      <c r="I19" s="16">
        <v>20608</v>
      </c>
    </row>
    <row r="20" spans="1:9">
      <c r="A20" s="21" t="s">
        <v>232</v>
      </c>
      <c r="B20" s="21" t="s">
        <v>233</v>
      </c>
      <c r="C20" s="21" t="s">
        <v>262</v>
      </c>
      <c r="D20" s="21" t="s">
        <v>689</v>
      </c>
      <c r="E20" s="16">
        <v>4</v>
      </c>
      <c r="F20" s="16">
        <v>3</v>
      </c>
      <c r="G20" s="16">
        <v>4</v>
      </c>
      <c r="H20" s="16">
        <v>3</v>
      </c>
      <c r="I20" s="16">
        <v>3</v>
      </c>
    </row>
    <row r="21" spans="1:9">
      <c r="A21" s="21" t="s">
        <v>232</v>
      </c>
      <c r="B21" s="21" t="s">
        <v>237</v>
      </c>
      <c r="C21" s="21" t="s">
        <v>264</v>
      </c>
      <c r="D21" s="21" t="s">
        <v>214</v>
      </c>
      <c r="E21" s="16">
        <v>149328</v>
      </c>
      <c r="F21" s="16">
        <v>94175</v>
      </c>
      <c r="G21" s="16">
        <v>115200</v>
      </c>
      <c r="H21" s="16">
        <v>98823</v>
      </c>
      <c r="I21" s="16">
        <v>83371</v>
      </c>
    </row>
    <row r="22" spans="1:9">
      <c r="A22" s="21" t="s">
        <v>232</v>
      </c>
      <c r="B22" s="21" t="s">
        <v>237</v>
      </c>
      <c r="C22" s="21" t="s">
        <v>264</v>
      </c>
      <c r="D22" s="21" t="s">
        <v>681</v>
      </c>
      <c r="E22" s="16">
        <v>148595</v>
      </c>
      <c r="F22" s="16">
        <v>93688</v>
      </c>
      <c r="G22" s="16">
        <v>114663</v>
      </c>
      <c r="H22" s="16">
        <v>98327</v>
      </c>
      <c r="I22" s="16">
        <v>82910</v>
      </c>
    </row>
    <row r="23" spans="1:9">
      <c r="A23" s="21" t="s">
        <v>232</v>
      </c>
      <c r="B23" s="21" t="s">
        <v>237</v>
      </c>
      <c r="C23" s="21" t="s">
        <v>264</v>
      </c>
      <c r="D23" s="21" t="s">
        <v>682</v>
      </c>
      <c r="E23" s="16">
        <v>147904</v>
      </c>
      <c r="F23" s="16">
        <v>93367</v>
      </c>
      <c r="G23" s="16">
        <v>114254</v>
      </c>
      <c r="H23" s="16">
        <v>97984</v>
      </c>
      <c r="I23" s="16">
        <v>82628</v>
      </c>
    </row>
    <row r="24" spans="1:9">
      <c r="A24" s="21" t="s">
        <v>232</v>
      </c>
      <c r="B24" s="21" t="s">
        <v>237</v>
      </c>
      <c r="C24" s="21" t="s">
        <v>264</v>
      </c>
      <c r="D24" s="21" t="s">
        <v>683</v>
      </c>
      <c r="E24" s="16">
        <v>116716</v>
      </c>
      <c r="F24" s="16">
        <v>83581</v>
      </c>
      <c r="G24" s="16">
        <v>100507</v>
      </c>
      <c r="H24" s="16">
        <v>87082</v>
      </c>
      <c r="I24" s="16">
        <v>74153</v>
      </c>
    </row>
    <row r="25" spans="1:9">
      <c r="A25" s="21" t="s">
        <v>232</v>
      </c>
      <c r="B25" s="21" t="s">
        <v>237</v>
      </c>
      <c r="C25" s="21" t="s">
        <v>264</v>
      </c>
      <c r="D25" s="21" t="s">
        <v>684</v>
      </c>
      <c r="E25" s="16">
        <v>6367</v>
      </c>
      <c r="F25" s="16">
        <v>4393</v>
      </c>
      <c r="G25" s="16">
        <v>5398</v>
      </c>
      <c r="H25" s="16">
        <v>4720</v>
      </c>
      <c r="I25" s="16">
        <v>3927</v>
      </c>
    </row>
    <row r="26" spans="1:9">
      <c r="A26" s="21" t="s">
        <v>232</v>
      </c>
      <c r="B26" s="21" t="s">
        <v>237</v>
      </c>
      <c r="C26" s="21" t="s">
        <v>264</v>
      </c>
      <c r="D26" s="21" t="s">
        <v>685</v>
      </c>
      <c r="E26" s="16">
        <v>22874</v>
      </c>
      <c r="F26" s="16">
        <v>5179</v>
      </c>
      <c r="G26" s="16">
        <v>7908</v>
      </c>
      <c r="H26" s="16">
        <v>5923</v>
      </c>
      <c r="I26" s="16">
        <v>4381</v>
      </c>
    </row>
    <row r="27" spans="1:9">
      <c r="A27" s="21" t="s">
        <v>232</v>
      </c>
      <c r="B27" s="21" t="s">
        <v>237</v>
      </c>
      <c r="C27" s="21" t="s">
        <v>264</v>
      </c>
      <c r="D27" s="21" t="s">
        <v>686</v>
      </c>
      <c r="E27" s="16">
        <v>1947</v>
      </c>
      <c r="F27" s="16">
        <v>214</v>
      </c>
      <c r="G27" s="16">
        <v>441</v>
      </c>
      <c r="H27" s="16">
        <v>259</v>
      </c>
      <c r="I27" s="16">
        <v>167</v>
      </c>
    </row>
    <row r="28" spans="1:9">
      <c r="A28" s="21" t="s">
        <v>232</v>
      </c>
      <c r="B28" s="21" t="s">
        <v>237</v>
      </c>
      <c r="C28" s="21" t="s">
        <v>264</v>
      </c>
      <c r="D28" s="21" t="s">
        <v>687</v>
      </c>
      <c r="E28" s="16">
        <v>691</v>
      </c>
      <c r="F28" s="16">
        <v>321</v>
      </c>
      <c r="G28" s="16">
        <v>409</v>
      </c>
      <c r="H28" s="16">
        <v>343</v>
      </c>
      <c r="I28" s="16">
        <v>282</v>
      </c>
    </row>
    <row r="29" spans="1:9">
      <c r="A29" s="21" t="s">
        <v>232</v>
      </c>
      <c r="B29" s="21" t="s">
        <v>237</v>
      </c>
      <c r="C29" s="21" t="s">
        <v>264</v>
      </c>
      <c r="D29" s="21" t="s">
        <v>688</v>
      </c>
      <c r="E29" s="16">
        <v>733</v>
      </c>
      <c r="F29" s="16">
        <v>487</v>
      </c>
      <c r="G29" s="16">
        <v>537</v>
      </c>
      <c r="H29" s="16">
        <v>496</v>
      </c>
      <c r="I29" s="16">
        <v>461</v>
      </c>
    </row>
    <row r="30" spans="1:9">
      <c r="A30" s="21" t="s">
        <v>232</v>
      </c>
      <c r="B30" s="21" t="s">
        <v>237</v>
      </c>
      <c r="C30" s="21" t="s">
        <v>264</v>
      </c>
      <c r="D30" s="21" t="s">
        <v>689</v>
      </c>
      <c r="E30" s="22" t="s">
        <v>268</v>
      </c>
      <c r="F30" s="22" t="s">
        <v>268</v>
      </c>
      <c r="G30" s="22" t="s">
        <v>268</v>
      </c>
      <c r="H30" s="22" t="s">
        <v>268</v>
      </c>
      <c r="I30" s="22" t="s">
        <v>268</v>
      </c>
    </row>
    <row r="31" spans="1:9">
      <c r="A31" s="21" t="s">
        <v>240</v>
      </c>
      <c r="B31" s="21" t="s">
        <v>237</v>
      </c>
      <c r="C31" s="21" t="s">
        <v>265</v>
      </c>
      <c r="D31" s="21" t="s">
        <v>214</v>
      </c>
      <c r="E31" s="16">
        <v>10245</v>
      </c>
      <c r="F31" s="16">
        <v>6738</v>
      </c>
      <c r="G31" s="16">
        <v>8129</v>
      </c>
      <c r="H31" s="16">
        <v>7065</v>
      </c>
      <c r="I31" s="16">
        <v>5973</v>
      </c>
    </row>
    <row r="32" spans="1:9">
      <c r="A32" s="21" t="s">
        <v>240</v>
      </c>
      <c r="B32" s="21" t="s">
        <v>237</v>
      </c>
      <c r="C32" s="21" t="s">
        <v>265</v>
      </c>
      <c r="D32" s="21" t="s">
        <v>681</v>
      </c>
      <c r="E32" s="16">
        <v>10170</v>
      </c>
      <c r="F32" s="16">
        <v>6679</v>
      </c>
      <c r="G32" s="16">
        <v>8066</v>
      </c>
      <c r="H32" s="16">
        <v>7004</v>
      </c>
      <c r="I32" s="16">
        <v>5914</v>
      </c>
    </row>
    <row r="33" spans="1:9">
      <c r="A33" s="21" t="s">
        <v>240</v>
      </c>
      <c r="B33" s="21" t="s">
        <v>237</v>
      </c>
      <c r="C33" s="21" t="s">
        <v>265</v>
      </c>
      <c r="D33" s="21" t="s">
        <v>682</v>
      </c>
      <c r="E33" s="16">
        <v>10132</v>
      </c>
      <c r="F33" s="16">
        <v>6661</v>
      </c>
      <c r="G33" s="16">
        <v>8045</v>
      </c>
      <c r="H33" s="16">
        <v>6984</v>
      </c>
      <c r="I33" s="16">
        <v>5898</v>
      </c>
    </row>
    <row r="34" spans="1:9">
      <c r="A34" s="21" t="s">
        <v>240</v>
      </c>
      <c r="B34" s="21" t="s">
        <v>237</v>
      </c>
      <c r="C34" s="21" t="s">
        <v>265</v>
      </c>
      <c r="D34" s="21" t="s">
        <v>683</v>
      </c>
      <c r="E34" s="16">
        <v>8297</v>
      </c>
      <c r="F34" s="16">
        <v>6088</v>
      </c>
      <c r="G34" s="16">
        <v>7209</v>
      </c>
      <c r="H34" s="16">
        <v>6333</v>
      </c>
      <c r="I34" s="16">
        <v>5415</v>
      </c>
    </row>
    <row r="35" spans="1:9">
      <c r="A35" s="21" t="s">
        <v>240</v>
      </c>
      <c r="B35" s="21" t="s">
        <v>237</v>
      </c>
      <c r="C35" s="21" t="s">
        <v>265</v>
      </c>
      <c r="D35" s="21" t="s">
        <v>684</v>
      </c>
      <c r="E35" s="16">
        <v>156</v>
      </c>
      <c r="F35" s="16">
        <v>110</v>
      </c>
      <c r="G35" s="16">
        <v>138</v>
      </c>
      <c r="H35" s="16">
        <v>117</v>
      </c>
      <c r="I35" s="16">
        <v>93</v>
      </c>
    </row>
    <row r="36" spans="1:9">
      <c r="A36" s="21" t="s">
        <v>240</v>
      </c>
      <c r="B36" s="21" t="s">
        <v>237</v>
      </c>
      <c r="C36" s="21" t="s">
        <v>265</v>
      </c>
      <c r="D36" s="21" t="s">
        <v>685</v>
      </c>
      <c r="E36" s="16">
        <v>1546</v>
      </c>
      <c r="F36" s="16">
        <v>448</v>
      </c>
      <c r="G36" s="16">
        <v>669</v>
      </c>
      <c r="H36" s="16">
        <v>516</v>
      </c>
      <c r="I36" s="16">
        <v>379</v>
      </c>
    </row>
    <row r="37" spans="1:9">
      <c r="A37" s="21" t="s">
        <v>240</v>
      </c>
      <c r="B37" s="21" t="s">
        <v>237</v>
      </c>
      <c r="C37" s="21" t="s">
        <v>265</v>
      </c>
      <c r="D37" s="21" t="s">
        <v>686</v>
      </c>
      <c r="E37" s="16">
        <v>133</v>
      </c>
      <c r="F37" s="16">
        <v>15</v>
      </c>
      <c r="G37" s="16">
        <v>29</v>
      </c>
      <c r="H37" s="16">
        <v>18</v>
      </c>
      <c r="I37" s="16">
        <v>11</v>
      </c>
    </row>
    <row r="38" spans="1:9">
      <c r="A38" s="21" t="s">
        <v>240</v>
      </c>
      <c r="B38" s="21" t="s">
        <v>237</v>
      </c>
      <c r="C38" s="21" t="s">
        <v>265</v>
      </c>
      <c r="D38" s="21" t="s">
        <v>687</v>
      </c>
      <c r="E38" s="16">
        <v>38</v>
      </c>
      <c r="F38" s="16">
        <v>18</v>
      </c>
      <c r="G38" s="16">
        <v>21</v>
      </c>
      <c r="H38" s="16">
        <v>20</v>
      </c>
      <c r="I38" s="16">
        <v>16</v>
      </c>
    </row>
    <row r="39" spans="1:9">
      <c r="A39" s="21" t="s">
        <v>240</v>
      </c>
      <c r="B39" s="21" t="s">
        <v>237</v>
      </c>
      <c r="C39" s="21" t="s">
        <v>265</v>
      </c>
      <c r="D39" s="21" t="s">
        <v>688</v>
      </c>
      <c r="E39" s="16">
        <v>75</v>
      </c>
      <c r="F39" s="16">
        <v>59</v>
      </c>
      <c r="G39" s="16">
        <v>63</v>
      </c>
      <c r="H39" s="16">
        <v>61</v>
      </c>
      <c r="I39" s="16">
        <v>59</v>
      </c>
    </row>
    <row r="40" spans="1:9">
      <c r="A40" s="21" t="s">
        <v>240</v>
      </c>
      <c r="B40" s="21" t="s">
        <v>237</v>
      </c>
      <c r="C40" s="21" t="s">
        <v>265</v>
      </c>
      <c r="D40" s="21" t="s">
        <v>689</v>
      </c>
      <c r="E40" s="22" t="s">
        <v>268</v>
      </c>
      <c r="F40" s="22" t="s">
        <v>268</v>
      </c>
      <c r="G40" s="22" t="s">
        <v>268</v>
      </c>
      <c r="H40" s="22" t="s">
        <v>268</v>
      </c>
      <c r="I40" s="22" t="s">
        <v>268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72" orientation="portrait" r:id="rId1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9913ADC-C9BE-4C3D-862B-ED7C252E7F0E}">
  <dimension ref="A1:I16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35.625" style="20" customWidth="1"/>
    <col min="2" max="2" width="2.375" style="20" bestFit="1" customWidth="1"/>
    <col min="3" max="3" width="11.25" style="20" bestFit="1" customWidth="1"/>
    <col min="4" max="16384" width="12.625" style="20"/>
  </cols>
  <sheetData>
    <row r="1" spans="1:9" s="11" customFormat="1">
      <c r="A1" s="11" t="s">
        <v>192</v>
      </c>
    </row>
    <row r="2" spans="1:9" s="11" customFormat="1">
      <c r="A2" s="11" t="s">
        <v>775</v>
      </c>
    </row>
    <row r="3" spans="1:9" s="11" customFormat="1"/>
    <row r="4" spans="1:9" s="11" customFormat="1" hidden="1"/>
    <row r="5" spans="1:9" s="11" customFormat="1"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</row>
    <row r="6" spans="1:9" s="11" customFormat="1" ht="24">
      <c r="E6" s="12" t="s">
        <v>776</v>
      </c>
      <c r="F6" s="12" t="s">
        <v>776</v>
      </c>
      <c r="G6" s="12" t="s">
        <v>776</v>
      </c>
      <c r="H6" s="12" t="s">
        <v>776</v>
      </c>
      <c r="I6" s="12" t="s">
        <v>776</v>
      </c>
    </row>
    <row r="7" spans="1:9" s="11" customFormat="1">
      <c r="E7" s="12">
        <v>1</v>
      </c>
      <c r="F7" s="12">
        <v>1</v>
      </c>
      <c r="G7" s="12">
        <v>1</v>
      </c>
      <c r="H7" s="12">
        <v>1</v>
      </c>
      <c r="I7" s="12">
        <v>1</v>
      </c>
    </row>
    <row r="8" spans="1:9" s="11" customFormat="1" ht="36">
      <c r="E8" s="12" t="s">
        <v>214</v>
      </c>
      <c r="F8" s="12" t="s">
        <v>777</v>
      </c>
      <c r="G8" s="12" t="s">
        <v>778</v>
      </c>
      <c r="H8" s="12" t="s">
        <v>779</v>
      </c>
      <c r="I8" s="12" t="s">
        <v>780</v>
      </c>
    </row>
    <row r="9" spans="1:9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</row>
    <row r="10" spans="1:9" s="11" customFormat="1">
      <c r="A10" s="14" t="s">
        <v>781</v>
      </c>
      <c r="B10" s="14" t="s">
        <v>224</v>
      </c>
      <c r="C10" s="14" t="s">
        <v>259</v>
      </c>
      <c r="D10" s="14" t="s">
        <v>230</v>
      </c>
      <c r="E10" s="14" t="s">
        <v>231</v>
      </c>
      <c r="F10" s="14"/>
      <c r="G10" s="14"/>
      <c r="H10" s="14"/>
      <c r="I10" s="14"/>
    </row>
    <row r="11" spans="1:9">
      <c r="A11" s="15" t="s">
        <v>782</v>
      </c>
      <c r="B11" s="15" t="s">
        <v>232</v>
      </c>
      <c r="C11" s="15" t="s">
        <v>233</v>
      </c>
      <c r="D11" s="15" t="s">
        <v>262</v>
      </c>
      <c r="E11" s="16">
        <v>646809</v>
      </c>
      <c r="F11" s="16">
        <v>354344</v>
      </c>
      <c r="G11" s="16">
        <v>220498</v>
      </c>
      <c r="H11" s="16">
        <v>71967</v>
      </c>
      <c r="I11" s="16">
        <v>109700</v>
      </c>
    </row>
    <row r="12" spans="1:9">
      <c r="A12" s="21" t="s">
        <v>782</v>
      </c>
      <c r="B12" s="21" t="s">
        <v>232</v>
      </c>
      <c r="C12" s="21" t="s">
        <v>237</v>
      </c>
      <c r="D12" s="21" t="s">
        <v>264</v>
      </c>
      <c r="E12" s="16">
        <v>11403</v>
      </c>
      <c r="F12" s="16">
        <v>5825</v>
      </c>
      <c r="G12" s="16">
        <v>3953</v>
      </c>
      <c r="H12" s="16">
        <v>1625</v>
      </c>
      <c r="I12" s="16">
        <v>2166</v>
      </c>
    </row>
    <row r="13" spans="1:9">
      <c r="A13" s="21" t="s">
        <v>782</v>
      </c>
      <c r="B13" s="21" t="s">
        <v>240</v>
      </c>
      <c r="C13" s="21" t="s">
        <v>237</v>
      </c>
      <c r="D13" s="21" t="s">
        <v>265</v>
      </c>
      <c r="E13" s="16">
        <v>857</v>
      </c>
      <c r="F13" s="16">
        <v>421</v>
      </c>
      <c r="G13" s="16">
        <v>305</v>
      </c>
      <c r="H13" s="16">
        <v>131</v>
      </c>
      <c r="I13" s="16">
        <v>167</v>
      </c>
    </row>
    <row r="14" spans="1:9">
      <c r="A14" s="21" t="s">
        <v>783</v>
      </c>
      <c r="B14" s="21" t="s">
        <v>232</v>
      </c>
      <c r="C14" s="21" t="s">
        <v>233</v>
      </c>
      <c r="D14" s="21" t="s">
        <v>262</v>
      </c>
      <c r="E14" s="16">
        <v>905671</v>
      </c>
      <c r="F14" s="16">
        <v>537551</v>
      </c>
      <c r="G14" s="16">
        <v>282239</v>
      </c>
      <c r="H14" s="16">
        <v>85881</v>
      </c>
      <c r="I14" s="16">
        <v>172099</v>
      </c>
    </row>
    <row r="15" spans="1:9">
      <c r="A15" s="21" t="s">
        <v>783</v>
      </c>
      <c r="B15" s="21" t="s">
        <v>232</v>
      </c>
      <c r="C15" s="21" t="s">
        <v>237</v>
      </c>
      <c r="D15" s="21" t="s">
        <v>264</v>
      </c>
      <c r="E15" s="16">
        <v>16762</v>
      </c>
      <c r="F15" s="16">
        <v>9399</v>
      </c>
      <c r="G15" s="16">
        <v>5354</v>
      </c>
      <c r="H15" s="16">
        <v>2009</v>
      </c>
      <c r="I15" s="16">
        <v>3536</v>
      </c>
    </row>
    <row r="16" spans="1:9">
      <c r="A16" s="21" t="s">
        <v>783</v>
      </c>
      <c r="B16" s="21" t="s">
        <v>240</v>
      </c>
      <c r="C16" s="21" t="s">
        <v>237</v>
      </c>
      <c r="D16" s="21" t="s">
        <v>265</v>
      </c>
      <c r="E16" s="16">
        <v>1362</v>
      </c>
      <c r="F16" s="16">
        <v>743</v>
      </c>
      <c r="G16" s="16">
        <v>455</v>
      </c>
      <c r="H16" s="16">
        <v>164</v>
      </c>
      <c r="I16" s="16">
        <v>278</v>
      </c>
    </row>
  </sheetData>
  <phoneticPr fontId="1"/>
  <pageMargins left="0.7" right="0.7" top="0.75" bottom="0.75" header="0.3" footer="0.3"/>
  <pageSetup paperSize="9" orientation="portrait" r:id="rId1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22F0A6-41AC-44D3-A969-54FA40563434}">
  <dimension ref="A1:J16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35.625" style="20" customWidth="1"/>
    <col min="2" max="2" width="2.375" style="20" bestFit="1" customWidth="1"/>
    <col min="3" max="3" width="11.25" style="20" bestFit="1" customWidth="1"/>
    <col min="4" max="16384" width="12.625" style="20"/>
  </cols>
  <sheetData>
    <row r="1" spans="1:10" s="11" customFormat="1">
      <c r="A1" s="11" t="s">
        <v>192</v>
      </c>
    </row>
    <row r="2" spans="1:10" s="11" customFormat="1">
      <c r="A2" s="11" t="s">
        <v>784</v>
      </c>
    </row>
    <row r="3" spans="1:10" s="11" customFormat="1"/>
    <row r="4" spans="1:10" s="11" customFormat="1" hidden="1"/>
    <row r="5" spans="1:10" s="11" customFormat="1" ht="24">
      <c r="E5" s="12" t="s">
        <v>495</v>
      </c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785</v>
      </c>
    </row>
    <row r="6" spans="1:10" s="11" customFormat="1" ht="24">
      <c r="E6" s="12" t="s">
        <v>776</v>
      </c>
      <c r="F6" s="12" t="s">
        <v>776</v>
      </c>
      <c r="G6" s="12" t="s">
        <v>776</v>
      </c>
      <c r="H6" s="12" t="s">
        <v>776</v>
      </c>
      <c r="I6" s="12" t="s">
        <v>776</v>
      </c>
      <c r="J6" s="12"/>
    </row>
    <row r="7" spans="1:10" s="11" customFormat="1">
      <c r="E7" s="12">
        <v>1</v>
      </c>
      <c r="F7" s="12">
        <v>1</v>
      </c>
      <c r="G7" s="12">
        <v>1</v>
      </c>
      <c r="H7" s="12">
        <v>1</v>
      </c>
      <c r="I7" s="12">
        <v>1</v>
      </c>
      <c r="J7" s="12"/>
    </row>
    <row r="8" spans="1:10" s="11" customFormat="1" ht="36">
      <c r="E8" s="12" t="s">
        <v>214</v>
      </c>
      <c r="F8" s="12" t="s">
        <v>777</v>
      </c>
      <c r="G8" s="12" t="s">
        <v>778</v>
      </c>
      <c r="H8" s="12" t="s">
        <v>779</v>
      </c>
      <c r="I8" s="12" t="s">
        <v>780</v>
      </c>
      <c r="J8" s="12"/>
    </row>
    <row r="9" spans="1:10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</row>
    <row r="10" spans="1:10" s="11" customFormat="1">
      <c r="A10" s="14" t="s">
        <v>781</v>
      </c>
      <c r="B10" s="14" t="s">
        <v>224</v>
      </c>
      <c r="C10" s="14" t="s">
        <v>259</v>
      </c>
      <c r="D10" s="14" t="s">
        <v>230</v>
      </c>
      <c r="E10" s="14" t="s">
        <v>231</v>
      </c>
      <c r="F10" s="14"/>
      <c r="G10" s="14"/>
      <c r="H10" s="14"/>
      <c r="I10" s="14"/>
      <c r="J10" s="14"/>
    </row>
    <row r="11" spans="1:10">
      <c r="A11" s="15" t="s">
        <v>782</v>
      </c>
      <c r="B11" s="15" t="s">
        <v>232</v>
      </c>
      <c r="C11" s="15" t="s">
        <v>233</v>
      </c>
      <c r="D11" s="15" t="s">
        <v>262</v>
      </c>
      <c r="E11" s="16">
        <v>1674110</v>
      </c>
      <c r="F11" s="16">
        <v>708688</v>
      </c>
      <c r="G11" s="16">
        <v>661494</v>
      </c>
      <c r="H11" s="16">
        <v>303928</v>
      </c>
      <c r="I11" s="16">
        <v>307891</v>
      </c>
      <c r="J11" s="17">
        <v>1.58826</v>
      </c>
    </row>
    <row r="12" spans="1:10">
      <c r="A12" s="21" t="s">
        <v>782</v>
      </c>
      <c r="B12" s="21" t="s">
        <v>232</v>
      </c>
      <c r="C12" s="21" t="s">
        <v>237</v>
      </c>
      <c r="D12" s="21" t="s">
        <v>264</v>
      </c>
      <c r="E12" s="16">
        <v>30409</v>
      </c>
      <c r="F12" s="16">
        <v>11650</v>
      </c>
      <c r="G12" s="16">
        <v>11859</v>
      </c>
      <c r="H12" s="16">
        <v>6900</v>
      </c>
      <c r="I12" s="16">
        <v>6264</v>
      </c>
      <c r="J12" s="17">
        <v>1.66675</v>
      </c>
    </row>
    <row r="13" spans="1:10">
      <c r="A13" s="21" t="s">
        <v>782</v>
      </c>
      <c r="B13" s="21" t="s">
        <v>240</v>
      </c>
      <c r="C13" s="21" t="s">
        <v>237</v>
      </c>
      <c r="D13" s="21" t="s">
        <v>265</v>
      </c>
      <c r="E13" s="16">
        <v>2309</v>
      </c>
      <c r="F13" s="16">
        <v>842</v>
      </c>
      <c r="G13" s="16">
        <v>915</v>
      </c>
      <c r="H13" s="16">
        <v>552</v>
      </c>
      <c r="I13" s="16">
        <v>493</v>
      </c>
      <c r="J13" s="17">
        <v>1.69428</v>
      </c>
    </row>
    <row r="14" spans="1:10">
      <c r="A14" s="21" t="s">
        <v>783</v>
      </c>
      <c r="B14" s="21" t="s">
        <v>232</v>
      </c>
      <c r="C14" s="21" t="s">
        <v>233</v>
      </c>
      <c r="D14" s="21" t="s">
        <v>262</v>
      </c>
      <c r="E14" s="16">
        <v>2762919</v>
      </c>
      <c r="F14" s="16">
        <v>1417035</v>
      </c>
      <c r="G14" s="16">
        <v>958085</v>
      </c>
      <c r="H14" s="16">
        <v>387799</v>
      </c>
      <c r="I14" s="16">
        <v>588063</v>
      </c>
      <c r="J14" s="17">
        <v>1.5220400000000001</v>
      </c>
    </row>
    <row r="15" spans="1:10">
      <c r="A15" s="21" t="s">
        <v>783</v>
      </c>
      <c r="B15" s="21" t="s">
        <v>232</v>
      </c>
      <c r="C15" s="21" t="s">
        <v>237</v>
      </c>
      <c r="D15" s="21" t="s">
        <v>264</v>
      </c>
      <c r="E15" s="16">
        <v>53564</v>
      </c>
      <c r="F15" s="16">
        <v>25620</v>
      </c>
      <c r="G15" s="16">
        <v>18723</v>
      </c>
      <c r="H15" s="16">
        <v>9221</v>
      </c>
      <c r="I15" s="16">
        <v>12530</v>
      </c>
      <c r="J15" s="17">
        <v>1.58704</v>
      </c>
    </row>
    <row r="16" spans="1:10">
      <c r="A16" s="21" t="s">
        <v>783</v>
      </c>
      <c r="B16" s="21" t="s">
        <v>240</v>
      </c>
      <c r="C16" s="21" t="s">
        <v>237</v>
      </c>
      <c r="D16" s="21" t="s">
        <v>265</v>
      </c>
      <c r="E16" s="16">
        <v>4475</v>
      </c>
      <c r="F16" s="16">
        <v>2095</v>
      </c>
      <c r="G16" s="16">
        <v>1634</v>
      </c>
      <c r="H16" s="16">
        <v>746</v>
      </c>
      <c r="I16" s="16">
        <v>993</v>
      </c>
      <c r="J16" s="17">
        <v>1.5961799999999999</v>
      </c>
    </row>
  </sheetData>
  <phoneticPr fontId="1"/>
  <pageMargins left="0.7" right="0.7" top="0.75" bottom="0.75" header="0.3" footer="0.3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8DA1F9F-3B27-4408-962B-584BCA76DCD7}">
  <dimension ref="A1:I16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35.625" style="20" customWidth="1"/>
    <col min="2" max="2" width="2.375" style="20" bestFit="1" customWidth="1"/>
    <col min="3" max="3" width="11.25" style="20" bestFit="1" customWidth="1"/>
    <col min="4" max="16384" width="12.625" style="20"/>
  </cols>
  <sheetData>
    <row r="1" spans="1:9" s="11" customFormat="1">
      <c r="A1" s="11" t="s">
        <v>192</v>
      </c>
    </row>
    <row r="2" spans="1:9" s="11" customFormat="1">
      <c r="A2" s="11" t="s">
        <v>786</v>
      </c>
    </row>
    <row r="3" spans="1:9" s="11" customFormat="1"/>
    <row r="4" spans="1:9" s="11" customFormat="1" hidden="1"/>
    <row r="5" spans="1:9" s="11" customFormat="1">
      <c r="E5" s="12" t="s">
        <v>494</v>
      </c>
      <c r="F5" s="12" t="s">
        <v>494</v>
      </c>
      <c r="G5" s="12" t="s">
        <v>494</v>
      </c>
      <c r="H5" s="12" t="s">
        <v>494</v>
      </c>
      <c r="I5" s="12" t="s">
        <v>494</v>
      </c>
    </row>
    <row r="6" spans="1:9" s="11" customFormat="1" ht="24">
      <c r="E6" s="12" t="s">
        <v>776</v>
      </c>
      <c r="F6" s="12" t="s">
        <v>776</v>
      </c>
      <c r="G6" s="12" t="s">
        <v>776</v>
      </c>
      <c r="H6" s="12" t="s">
        <v>776</v>
      </c>
      <c r="I6" s="12" t="s">
        <v>776</v>
      </c>
    </row>
    <row r="7" spans="1:9" s="11" customFormat="1">
      <c r="E7" s="12">
        <v>1</v>
      </c>
      <c r="F7" s="12">
        <v>1</v>
      </c>
      <c r="G7" s="12">
        <v>1</v>
      </c>
      <c r="H7" s="12">
        <v>1</v>
      </c>
      <c r="I7" s="12">
        <v>1</v>
      </c>
    </row>
    <row r="8" spans="1:9" s="11" customFormat="1" ht="36">
      <c r="E8" s="12" t="s">
        <v>214</v>
      </c>
      <c r="F8" s="12" t="s">
        <v>777</v>
      </c>
      <c r="G8" s="12" t="s">
        <v>778</v>
      </c>
      <c r="H8" s="12" t="s">
        <v>779</v>
      </c>
      <c r="I8" s="12" t="s">
        <v>780</v>
      </c>
    </row>
    <row r="9" spans="1:9" s="11" customFormat="1">
      <c r="E9" s="13" t="s">
        <v>223</v>
      </c>
      <c r="F9" s="13" t="s">
        <v>223</v>
      </c>
      <c r="G9" s="13" t="s">
        <v>223</v>
      </c>
      <c r="H9" s="13" t="s">
        <v>223</v>
      </c>
      <c r="I9" s="13" t="s">
        <v>223</v>
      </c>
    </row>
    <row r="10" spans="1:9" s="11" customFormat="1">
      <c r="A10" s="14" t="s">
        <v>781</v>
      </c>
      <c r="B10" s="14" t="s">
        <v>224</v>
      </c>
      <c r="C10" s="14" t="s">
        <v>259</v>
      </c>
      <c r="D10" s="14" t="s">
        <v>230</v>
      </c>
      <c r="E10" s="14" t="s">
        <v>231</v>
      </c>
      <c r="F10" s="14"/>
      <c r="G10" s="14"/>
      <c r="H10" s="14"/>
      <c r="I10" s="14"/>
    </row>
    <row r="11" spans="1:9">
      <c r="A11" s="15" t="s">
        <v>787</v>
      </c>
      <c r="B11" s="15" t="s">
        <v>232</v>
      </c>
      <c r="C11" s="15" t="s">
        <v>233</v>
      </c>
      <c r="D11" s="15" t="s">
        <v>262</v>
      </c>
      <c r="E11" s="16">
        <v>74481</v>
      </c>
      <c r="F11" s="16">
        <v>43457</v>
      </c>
      <c r="G11" s="16">
        <v>24269</v>
      </c>
      <c r="H11" s="16">
        <v>6755</v>
      </c>
      <c r="I11" s="16">
        <v>5632</v>
      </c>
    </row>
    <row r="12" spans="1:9">
      <c r="A12" s="21" t="s">
        <v>787</v>
      </c>
      <c r="B12" s="21" t="s">
        <v>232</v>
      </c>
      <c r="C12" s="21" t="s">
        <v>237</v>
      </c>
      <c r="D12" s="21" t="s">
        <v>264</v>
      </c>
      <c r="E12" s="16">
        <v>1071</v>
      </c>
      <c r="F12" s="16">
        <v>564</v>
      </c>
      <c r="G12" s="16">
        <v>381</v>
      </c>
      <c r="H12" s="16">
        <v>126</v>
      </c>
      <c r="I12" s="16">
        <v>91</v>
      </c>
    </row>
    <row r="13" spans="1:9">
      <c r="A13" s="21" t="s">
        <v>787</v>
      </c>
      <c r="B13" s="21" t="s">
        <v>240</v>
      </c>
      <c r="C13" s="21" t="s">
        <v>237</v>
      </c>
      <c r="D13" s="21" t="s">
        <v>265</v>
      </c>
      <c r="E13" s="16">
        <v>79</v>
      </c>
      <c r="F13" s="16">
        <v>34</v>
      </c>
      <c r="G13" s="16">
        <v>34</v>
      </c>
      <c r="H13" s="16">
        <v>11</v>
      </c>
      <c r="I13" s="16">
        <v>9</v>
      </c>
    </row>
    <row r="14" spans="1:9">
      <c r="A14" s="21" t="s">
        <v>788</v>
      </c>
      <c r="B14" s="21" t="s">
        <v>232</v>
      </c>
      <c r="C14" s="21" t="s">
        <v>233</v>
      </c>
      <c r="D14" s="21" t="s">
        <v>262</v>
      </c>
      <c r="E14" s="16">
        <v>146416</v>
      </c>
      <c r="F14" s="16">
        <v>92330</v>
      </c>
      <c r="G14" s="16">
        <v>42847</v>
      </c>
      <c r="H14" s="16">
        <v>11239</v>
      </c>
      <c r="I14" s="16">
        <v>17207</v>
      </c>
    </row>
    <row r="15" spans="1:9">
      <c r="A15" s="21" t="s">
        <v>788</v>
      </c>
      <c r="B15" s="21" t="s">
        <v>232</v>
      </c>
      <c r="C15" s="21" t="s">
        <v>237</v>
      </c>
      <c r="D15" s="21" t="s">
        <v>264</v>
      </c>
      <c r="E15" s="16">
        <v>2557</v>
      </c>
      <c r="F15" s="16">
        <v>1533</v>
      </c>
      <c r="G15" s="16">
        <v>775</v>
      </c>
      <c r="H15" s="16">
        <v>249</v>
      </c>
      <c r="I15" s="16">
        <v>296</v>
      </c>
    </row>
    <row r="16" spans="1:9">
      <c r="A16" s="21" t="s">
        <v>788</v>
      </c>
      <c r="B16" s="21" t="s">
        <v>240</v>
      </c>
      <c r="C16" s="21" t="s">
        <v>237</v>
      </c>
      <c r="D16" s="21" t="s">
        <v>265</v>
      </c>
      <c r="E16" s="16">
        <v>216</v>
      </c>
      <c r="F16" s="16">
        <v>135</v>
      </c>
      <c r="G16" s="16">
        <v>67</v>
      </c>
      <c r="H16" s="16">
        <v>14</v>
      </c>
      <c r="I16" s="16">
        <v>24</v>
      </c>
    </row>
  </sheetData>
  <phoneticPr fontId="1"/>
  <pageMargins left="0.7" right="0.7" top="0.75" bottom="0.75" header="0.3" footer="0.3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D9AF9D-BB15-4CCE-A4A9-AE60E327646A}">
  <dimension ref="A1:J16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35.625" style="20" customWidth="1"/>
    <col min="2" max="2" width="2.375" style="20" bestFit="1" customWidth="1"/>
    <col min="3" max="3" width="11.25" style="20" bestFit="1" customWidth="1"/>
    <col min="4" max="16384" width="12.625" style="20"/>
  </cols>
  <sheetData>
    <row r="1" spans="1:10" s="11" customFormat="1">
      <c r="A1" s="11" t="s">
        <v>192</v>
      </c>
    </row>
    <row r="2" spans="1:10" s="11" customFormat="1">
      <c r="A2" s="11" t="s">
        <v>789</v>
      </c>
    </row>
    <row r="3" spans="1:10" s="11" customFormat="1"/>
    <row r="4" spans="1:10" s="11" customFormat="1" hidden="1"/>
    <row r="5" spans="1:10" s="11" customFormat="1" ht="24">
      <c r="E5" s="12" t="s">
        <v>495</v>
      </c>
      <c r="F5" s="12" t="s">
        <v>495</v>
      </c>
      <c r="G5" s="12" t="s">
        <v>495</v>
      </c>
      <c r="H5" s="12" t="s">
        <v>495</v>
      </c>
      <c r="I5" s="12" t="s">
        <v>495</v>
      </c>
      <c r="J5" s="12" t="s">
        <v>785</v>
      </c>
    </row>
    <row r="6" spans="1:10" s="11" customFormat="1" ht="24">
      <c r="E6" s="12" t="s">
        <v>776</v>
      </c>
      <c r="F6" s="12" t="s">
        <v>776</v>
      </c>
      <c r="G6" s="12" t="s">
        <v>776</v>
      </c>
      <c r="H6" s="12" t="s">
        <v>776</v>
      </c>
      <c r="I6" s="12" t="s">
        <v>776</v>
      </c>
      <c r="J6" s="12"/>
    </row>
    <row r="7" spans="1:10" s="11" customFormat="1">
      <c r="E7" s="12">
        <v>1</v>
      </c>
      <c r="F7" s="12">
        <v>1</v>
      </c>
      <c r="G7" s="12">
        <v>1</v>
      </c>
      <c r="H7" s="12">
        <v>1</v>
      </c>
      <c r="I7" s="12">
        <v>1</v>
      </c>
      <c r="J7" s="12"/>
    </row>
    <row r="8" spans="1:10" s="11" customFormat="1" ht="36">
      <c r="E8" s="12" t="s">
        <v>214</v>
      </c>
      <c r="F8" s="12" t="s">
        <v>777</v>
      </c>
      <c r="G8" s="12" t="s">
        <v>778</v>
      </c>
      <c r="H8" s="12" t="s">
        <v>779</v>
      </c>
      <c r="I8" s="12" t="s">
        <v>780</v>
      </c>
      <c r="J8" s="12"/>
    </row>
    <row r="9" spans="1:10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</row>
    <row r="10" spans="1:10" s="11" customFormat="1">
      <c r="A10" s="14" t="s">
        <v>781</v>
      </c>
      <c r="B10" s="14" t="s">
        <v>224</v>
      </c>
      <c r="C10" s="14" t="s">
        <v>259</v>
      </c>
      <c r="D10" s="14" t="s">
        <v>230</v>
      </c>
      <c r="E10" s="14" t="s">
        <v>231</v>
      </c>
      <c r="F10" s="14"/>
      <c r="G10" s="14"/>
      <c r="H10" s="14"/>
      <c r="I10" s="14"/>
      <c r="J10" s="14"/>
    </row>
    <row r="11" spans="1:10">
      <c r="A11" s="15" t="s">
        <v>787</v>
      </c>
      <c r="B11" s="15" t="s">
        <v>232</v>
      </c>
      <c r="C11" s="15" t="s">
        <v>233</v>
      </c>
      <c r="D11" s="15" t="s">
        <v>262</v>
      </c>
      <c r="E11" s="16">
        <v>187915</v>
      </c>
      <c r="F11" s="16">
        <v>86914</v>
      </c>
      <c r="G11" s="16">
        <v>72807</v>
      </c>
      <c r="H11" s="16">
        <v>28194</v>
      </c>
      <c r="I11" s="16">
        <v>15739</v>
      </c>
      <c r="J11" s="17">
        <v>1.5229900000000001</v>
      </c>
    </row>
    <row r="12" spans="1:10">
      <c r="A12" s="21" t="s">
        <v>787</v>
      </c>
      <c r="B12" s="21" t="s">
        <v>232</v>
      </c>
      <c r="C12" s="21" t="s">
        <v>237</v>
      </c>
      <c r="D12" s="21" t="s">
        <v>264</v>
      </c>
      <c r="E12" s="16">
        <v>2800</v>
      </c>
      <c r="F12" s="16">
        <v>1128</v>
      </c>
      <c r="G12" s="16">
        <v>1143</v>
      </c>
      <c r="H12" s="16">
        <v>529</v>
      </c>
      <c r="I12" s="16">
        <v>274</v>
      </c>
      <c r="J12" s="17">
        <v>1.6143799999999999</v>
      </c>
    </row>
    <row r="13" spans="1:10">
      <c r="A13" s="21" t="s">
        <v>787</v>
      </c>
      <c r="B13" s="21" t="s">
        <v>240</v>
      </c>
      <c r="C13" s="21" t="s">
        <v>237</v>
      </c>
      <c r="D13" s="21" t="s">
        <v>265</v>
      </c>
      <c r="E13" s="16">
        <v>214</v>
      </c>
      <c r="F13" s="16">
        <v>68</v>
      </c>
      <c r="G13" s="16">
        <v>102</v>
      </c>
      <c r="H13" s="16">
        <v>44</v>
      </c>
      <c r="I13" s="16">
        <v>29</v>
      </c>
      <c r="J13" s="17">
        <v>1.70886</v>
      </c>
    </row>
    <row r="14" spans="1:10">
      <c r="A14" s="21" t="s">
        <v>788</v>
      </c>
      <c r="B14" s="21" t="s">
        <v>232</v>
      </c>
      <c r="C14" s="21" t="s">
        <v>233</v>
      </c>
      <c r="D14" s="21" t="s">
        <v>262</v>
      </c>
      <c r="E14" s="16">
        <v>503885</v>
      </c>
      <c r="F14" s="16">
        <v>283860</v>
      </c>
      <c r="G14" s="16">
        <v>164519</v>
      </c>
      <c r="H14" s="16">
        <v>55506</v>
      </c>
      <c r="I14" s="16">
        <v>73175</v>
      </c>
      <c r="J14" s="17">
        <v>1.45919</v>
      </c>
    </row>
    <row r="15" spans="1:10">
      <c r="A15" s="21" t="s">
        <v>788</v>
      </c>
      <c r="B15" s="21" t="s">
        <v>232</v>
      </c>
      <c r="C15" s="21" t="s">
        <v>237</v>
      </c>
      <c r="D15" s="21" t="s">
        <v>264</v>
      </c>
      <c r="E15" s="16">
        <v>9511</v>
      </c>
      <c r="F15" s="16">
        <v>5092</v>
      </c>
      <c r="G15" s="16">
        <v>3124</v>
      </c>
      <c r="H15" s="16">
        <v>1295</v>
      </c>
      <c r="I15" s="16">
        <v>1349</v>
      </c>
      <c r="J15" s="17">
        <v>1.5150600000000001</v>
      </c>
    </row>
    <row r="16" spans="1:10">
      <c r="A16" s="21" t="s">
        <v>788</v>
      </c>
      <c r="B16" s="21" t="s">
        <v>240</v>
      </c>
      <c r="C16" s="21" t="s">
        <v>237</v>
      </c>
      <c r="D16" s="21" t="s">
        <v>265</v>
      </c>
      <c r="E16" s="16">
        <v>813</v>
      </c>
      <c r="F16" s="16">
        <v>477</v>
      </c>
      <c r="G16" s="16">
        <v>271</v>
      </c>
      <c r="H16" s="16">
        <v>65</v>
      </c>
      <c r="I16" s="16">
        <v>102</v>
      </c>
      <c r="J16" s="17">
        <v>1.4490700000000001</v>
      </c>
    </row>
  </sheetData>
  <phoneticPr fontId="1"/>
  <pageMargins left="0.7" right="0.7" top="0.75" bottom="0.75" header="0.3" footer="0.3"/>
  <pageSetup paperSize="9" orientation="portrait" r:id="rId1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218EB5-DB9A-4C68-9F57-60CB90B5858F}">
  <sheetPr>
    <pageSetUpPr fitToPage="1"/>
  </sheetPr>
  <dimension ref="A1:U19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 outlineLevelRow="1"/>
  <cols>
    <col min="1" max="1" width="12.625" style="20"/>
    <col min="2" max="2" width="2.375" style="20" bestFit="1" customWidth="1"/>
    <col min="3" max="3" width="11.25" style="20" bestFit="1" customWidth="1"/>
    <col min="4" max="16384" width="12.625" style="20"/>
  </cols>
  <sheetData>
    <row r="1" spans="1:21" s="11" customFormat="1">
      <c r="A1" s="11" t="s">
        <v>192</v>
      </c>
    </row>
    <row r="2" spans="1:21" s="11" customFormat="1">
      <c r="A2" s="11" t="s">
        <v>790</v>
      </c>
    </row>
    <row r="3" spans="1:21" s="11" customFormat="1"/>
    <row r="4" spans="1:21" s="11" customFormat="1" outlineLevel="1">
      <c r="A4" s="11" t="s">
        <v>791</v>
      </c>
    </row>
    <row r="5" spans="1:21" s="11" customFormat="1">
      <c r="E5" s="12" t="s">
        <v>200</v>
      </c>
      <c r="F5" s="12" t="s">
        <v>200</v>
      </c>
      <c r="G5" s="12" t="s">
        <v>200</v>
      </c>
      <c r="H5" s="12" t="s">
        <v>200</v>
      </c>
      <c r="I5" s="12" t="s">
        <v>200</v>
      </c>
      <c r="J5" s="12" t="s">
        <v>200</v>
      </c>
      <c r="K5" s="12" t="s">
        <v>200</v>
      </c>
      <c r="L5" s="12" t="s">
        <v>200</v>
      </c>
      <c r="M5" s="12" t="s">
        <v>200</v>
      </c>
      <c r="N5" s="12" t="s">
        <v>200</v>
      </c>
      <c r="O5" s="12" t="s">
        <v>200</v>
      </c>
      <c r="P5" s="12" t="s">
        <v>200</v>
      </c>
      <c r="Q5" s="12" t="s">
        <v>200</v>
      </c>
      <c r="R5" s="12" t="s">
        <v>200</v>
      </c>
      <c r="S5" s="12" t="s">
        <v>200</v>
      </c>
      <c r="T5" s="12" t="s">
        <v>200</v>
      </c>
      <c r="U5" s="12" t="s">
        <v>200</v>
      </c>
    </row>
    <row r="6" spans="1:21" s="11" customFormat="1">
      <c r="E6" s="12" t="s">
        <v>792</v>
      </c>
      <c r="F6" s="12" t="s">
        <v>792</v>
      </c>
      <c r="G6" s="12" t="s">
        <v>792</v>
      </c>
      <c r="H6" s="12" t="s">
        <v>792</v>
      </c>
      <c r="I6" s="12" t="s">
        <v>792</v>
      </c>
      <c r="J6" s="12" t="s">
        <v>792</v>
      </c>
      <c r="K6" s="12" t="s">
        <v>792</v>
      </c>
      <c r="L6" s="12" t="s">
        <v>792</v>
      </c>
      <c r="M6" s="12" t="s">
        <v>792</v>
      </c>
      <c r="N6" s="12" t="s">
        <v>792</v>
      </c>
      <c r="O6" s="12" t="s">
        <v>792</v>
      </c>
      <c r="P6" s="12" t="s">
        <v>792</v>
      </c>
      <c r="Q6" s="12" t="s">
        <v>792</v>
      </c>
      <c r="R6" s="12" t="s">
        <v>792</v>
      </c>
      <c r="S6" s="12" t="s">
        <v>792</v>
      </c>
      <c r="T6" s="12" t="s">
        <v>792</v>
      </c>
      <c r="U6" s="12" t="s">
        <v>792</v>
      </c>
    </row>
    <row r="7" spans="1:21" s="11" customFormat="1">
      <c r="E7" s="12">
        <v>1</v>
      </c>
      <c r="F7" s="12">
        <v>1</v>
      </c>
      <c r="G7" s="12">
        <v>2</v>
      </c>
      <c r="H7" s="12">
        <v>2</v>
      </c>
      <c r="I7" s="12">
        <v>2</v>
      </c>
      <c r="J7" s="12">
        <v>2</v>
      </c>
      <c r="K7" s="12">
        <v>2</v>
      </c>
      <c r="L7" s="12">
        <v>2</v>
      </c>
      <c r="M7" s="12">
        <v>2</v>
      </c>
      <c r="N7" s="12">
        <v>2</v>
      </c>
      <c r="O7" s="12">
        <v>2</v>
      </c>
      <c r="P7" s="12">
        <v>2</v>
      </c>
      <c r="Q7" s="12">
        <v>2</v>
      </c>
      <c r="R7" s="12">
        <v>2</v>
      </c>
      <c r="S7" s="12">
        <v>2</v>
      </c>
      <c r="T7" s="12">
        <v>1</v>
      </c>
      <c r="U7" s="12">
        <v>1</v>
      </c>
    </row>
    <row r="8" spans="1:21" s="11" customFormat="1" ht="36">
      <c r="E8" s="12" t="s">
        <v>214</v>
      </c>
      <c r="F8" s="12" t="s">
        <v>793</v>
      </c>
      <c r="G8" s="12" t="s">
        <v>794</v>
      </c>
      <c r="H8" s="12" t="s">
        <v>795</v>
      </c>
      <c r="I8" s="12" t="s">
        <v>796</v>
      </c>
      <c r="J8" s="12" t="s">
        <v>797</v>
      </c>
      <c r="K8" s="12" t="s">
        <v>798</v>
      </c>
      <c r="L8" s="12" t="s">
        <v>799</v>
      </c>
      <c r="M8" s="12" t="s">
        <v>800</v>
      </c>
      <c r="N8" s="12" t="s">
        <v>801</v>
      </c>
      <c r="O8" s="12" t="s">
        <v>802</v>
      </c>
      <c r="P8" s="12" t="s">
        <v>803</v>
      </c>
      <c r="Q8" s="12" t="s">
        <v>804</v>
      </c>
      <c r="R8" s="12" t="s">
        <v>805</v>
      </c>
      <c r="S8" s="12" t="s">
        <v>806</v>
      </c>
      <c r="T8" s="12" t="s">
        <v>807</v>
      </c>
      <c r="U8" s="12" t="s">
        <v>808</v>
      </c>
    </row>
    <row r="9" spans="1:21" s="11" customFormat="1">
      <c r="E9" s="13" t="s">
        <v>219</v>
      </c>
      <c r="F9" s="13" t="s">
        <v>219</v>
      </c>
      <c r="G9" s="13" t="s">
        <v>219</v>
      </c>
      <c r="H9" s="13" t="s">
        <v>219</v>
      </c>
      <c r="I9" s="13" t="s">
        <v>219</v>
      </c>
      <c r="J9" s="13" t="s">
        <v>219</v>
      </c>
      <c r="K9" s="13" t="s">
        <v>219</v>
      </c>
      <c r="L9" s="13" t="s">
        <v>219</v>
      </c>
      <c r="M9" s="13" t="s">
        <v>219</v>
      </c>
      <c r="N9" s="13" t="s">
        <v>219</v>
      </c>
      <c r="O9" s="13" t="s">
        <v>219</v>
      </c>
      <c r="P9" s="13" t="s">
        <v>219</v>
      </c>
      <c r="Q9" s="13" t="s">
        <v>219</v>
      </c>
      <c r="R9" s="13" t="s">
        <v>219</v>
      </c>
      <c r="S9" s="13" t="s">
        <v>219</v>
      </c>
      <c r="T9" s="13" t="s">
        <v>219</v>
      </c>
      <c r="U9" s="13" t="s">
        <v>219</v>
      </c>
    </row>
    <row r="10" spans="1:21" s="11" customFormat="1">
      <c r="A10" s="14" t="s">
        <v>212</v>
      </c>
      <c r="B10" s="14" t="s">
        <v>224</v>
      </c>
      <c r="C10" s="14" t="s">
        <v>259</v>
      </c>
      <c r="D10" s="14" t="s">
        <v>230</v>
      </c>
      <c r="E10" s="14" t="s">
        <v>231</v>
      </c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</row>
    <row r="11" spans="1:21">
      <c r="A11" s="15" t="s">
        <v>214</v>
      </c>
      <c r="B11" s="15" t="s">
        <v>232</v>
      </c>
      <c r="C11" s="15" t="s">
        <v>233</v>
      </c>
      <c r="D11" s="15" t="s">
        <v>262</v>
      </c>
      <c r="E11" s="16">
        <v>126146099</v>
      </c>
      <c r="F11" s="16">
        <v>2402460</v>
      </c>
      <c r="G11" s="16">
        <v>374593</v>
      </c>
      <c r="H11" s="16">
        <v>667475</v>
      </c>
      <c r="I11" s="16">
        <v>230351</v>
      </c>
      <c r="J11" s="16">
        <v>42702</v>
      </c>
      <c r="K11" s="16">
        <v>49147</v>
      </c>
      <c r="L11" s="16">
        <v>320805</v>
      </c>
      <c r="M11" s="16">
        <v>27915</v>
      </c>
      <c r="N11" s="16">
        <v>67325</v>
      </c>
      <c r="O11" s="16">
        <v>13590</v>
      </c>
      <c r="P11" s="16">
        <v>47875</v>
      </c>
      <c r="Q11" s="16">
        <v>180014</v>
      </c>
      <c r="R11" s="16">
        <v>41034</v>
      </c>
      <c r="S11" s="16">
        <v>339634</v>
      </c>
      <c r="T11" s="16">
        <v>121541155</v>
      </c>
      <c r="U11" s="16">
        <v>2202484</v>
      </c>
    </row>
    <row r="12" spans="1:21">
      <c r="A12" s="21" t="s">
        <v>214</v>
      </c>
      <c r="B12" s="21" t="s">
        <v>232</v>
      </c>
      <c r="C12" s="21" t="s">
        <v>237</v>
      </c>
      <c r="D12" s="21" t="s">
        <v>264</v>
      </c>
      <c r="E12" s="16">
        <v>1738301</v>
      </c>
      <c r="F12" s="16">
        <v>14591</v>
      </c>
      <c r="G12" s="16">
        <v>743</v>
      </c>
      <c r="H12" s="16">
        <v>2881</v>
      </c>
      <c r="I12" s="16">
        <v>2127</v>
      </c>
      <c r="J12" s="16">
        <v>183</v>
      </c>
      <c r="K12" s="16">
        <v>488</v>
      </c>
      <c r="L12" s="16">
        <v>4944</v>
      </c>
      <c r="M12" s="16">
        <v>47</v>
      </c>
      <c r="N12" s="16">
        <v>342</v>
      </c>
      <c r="O12" s="16">
        <v>83</v>
      </c>
      <c r="P12" s="16">
        <v>281</v>
      </c>
      <c r="Q12" s="16">
        <v>44</v>
      </c>
      <c r="R12" s="16">
        <v>6</v>
      </c>
      <c r="S12" s="16">
        <v>2422</v>
      </c>
      <c r="T12" s="16">
        <v>1705205</v>
      </c>
      <c r="U12" s="16">
        <v>18505</v>
      </c>
    </row>
    <row r="13" spans="1:21">
      <c r="A13" s="21" t="s">
        <v>214</v>
      </c>
      <c r="B13" s="21" t="s">
        <v>240</v>
      </c>
      <c r="C13" s="21" t="s">
        <v>237</v>
      </c>
      <c r="D13" s="21" t="s">
        <v>265</v>
      </c>
      <c r="E13" s="16">
        <v>123067</v>
      </c>
      <c r="F13" s="16">
        <v>2036</v>
      </c>
      <c r="G13" s="16">
        <v>35</v>
      </c>
      <c r="H13" s="16">
        <v>363</v>
      </c>
      <c r="I13" s="16">
        <v>513</v>
      </c>
      <c r="J13" s="16">
        <v>26</v>
      </c>
      <c r="K13" s="16">
        <v>27</v>
      </c>
      <c r="L13" s="16">
        <v>886</v>
      </c>
      <c r="M13" s="16">
        <v>3</v>
      </c>
      <c r="N13" s="16">
        <v>8</v>
      </c>
      <c r="O13" s="16">
        <v>1</v>
      </c>
      <c r="P13" s="16">
        <v>13</v>
      </c>
      <c r="Q13" s="16">
        <v>5</v>
      </c>
      <c r="R13" s="22" t="s">
        <v>268</v>
      </c>
      <c r="S13" s="16">
        <v>156</v>
      </c>
      <c r="T13" s="16">
        <v>120072</v>
      </c>
      <c r="U13" s="16">
        <v>959</v>
      </c>
    </row>
    <row r="14" spans="1:21">
      <c r="A14" s="21" t="s">
        <v>215</v>
      </c>
      <c r="B14" s="21" t="s">
        <v>232</v>
      </c>
      <c r="C14" s="21" t="s">
        <v>233</v>
      </c>
      <c r="D14" s="21" t="s">
        <v>262</v>
      </c>
      <c r="E14" s="16">
        <v>61349581</v>
      </c>
      <c r="F14" s="16">
        <v>1163806</v>
      </c>
      <c r="G14" s="16">
        <v>172515</v>
      </c>
      <c r="H14" s="16">
        <v>290994</v>
      </c>
      <c r="I14" s="16">
        <v>67887</v>
      </c>
      <c r="J14" s="16">
        <v>11424</v>
      </c>
      <c r="K14" s="16">
        <v>32405</v>
      </c>
      <c r="L14" s="16">
        <v>174095</v>
      </c>
      <c r="M14" s="16">
        <v>18366</v>
      </c>
      <c r="N14" s="16">
        <v>38461</v>
      </c>
      <c r="O14" s="16">
        <v>10422</v>
      </c>
      <c r="P14" s="16">
        <v>32829</v>
      </c>
      <c r="Q14" s="16">
        <v>96506</v>
      </c>
      <c r="R14" s="16">
        <v>21392</v>
      </c>
      <c r="S14" s="16">
        <v>196510</v>
      </c>
      <c r="T14" s="16">
        <v>59075539</v>
      </c>
      <c r="U14" s="16">
        <v>1110236</v>
      </c>
    </row>
    <row r="15" spans="1:21">
      <c r="A15" s="21" t="s">
        <v>215</v>
      </c>
      <c r="B15" s="21" t="s">
        <v>232</v>
      </c>
      <c r="C15" s="21" t="s">
        <v>237</v>
      </c>
      <c r="D15" s="21" t="s">
        <v>264</v>
      </c>
      <c r="E15" s="16">
        <v>822481</v>
      </c>
      <c r="F15" s="16">
        <v>6190</v>
      </c>
      <c r="G15" s="16">
        <v>360</v>
      </c>
      <c r="H15" s="16">
        <v>968</v>
      </c>
      <c r="I15" s="16">
        <v>512</v>
      </c>
      <c r="J15" s="16">
        <v>73</v>
      </c>
      <c r="K15" s="16">
        <v>335</v>
      </c>
      <c r="L15" s="16">
        <v>2142</v>
      </c>
      <c r="M15" s="16">
        <v>40</v>
      </c>
      <c r="N15" s="16">
        <v>224</v>
      </c>
      <c r="O15" s="16">
        <v>65</v>
      </c>
      <c r="P15" s="16">
        <v>178</v>
      </c>
      <c r="Q15" s="16">
        <v>17</v>
      </c>
      <c r="R15" s="16">
        <v>4</v>
      </c>
      <c r="S15" s="16">
        <v>1272</v>
      </c>
      <c r="T15" s="16">
        <v>806900</v>
      </c>
      <c r="U15" s="16">
        <v>9391</v>
      </c>
    </row>
    <row r="16" spans="1:21">
      <c r="A16" s="21" t="s">
        <v>215</v>
      </c>
      <c r="B16" s="21" t="s">
        <v>240</v>
      </c>
      <c r="C16" s="21" t="s">
        <v>237</v>
      </c>
      <c r="D16" s="21" t="s">
        <v>265</v>
      </c>
      <c r="E16" s="16">
        <v>57298</v>
      </c>
      <c r="F16" s="16">
        <v>417</v>
      </c>
      <c r="G16" s="16">
        <v>14</v>
      </c>
      <c r="H16" s="16">
        <v>44</v>
      </c>
      <c r="I16" s="16">
        <v>72</v>
      </c>
      <c r="J16" s="16">
        <v>14</v>
      </c>
      <c r="K16" s="16">
        <v>19</v>
      </c>
      <c r="L16" s="16">
        <v>206</v>
      </c>
      <c r="M16" s="16">
        <v>3</v>
      </c>
      <c r="N16" s="16">
        <v>4</v>
      </c>
      <c r="O16" s="22" t="s">
        <v>268</v>
      </c>
      <c r="P16" s="16">
        <v>7</v>
      </c>
      <c r="Q16" s="16">
        <v>4</v>
      </c>
      <c r="R16" s="22" t="s">
        <v>268</v>
      </c>
      <c r="S16" s="16">
        <v>30</v>
      </c>
      <c r="T16" s="16">
        <v>56474</v>
      </c>
      <c r="U16" s="16">
        <v>407</v>
      </c>
    </row>
    <row r="17" spans="1:21">
      <c r="A17" s="21" t="s">
        <v>216</v>
      </c>
      <c r="B17" s="21" t="s">
        <v>232</v>
      </c>
      <c r="C17" s="21" t="s">
        <v>233</v>
      </c>
      <c r="D17" s="21" t="s">
        <v>262</v>
      </c>
      <c r="E17" s="16">
        <v>64796518</v>
      </c>
      <c r="F17" s="16">
        <v>1238654</v>
      </c>
      <c r="G17" s="16">
        <v>202078</v>
      </c>
      <c r="H17" s="16">
        <v>376481</v>
      </c>
      <c r="I17" s="16">
        <v>162464</v>
      </c>
      <c r="J17" s="16">
        <v>31278</v>
      </c>
      <c r="K17" s="16">
        <v>16742</v>
      </c>
      <c r="L17" s="16">
        <v>146710</v>
      </c>
      <c r="M17" s="16">
        <v>9549</v>
      </c>
      <c r="N17" s="16">
        <v>28864</v>
      </c>
      <c r="O17" s="16">
        <v>3168</v>
      </c>
      <c r="P17" s="16">
        <v>15046</v>
      </c>
      <c r="Q17" s="16">
        <v>83508</v>
      </c>
      <c r="R17" s="16">
        <v>19642</v>
      </c>
      <c r="S17" s="16">
        <v>143124</v>
      </c>
      <c r="T17" s="16">
        <v>62465616</v>
      </c>
      <c r="U17" s="16">
        <v>1092248</v>
      </c>
    </row>
    <row r="18" spans="1:21">
      <c r="A18" s="21" t="s">
        <v>216</v>
      </c>
      <c r="B18" s="21" t="s">
        <v>232</v>
      </c>
      <c r="C18" s="21" t="s">
        <v>237</v>
      </c>
      <c r="D18" s="21" t="s">
        <v>264</v>
      </c>
      <c r="E18" s="16">
        <v>915820</v>
      </c>
      <c r="F18" s="16">
        <v>8401</v>
      </c>
      <c r="G18" s="16">
        <v>383</v>
      </c>
      <c r="H18" s="16">
        <v>1913</v>
      </c>
      <c r="I18" s="16">
        <v>1615</v>
      </c>
      <c r="J18" s="16">
        <v>110</v>
      </c>
      <c r="K18" s="16">
        <v>153</v>
      </c>
      <c r="L18" s="16">
        <v>2802</v>
      </c>
      <c r="M18" s="16">
        <v>7</v>
      </c>
      <c r="N18" s="16">
        <v>118</v>
      </c>
      <c r="O18" s="16">
        <v>18</v>
      </c>
      <c r="P18" s="16">
        <v>103</v>
      </c>
      <c r="Q18" s="16">
        <v>27</v>
      </c>
      <c r="R18" s="16">
        <v>2</v>
      </c>
      <c r="S18" s="16">
        <v>1150</v>
      </c>
      <c r="T18" s="16">
        <v>898305</v>
      </c>
      <c r="U18" s="16">
        <v>9114</v>
      </c>
    </row>
    <row r="19" spans="1:21">
      <c r="A19" s="21" t="s">
        <v>216</v>
      </c>
      <c r="B19" s="21" t="s">
        <v>240</v>
      </c>
      <c r="C19" s="21" t="s">
        <v>237</v>
      </c>
      <c r="D19" s="21" t="s">
        <v>265</v>
      </c>
      <c r="E19" s="16">
        <v>65769</v>
      </c>
      <c r="F19" s="16">
        <v>1619</v>
      </c>
      <c r="G19" s="16">
        <v>21</v>
      </c>
      <c r="H19" s="16">
        <v>319</v>
      </c>
      <c r="I19" s="16">
        <v>441</v>
      </c>
      <c r="J19" s="16">
        <v>12</v>
      </c>
      <c r="K19" s="16">
        <v>8</v>
      </c>
      <c r="L19" s="16">
        <v>680</v>
      </c>
      <c r="M19" s="22" t="s">
        <v>268</v>
      </c>
      <c r="N19" s="16">
        <v>4</v>
      </c>
      <c r="O19" s="16">
        <v>1</v>
      </c>
      <c r="P19" s="16">
        <v>6</v>
      </c>
      <c r="Q19" s="16">
        <v>1</v>
      </c>
      <c r="R19" s="22" t="s">
        <v>268</v>
      </c>
      <c r="S19" s="16">
        <v>126</v>
      </c>
      <c r="T19" s="16">
        <v>63598</v>
      </c>
      <c r="U19" s="16">
        <v>552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5" orientation="portrait" r:id="rId1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249998-96F3-4251-AE91-BBB637D1A955}">
  <sheetPr>
    <pageSetUpPr fitToPage="1"/>
  </sheetPr>
  <dimension ref="A1:U20"/>
  <sheetViews>
    <sheetView zoomScaleNormal="100" workbookViewId="0">
      <pane xSplit="4" ySplit="11" topLeftCell="E12" activePane="bottomRight" state="frozen"/>
      <selection pane="topRight" activeCell="R1" sqref="R1"/>
      <selection pane="bottomLeft" activeCell="A21" sqref="A21"/>
      <selection pane="bottomRight" activeCell="A9" sqref="A9"/>
    </sheetView>
  </sheetViews>
  <sheetFormatPr defaultColWidth="12.625" defaultRowHeight="12" outlineLevelRow="1"/>
  <cols>
    <col min="1" max="1" width="12.625" style="20"/>
    <col min="2" max="2" width="2.375" style="20" bestFit="1" customWidth="1"/>
    <col min="3" max="3" width="11.25" style="20" bestFit="1" customWidth="1"/>
    <col min="4" max="16384" width="12.625" style="20"/>
  </cols>
  <sheetData>
    <row r="1" spans="1:21" s="11" customFormat="1">
      <c r="A1" s="11" t="s">
        <v>192</v>
      </c>
    </row>
    <row r="2" spans="1:21" s="11" customFormat="1">
      <c r="A2" s="11" t="s">
        <v>809</v>
      </c>
    </row>
    <row r="3" spans="1:21" s="11" customFormat="1"/>
    <row r="4" spans="1:21" s="11" customFormat="1" outlineLevel="1">
      <c r="A4" s="11" t="s">
        <v>791</v>
      </c>
    </row>
    <row r="5" spans="1:21" s="11" customFormat="1" outlineLevel="1">
      <c r="A5" s="11" t="s">
        <v>612</v>
      </c>
    </row>
    <row r="6" spans="1:21" s="11" customFormat="1">
      <c r="E6" s="12" t="s">
        <v>200</v>
      </c>
      <c r="F6" s="12" t="s">
        <v>200</v>
      </c>
      <c r="G6" s="12" t="s">
        <v>200</v>
      </c>
      <c r="H6" s="12" t="s">
        <v>200</v>
      </c>
      <c r="I6" s="12" t="s">
        <v>200</v>
      </c>
      <c r="J6" s="12" t="s">
        <v>200</v>
      </c>
      <c r="K6" s="12" t="s">
        <v>200</v>
      </c>
      <c r="L6" s="12" t="s">
        <v>200</v>
      </c>
      <c r="M6" s="12" t="s">
        <v>200</v>
      </c>
      <c r="N6" s="12" t="s">
        <v>200</v>
      </c>
      <c r="O6" s="12" t="s">
        <v>200</v>
      </c>
      <c r="P6" s="12" t="s">
        <v>200</v>
      </c>
      <c r="Q6" s="12" t="s">
        <v>200</v>
      </c>
      <c r="R6" s="12" t="s">
        <v>200</v>
      </c>
      <c r="S6" s="12" t="s">
        <v>200</v>
      </c>
      <c r="T6" s="12" t="s">
        <v>200</v>
      </c>
      <c r="U6" s="12" t="s">
        <v>200</v>
      </c>
    </row>
    <row r="7" spans="1:21" s="11" customFormat="1">
      <c r="E7" s="12" t="s">
        <v>792</v>
      </c>
      <c r="F7" s="12" t="s">
        <v>792</v>
      </c>
      <c r="G7" s="12" t="s">
        <v>792</v>
      </c>
      <c r="H7" s="12" t="s">
        <v>792</v>
      </c>
      <c r="I7" s="12" t="s">
        <v>792</v>
      </c>
      <c r="J7" s="12" t="s">
        <v>792</v>
      </c>
      <c r="K7" s="12" t="s">
        <v>792</v>
      </c>
      <c r="L7" s="12" t="s">
        <v>792</v>
      </c>
      <c r="M7" s="12" t="s">
        <v>792</v>
      </c>
      <c r="N7" s="12" t="s">
        <v>792</v>
      </c>
      <c r="O7" s="12" t="s">
        <v>792</v>
      </c>
      <c r="P7" s="12" t="s">
        <v>792</v>
      </c>
      <c r="Q7" s="12" t="s">
        <v>792</v>
      </c>
      <c r="R7" s="12" t="s">
        <v>792</v>
      </c>
      <c r="S7" s="12" t="s">
        <v>792</v>
      </c>
      <c r="T7" s="12" t="s">
        <v>792</v>
      </c>
      <c r="U7" s="12" t="s">
        <v>792</v>
      </c>
    </row>
    <row r="8" spans="1:21" s="11" customFormat="1">
      <c r="E8" s="12">
        <v>1</v>
      </c>
      <c r="F8" s="12">
        <v>1</v>
      </c>
      <c r="G8" s="12">
        <v>2</v>
      </c>
      <c r="H8" s="12">
        <v>2</v>
      </c>
      <c r="I8" s="12">
        <v>2</v>
      </c>
      <c r="J8" s="12">
        <v>2</v>
      </c>
      <c r="K8" s="12">
        <v>2</v>
      </c>
      <c r="L8" s="12">
        <v>2</v>
      </c>
      <c r="M8" s="12">
        <v>2</v>
      </c>
      <c r="N8" s="12">
        <v>2</v>
      </c>
      <c r="O8" s="12">
        <v>2</v>
      </c>
      <c r="P8" s="12">
        <v>2</v>
      </c>
      <c r="Q8" s="12">
        <v>2</v>
      </c>
      <c r="R8" s="12">
        <v>2</v>
      </c>
      <c r="S8" s="12">
        <v>2</v>
      </c>
      <c r="T8" s="12">
        <v>1</v>
      </c>
      <c r="U8" s="12">
        <v>1</v>
      </c>
    </row>
    <row r="9" spans="1:21" s="11" customFormat="1" ht="36">
      <c r="E9" s="12" t="s">
        <v>214</v>
      </c>
      <c r="F9" s="12" t="s">
        <v>793</v>
      </c>
      <c r="G9" s="12" t="s">
        <v>794</v>
      </c>
      <c r="H9" s="12" t="s">
        <v>795</v>
      </c>
      <c r="I9" s="12" t="s">
        <v>796</v>
      </c>
      <c r="J9" s="12" t="s">
        <v>797</v>
      </c>
      <c r="K9" s="12" t="s">
        <v>798</v>
      </c>
      <c r="L9" s="12" t="s">
        <v>799</v>
      </c>
      <c r="M9" s="12" t="s">
        <v>800</v>
      </c>
      <c r="N9" s="12" t="s">
        <v>801</v>
      </c>
      <c r="O9" s="12" t="s">
        <v>802</v>
      </c>
      <c r="P9" s="12" t="s">
        <v>803</v>
      </c>
      <c r="Q9" s="12" t="s">
        <v>804</v>
      </c>
      <c r="R9" s="12" t="s">
        <v>805</v>
      </c>
      <c r="S9" s="12" t="s">
        <v>806</v>
      </c>
      <c r="T9" s="12" t="s">
        <v>807</v>
      </c>
      <c r="U9" s="12" t="s">
        <v>808</v>
      </c>
    </row>
    <row r="10" spans="1:21" s="11" customFormat="1">
      <c r="E10" s="13" t="s">
        <v>219</v>
      </c>
      <c r="F10" s="13" t="s">
        <v>219</v>
      </c>
      <c r="G10" s="13" t="s">
        <v>219</v>
      </c>
      <c r="H10" s="13" t="s">
        <v>219</v>
      </c>
      <c r="I10" s="13" t="s">
        <v>219</v>
      </c>
      <c r="J10" s="13" t="s">
        <v>219</v>
      </c>
      <c r="K10" s="13" t="s">
        <v>219</v>
      </c>
      <c r="L10" s="13" t="s">
        <v>219</v>
      </c>
      <c r="M10" s="13" t="s">
        <v>219</v>
      </c>
      <c r="N10" s="13" t="s">
        <v>219</v>
      </c>
      <c r="O10" s="13" t="s">
        <v>219</v>
      </c>
      <c r="P10" s="13" t="s">
        <v>219</v>
      </c>
      <c r="Q10" s="13" t="s">
        <v>219</v>
      </c>
      <c r="R10" s="13" t="s">
        <v>219</v>
      </c>
      <c r="S10" s="13" t="s">
        <v>219</v>
      </c>
      <c r="T10" s="13" t="s">
        <v>219</v>
      </c>
      <c r="U10" s="13" t="s">
        <v>219</v>
      </c>
    </row>
    <row r="11" spans="1:21" s="11" customFormat="1">
      <c r="A11" s="14" t="s">
        <v>212</v>
      </c>
      <c r="B11" s="14" t="s">
        <v>224</v>
      </c>
      <c r="C11" s="14" t="s">
        <v>259</v>
      </c>
      <c r="D11" s="14" t="s">
        <v>260</v>
      </c>
      <c r="E11" s="14" t="s">
        <v>231</v>
      </c>
      <c r="F11" s="14"/>
      <c r="G11" s="14"/>
      <c r="H11" s="14"/>
      <c r="I11" s="14"/>
      <c r="J11" s="14"/>
      <c r="K11" s="14"/>
      <c r="L11" s="14"/>
      <c r="M11" s="14"/>
      <c r="N11" s="14"/>
      <c r="O11" s="14"/>
      <c r="P11" s="14"/>
      <c r="Q11" s="14"/>
      <c r="R11" s="14"/>
      <c r="S11" s="14"/>
      <c r="T11" s="14"/>
      <c r="U11" s="14"/>
    </row>
    <row r="12" spans="1:21">
      <c r="A12" s="15" t="s">
        <v>214</v>
      </c>
      <c r="B12" s="15" t="s">
        <v>232</v>
      </c>
      <c r="C12" s="15" t="s">
        <v>233</v>
      </c>
      <c r="D12" s="15" t="s">
        <v>262</v>
      </c>
      <c r="E12" s="16">
        <v>88285927</v>
      </c>
      <c r="F12" s="16">
        <v>1927599</v>
      </c>
      <c r="G12" s="16">
        <v>339916</v>
      </c>
      <c r="H12" s="16">
        <v>580393</v>
      </c>
      <c r="I12" s="16">
        <v>166645</v>
      </c>
      <c r="J12" s="16">
        <v>28144</v>
      </c>
      <c r="K12" s="16">
        <v>29854</v>
      </c>
      <c r="L12" s="16">
        <v>209592</v>
      </c>
      <c r="M12" s="16">
        <v>25558</v>
      </c>
      <c r="N12" s="16">
        <v>62363</v>
      </c>
      <c r="O12" s="16">
        <v>11970</v>
      </c>
      <c r="P12" s="16">
        <v>40699</v>
      </c>
      <c r="Q12" s="16">
        <v>120881</v>
      </c>
      <c r="R12" s="16">
        <v>30924</v>
      </c>
      <c r="S12" s="16">
        <v>280660</v>
      </c>
      <c r="T12" s="16">
        <v>84387079</v>
      </c>
      <c r="U12" s="16">
        <v>1971249</v>
      </c>
    </row>
    <row r="13" spans="1:21">
      <c r="A13" s="21" t="s">
        <v>214</v>
      </c>
      <c r="B13" s="21" t="s">
        <v>232</v>
      </c>
      <c r="C13" s="21" t="s">
        <v>237</v>
      </c>
      <c r="D13" s="21" t="s">
        <v>264</v>
      </c>
      <c r="E13" s="16">
        <v>865846</v>
      </c>
      <c r="F13" s="16">
        <v>6557</v>
      </c>
      <c r="G13" s="16">
        <v>492</v>
      </c>
      <c r="H13" s="16">
        <v>1680</v>
      </c>
      <c r="I13" s="16">
        <v>768</v>
      </c>
      <c r="J13" s="16">
        <v>84</v>
      </c>
      <c r="K13" s="16">
        <v>213</v>
      </c>
      <c r="L13" s="16">
        <v>1171</v>
      </c>
      <c r="M13" s="16">
        <v>39</v>
      </c>
      <c r="N13" s="16">
        <v>280</v>
      </c>
      <c r="O13" s="16">
        <v>56</v>
      </c>
      <c r="P13" s="16">
        <v>181</v>
      </c>
      <c r="Q13" s="16">
        <v>27</v>
      </c>
      <c r="R13" s="16">
        <v>3</v>
      </c>
      <c r="S13" s="16">
        <v>1563</v>
      </c>
      <c r="T13" s="16">
        <v>843379</v>
      </c>
      <c r="U13" s="16">
        <v>15910</v>
      </c>
    </row>
    <row r="14" spans="1:21">
      <c r="A14" s="21" t="s">
        <v>214</v>
      </c>
      <c r="B14" s="21" t="s">
        <v>240</v>
      </c>
      <c r="C14" s="21" t="s">
        <v>237</v>
      </c>
      <c r="D14" s="21" t="s">
        <v>265</v>
      </c>
      <c r="E14" s="16">
        <v>54592</v>
      </c>
      <c r="F14" s="16">
        <v>476</v>
      </c>
      <c r="G14" s="16">
        <v>24</v>
      </c>
      <c r="H14" s="16">
        <v>113</v>
      </c>
      <c r="I14" s="16">
        <v>136</v>
      </c>
      <c r="J14" s="16">
        <v>14</v>
      </c>
      <c r="K14" s="16">
        <v>6</v>
      </c>
      <c r="L14" s="16">
        <v>129</v>
      </c>
      <c r="M14" s="16">
        <v>3</v>
      </c>
      <c r="N14" s="16">
        <v>7</v>
      </c>
      <c r="O14" s="22" t="s">
        <v>268</v>
      </c>
      <c r="P14" s="16">
        <v>7</v>
      </c>
      <c r="Q14" s="16">
        <v>4</v>
      </c>
      <c r="R14" s="22" t="s">
        <v>268</v>
      </c>
      <c r="S14" s="16">
        <v>33</v>
      </c>
      <c r="T14" s="16">
        <v>53519</v>
      </c>
      <c r="U14" s="16">
        <v>597</v>
      </c>
    </row>
    <row r="15" spans="1:21">
      <c r="A15" s="21" t="s">
        <v>215</v>
      </c>
      <c r="B15" s="21" t="s">
        <v>232</v>
      </c>
      <c r="C15" s="21" t="s">
        <v>233</v>
      </c>
      <c r="D15" s="21" t="s">
        <v>262</v>
      </c>
      <c r="E15" s="16">
        <v>42973052</v>
      </c>
      <c r="F15" s="16">
        <v>935940</v>
      </c>
      <c r="G15" s="16">
        <v>157395</v>
      </c>
      <c r="H15" s="16">
        <v>258041</v>
      </c>
      <c r="I15" s="16">
        <v>46801</v>
      </c>
      <c r="J15" s="16">
        <v>7068</v>
      </c>
      <c r="K15" s="16">
        <v>18522</v>
      </c>
      <c r="L15" s="16">
        <v>115856</v>
      </c>
      <c r="M15" s="16">
        <v>16459</v>
      </c>
      <c r="N15" s="16">
        <v>35499</v>
      </c>
      <c r="O15" s="16">
        <v>9154</v>
      </c>
      <c r="P15" s="16">
        <v>27919</v>
      </c>
      <c r="Q15" s="16">
        <v>64552</v>
      </c>
      <c r="R15" s="16">
        <v>16099</v>
      </c>
      <c r="S15" s="16">
        <v>162575</v>
      </c>
      <c r="T15" s="16">
        <v>41040166</v>
      </c>
      <c r="U15" s="16">
        <v>996946</v>
      </c>
    </row>
    <row r="16" spans="1:21">
      <c r="A16" s="21" t="s">
        <v>215</v>
      </c>
      <c r="B16" s="21" t="s">
        <v>232</v>
      </c>
      <c r="C16" s="21" t="s">
        <v>237</v>
      </c>
      <c r="D16" s="21" t="s">
        <v>264</v>
      </c>
      <c r="E16" s="16">
        <v>409254</v>
      </c>
      <c r="F16" s="16">
        <v>3113</v>
      </c>
      <c r="G16" s="16">
        <v>246</v>
      </c>
      <c r="H16" s="16">
        <v>669</v>
      </c>
      <c r="I16" s="16">
        <v>130</v>
      </c>
      <c r="J16" s="16">
        <v>22</v>
      </c>
      <c r="K16" s="16">
        <v>137</v>
      </c>
      <c r="L16" s="16">
        <v>602</v>
      </c>
      <c r="M16" s="16">
        <v>32</v>
      </c>
      <c r="N16" s="16">
        <v>175</v>
      </c>
      <c r="O16" s="16">
        <v>45</v>
      </c>
      <c r="P16" s="16">
        <v>117</v>
      </c>
      <c r="Q16" s="16">
        <v>11</v>
      </c>
      <c r="R16" s="16">
        <v>2</v>
      </c>
      <c r="S16" s="16">
        <v>925</v>
      </c>
      <c r="T16" s="16">
        <v>397991</v>
      </c>
      <c r="U16" s="16">
        <v>8150</v>
      </c>
    </row>
    <row r="17" spans="1:21">
      <c r="A17" s="21" t="s">
        <v>215</v>
      </c>
      <c r="B17" s="21" t="s">
        <v>240</v>
      </c>
      <c r="C17" s="21" t="s">
        <v>237</v>
      </c>
      <c r="D17" s="21" t="s">
        <v>265</v>
      </c>
      <c r="E17" s="16">
        <v>25564</v>
      </c>
      <c r="F17" s="16">
        <v>181</v>
      </c>
      <c r="G17" s="16">
        <v>12</v>
      </c>
      <c r="H17" s="16">
        <v>26</v>
      </c>
      <c r="I17" s="16">
        <v>24</v>
      </c>
      <c r="J17" s="16">
        <v>8</v>
      </c>
      <c r="K17" s="16">
        <v>2</v>
      </c>
      <c r="L17" s="16">
        <v>82</v>
      </c>
      <c r="M17" s="16">
        <v>3</v>
      </c>
      <c r="N17" s="16">
        <v>3</v>
      </c>
      <c r="O17" s="22" t="s">
        <v>268</v>
      </c>
      <c r="P17" s="16">
        <v>3</v>
      </c>
      <c r="Q17" s="16">
        <v>4</v>
      </c>
      <c r="R17" s="22" t="s">
        <v>268</v>
      </c>
      <c r="S17" s="16">
        <v>14</v>
      </c>
      <c r="T17" s="16">
        <v>25122</v>
      </c>
      <c r="U17" s="16">
        <v>261</v>
      </c>
    </row>
    <row r="18" spans="1:21">
      <c r="A18" s="21" t="s">
        <v>216</v>
      </c>
      <c r="B18" s="21" t="s">
        <v>232</v>
      </c>
      <c r="C18" s="21" t="s">
        <v>233</v>
      </c>
      <c r="D18" s="21" t="s">
        <v>262</v>
      </c>
      <c r="E18" s="16">
        <v>45312875</v>
      </c>
      <c r="F18" s="16">
        <v>991659</v>
      </c>
      <c r="G18" s="16">
        <v>182521</v>
      </c>
      <c r="H18" s="16">
        <v>322352</v>
      </c>
      <c r="I18" s="16">
        <v>119844</v>
      </c>
      <c r="J18" s="16">
        <v>21076</v>
      </c>
      <c r="K18" s="16">
        <v>11332</v>
      </c>
      <c r="L18" s="16">
        <v>93736</v>
      </c>
      <c r="M18" s="16">
        <v>9099</v>
      </c>
      <c r="N18" s="16">
        <v>26864</v>
      </c>
      <c r="O18" s="16">
        <v>2816</v>
      </c>
      <c r="P18" s="16">
        <v>12780</v>
      </c>
      <c r="Q18" s="16">
        <v>56329</v>
      </c>
      <c r="R18" s="16">
        <v>14825</v>
      </c>
      <c r="S18" s="16">
        <v>118085</v>
      </c>
      <c r="T18" s="16">
        <v>43346913</v>
      </c>
      <c r="U18" s="16">
        <v>974303</v>
      </c>
    </row>
    <row r="19" spans="1:21">
      <c r="A19" s="21" t="s">
        <v>216</v>
      </c>
      <c r="B19" s="21" t="s">
        <v>232</v>
      </c>
      <c r="C19" s="21" t="s">
        <v>237</v>
      </c>
      <c r="D19" s="21" t="s">
        <v>264</v>
      </c>
      <c r="E19" s="16">
        <v>456592</v>
      </c>
      <c r="F19" s="16">
        <v>3444</v>
      </c>
      <c r="G19" s="16">
        <v>246</v>
      </c>
      <c r="H19" s="16">
        <v>1011</v>
      </c>
      <c r="I19" s="16">
        <v>638</v>
      </c>
      <c r="J19" s="16">
        <v>62</v>
      </c>
      <c r="K19" s="16">
        <v>76</v>
      </c>
      <c r="L19" s="16">
        <v>569</v>
      </c>
      <c r="M19" s="16">
        <v>7</v>
      </c>
      <c r="N19" s="16">
        <v>105</v>
      </c>
      <c r="O19" s="16">
        <v>11</v>
      </c>
      <c r="P19" s="16">
        <v>64</v>
      </c>
      <c r="Q19" s="16">
        <v>16</v>
      </c>
      <c r="R19" s="16">
        <v>1</v>
      </c>
      <c r="S19" s="16">
        <v>638</v>
      </c>
      <c r="T19" s="16">
        <v>445388</v>
      </c>
      <c r="U19" s="16">
        <v>7760</v>
      </c>
    </row>
    <row r="20" spans="1:21">
      <c r="A20" s="21" t="s">
        <v>216</v>
      </c>
      <c r="B20" s="21" t="s">
        <v>240</v>
      </c>
      <c r="C20" s="21" t="s">
        <v>237</v>
      </c>
      <c r="D20" s="21" t="s">
        <v>265</v>
      </c>
      <c r="E20" s="16">
        <v>29028</v>
      </c>
      <c r="F20" s="16">
        <v>295</v>
      </c>
      <c r="G20" s="16">
        <v>12</v>
      </c>
      <c r="H20" s="16">
        <v>87</v>
      </c>
      <c r="I20" s="16">
        <v>112</v>
      </c>
      <c r="J20" s="16">
        <v>6</v>
      </c>
      <c r="K20" s="16">
        <v>4</v>
      </c>
      <c r="L20" s="16">
        <v>47</v>
      </c>
      <c r="M20" s="22" t="s">
        <v>268</v>
      </c>
      <c r="N20" s="16">
        <v>4</v>
      </c>
      <c r="O20" s="22" t="s">
        <v>268</v>
      </c>
      <c r="P20" s="16">
        <v>4</v>
      </c>
      <c r="Q20" s="22" t="s">
        <v>268</v>
      </c>
      <c r="R20" s="22" t="s">
        <v>268</v>
      </c>
      <c r="S20" s="16">
        <v>19</v>
      </c>
      <c r="T20" s="16">
        <v>28397</v>
      </c>
      <c r="U20" s="16">
        <v>336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35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26D353-70BE-47A0-88F0-3A212BDC4089}">
  <sheetPr>
    <pageSetUpPr fitToPage="1"/>
  </sheetPr>
  <dimension ref="A1:AE119"/>
  <sheetViews>
    <sheetView zoomScaleNormal="100" workbookViewId="0">
      <pane xSplit="6" ySplit="11" topLeftCell="G12" activePane="bottomRight" state="frozen"/>
      <selection pane="topRight" activeCell="Z1" sqref="Z1"/>
      <selection pane="bottomLeft" activeCell="A21" sqref="A21"/>
      <selection pane="bottomRight" activeCell="B9" sqref="B9"/>
    </sheetView>
  </sheetViews>
  <sheetFormatPr defaultColWidth="12.625" defaultRowHeight="12" outlineLevelRow="1"/>
  <cols>
    <col min="1" max="1" width="2.375" style="20" bestFit="1" customWidth="1"/>
    <col min="2" max="2" width="11.25" style="20" bestFit="1" customWidth="1"/>
    <col min="3" max="3" width="12.625" style="20"/>
    <col min="4" max="4" width="16.25" style="20" customWidth="1"/>
    <col min="5" max="5" width="12.625" style="20"/>
    <col min="6" max="6" width="18" style="20" bestFit="1" customWidth="1"/>
    <col min="7" max="16384" width="12.625" style="20"/>
  </cols>
  <sheetData>
    <row r="1" spans="1:31" s="11" customFormat="1">
      <c r="A1" s="11" t="s">
        <v>192</v>
      </c>
    </row>
    <row r="2" spans="1:31" s="11" customFormat="1">
      <c r="A2" s="11" t="s">
        <v>441</v>
      </c>
    </row>
    <row r="3" spans="1:31" s="11" customFormat="1"/>
    <row r="4" spans="1:31" s="11" customFormat="1" outlineLevel="1">
      <c r="A4" s="11" t="s">
        <v>442</v>
      </c>
    </row>
    <row r="5" spans="1:31" s="11" customFormat="1" outlineLevel="1">
      <c r="A5" s="11" t="s">
        <v>278</v>
      </c>
    </row>
    <row r="6" spans="1:31" s="11" customFormat="1">
      <c r="G6" s="12" t="s">
        <v>200</v>
      </c>
      <c r="H6" s="12" t="s">
        <v>200</v>
      </c>
      <c r="I6" s="12" t="s">
        <v>200</v>
      </c>
      <c r="J6" s="12" t="s">
        <v>200</v>
      </c>
      <c r="K6" s="12" t="s">
        <v>200</v>
      </c>
      <c r="L6" s="12" t="s">
        <v>200</v>
      </c>
      <c r="M6" s="12" t="s">
        <v>200</v>
      </c>
      <c r="N6" s="12" t="s">
        <v>200</v>
      </c>
      <c r="O6" s="12" t="s">
        <v>200</v>
      </c>
      <c r="P6" s="12" t="s">
        <v>200</v>
      </c>
      <c r="Q6" s="12" t="s">
        <v>200</v>
      </c>
      <c r="R6" s="12" t="s">
        <v>200</v>
      </c>
      <c r="S6" s="12" t="s">
        <v>200</v>
      </c>
      <c r="T6" s="12" t="s">
        <v>200</v>
      </c>
      <c r="U6" s="12" t="s">
        <v>200</v>
      </c>
      <c r="V6" s="12" t="s">
        <v>200</v>
      </c>
      <c r="W6" s="12" t="s">
        <v>200</v>
      </c>
      <c r="X6" s="12" t="s">
        <v>200</v>
      </c>
      <c r="Y6" s="12" t="s">
        <v>200</v>
      </c>
      <c r="Z6" s="12" t="s">
        <v>200</v>
      </c>
      <c r="AA6" s="12" t="s">
        <v>200</v>
      </c>
      <c r="AB6" s="12" t="s">
        <v>200</v>
      </c>
      <c r="AC6" s="12" t="s">
        <v>200</v>
      </c>
      <c r="AD6" s="12" t="s">
        <v>200</v>
      </c>
      <c r="AE6" s="12" t="s">
        <v>280</v>
      </c>
    </row>
    <row r="7" spans="1:31" s="11" customFormat="1">
      <c r="G7" s="12" t="s">
        <v>282</v>
      </c>
      <c r="H7" s="12" t="s">
        <v>282</v>
      </c>
      <c r="I7" s="12" t="s">
        <v>282</v>
      </c>
      <c r="J7" s="12" t="s">
        <v>282</v>
      </c>
      <c r="K7" s="12" t="s">
        <v>282</v>
      </c>
      <c r="L7" s="12" t="s">
        <v>282</v>
      </c>
      <c r="M7" s="12" t="s">
        <v>282</v>
      </c>
      <c r="N7" s="12" t="s">
        <v>282</v>
      </c>
      <c r="O7" s="12" t="s">
        <v>282</v>
      </c>
      <c r="P7" s="12" t="s">
        <v>282</v>
      </c>
      <c r="Q7" s="12" t="s">
        <v>282</v>
      </c>
      <c r="R7" s="12" t="s">
        <v>282</v>
      </c>
      <c r="S7" s="12" t="s">
        <v>282</v>
      </c>
      <c r="T7" s="12" t="s">
        <v>282</v>
      </c>
      <c r="U7" s="12" t="s">
        <v>282</v>
      </c>
      <c r="V7" s="12" t="s">
        <v>282</v>
      </c>
      <c r="W7" s="12" t="s">
        <v>282</v>
      </c>
      <c r="X7" s="12" t="s">
        <v>282</v>
      </c>
      <c r="Y7" s="12" t="s">
        <v>282</v>
      </c>
      <c r="Z7" s="12" t="s">
        <v>282</v>
      </c>
      <c r="AA7" s="12" t="s">
        <v>282</v>
      </c>
      <c r="AB7" s="12" t="s">
        <v>282</v>
      </c>
      <c r="AC7" s="12" t="s">
        <v>282</v>
      </c>
      <c r="AD7" s="12" t="s">
        <v>282</v>
      </c>
      <c r="AE7" s="12"/>
    </row>
    <row r="8" spans="1:31" s="11" customFormat="1">
      <c r="G8" s="12">
        <v>1</v>
      </c>
      <c r="H8" s="12">
        <v>1</v>
      </c>
      <c r="I8" s="12">
        <v>1</v>
      </c>
      <c r="J8" s="12">
        <v>1</v>
      </c>
      <c r="K8" s="12">
        <v>1</v>
      </c>
      <c r="L8" s="12">
        <v>1</v>
      </c>
      <c r="M8" s="12">
        <v>1</v>
      </c>
      <c r="N8" s="12">
        <v>1</v>
      </c>
      <c r="O8" s="12">
        <v>1</v>
      </c>
      <c r="P8" s="12">
        <v>1</v>
      </c>
      <c r="Q8" s="12">
        <v>1</v>
      </c>
      <c r="R8" s="12">
        <v>1</v>
      </c>
      <c r="S8" s="12">
        <v>1</v>
      </c>
      <c r="T8" s="12">
        <v>1</v>
      </c>
      <c r="U8" s="12">
        <v>1</v>
      </c>
      <c r="V8" s="12">
        <v>1</v>
      </c>
      <c r="W8" s="12">
        <v>1</v>
      </c>
      <c r="X8" s="12">
        <v>1</v>
      </c>
      <c r="Y8" s="12">
        <v>1</v>
      </c>
      <c r="Z8" s="12">
        <v>1</v>
      </c>
      <c r="AA8" s="12">
        <v>1</v>
      </c>
      <c r="AB8" s="12">
        <v>1</v>
      </c>
      <c r="AC8" s="12">
        <v>1</v>
      </c>
      <c r="AD8" s="12">
        <v>1</v>
      </c>
      <c r="AE8" s="12"/>
    </row>
    <row r="9" spans="1:31" s="11" customFormat="1" ht="24">
      <c r="G9" s="12" t="s">
        <v>401</v>
      </c>
      <c r="H9" s="12" t="s">
        <v>443</v>
      </c>
      <c r="I9" s="12" t="s">
        <v>444</v>
      </c>
      <c r="J9" s="12" t="s">
        <v>445</v>
      </c>
      <c r="K9" s="12" t="s">
        <v>446</v>
      </c>
      <c r="L9" s="12" t="s">
        <v>447</v>
      </c>
      <c r="M9" s="12" t="s">
        <v>448</v>
      </c>
      <c r="N9" s="12" t="s">
        <v>449</v>
      </c>
      <c r="O9" s="12" t="s">
        <v>450</v>
      </c>
      <c r="P9" s="12" t="s">
        <v>451</v>
      </c>
      <c r="Q9" s="12" t="s">
        <v>452</v>
      </c>
      <c r="R9" s="12" t="s">
        <v>453</v>
      </c>
      <c r="S9" s="12" t="s">
        <v>454</v>
      </c>
      <c r="T9" s="12" t="s">
        <v>455</v>
      </c>
      <c r="U9" s="12" t="s">
        <v>456</v>
      </c>
      <c r="V9" s="12" t="s">
        <v>457</v>
      </c>
      <c r="W9" s="12" t="s">
        <v>458</v>
      </c>
      <c r="X9" s="12" t="s">
        <v>459</v>
      </c>
      <c r="Y9" s="12" t="s">
        <v>460</v>
      </c>
      <c r="Z9" s="12" t="s">
        <v>461</v>
      </c>
      <c r="AA9" s="12" t="s">
        <v>462</v>
      </c>
      <c r="AB9" s="12" t="s">
        <v>463</v>
      </c>
      <c r="AC9" s="12" t="s">
        <v>464</v>
      </c>
      <c r="AD9" s="12" t="s">
        <v>431</v>
      </c>
      <c r="AE9" s="12"/>
    </row>
    <row r="10" spans="1:31" s="11" customFormat="1">
      <c r="G10" s="13" t="s">
        <v>219</v>
      </c>
      <c r="H10" s="13" t="s">
        <v>219</v>
      </c>
      <c r="I10" s="13" t="s">
        <v>219</v>
      </c>
      <c r="J10" s="13" t="s">
        <v>219</v>
      </c>
      <c r="K10" s="13" t="s">
        <v>219</v>
      </c>
      <c r="L10" s="13" t="s">
        <v>219</v>
      </c>
      <c r="M10" s="13" t="s">
        <v>219</v>
      </c>
      <c r="N10" s="13" t="s">
        <v>219</v>
      </c>
      <c r="O10" s="13" t="s">
        <v>219</v>
      </c>
      <c r="P10" s="13" t="s">
        <v>219</v>
      </c>
      <c r="Q10" s="13" t="s">
        <v>219</v>
      </c>
      <c r="R10" s="13" t="s">
        <v>219</v>
      </c>
      <c r="S10" s="13" t="s">
        <v>219</v>
      </c>
      <c r="T10" s="13" t="s">
        <v>219</v>
      </c>
      <c r="U10" s="13" t="s">
        <v>219</v>
      </c>
      <c r="V10" s="13" t="s">
        <v>219</v>
      </c>
      <c r="W10" s="13" t="s">
        <v>219</v>
      </c>
      <c r="X10" s="13" t="s">
        <v>219</v>
      </c>
      <c r="Y10" s="13" t="s">
        <v>219</v>
      </c>
      <c r="Z10" s="13" t="s">
        <v>219</v>
      </c>
      <c r="AA10" s="13" t="s">
        <v>219</v>
      </c>
      <c r="AB10" s="13" t="s">
        <v>219</v>
      </c>
      <c r="AC10" s="13" t="s">
        <v>219</v>
      </c>
      <c r="AD10" s="13" t="s">
        <v>219</v>
      </c>
      <c r="AE10" s="13" t="s">
        <v>392</v>
      </c>
    </row>
    <row r="11" spans="1:31" s="11" customFormat="1">
      <c r="A11" s="14" t="s">
        <v>224</v>
      </c>
      <c r="B11" s="14" t="s">
        <v>259</v>
      </c>
      <c r="C11" s="14" t="s">
        <v>230</v>
      </c>
      <c r="D11" s="14" t="s">
        <v>393</v>
      </c>
      <c r="E11" s="14" t="s">
        <v>212</v>
      </c>
      <c r="F11" s="14" t="s">
        <v>465</v>
      </c>
      <c r="G11" s="14" t="s">
        <v>231</v>
      </c>
      <c r="H11" s="14"/>
      <c r="I11" s="14"/>
      <c r="J11" s="14"/>
      <c r="K11" s="14"/>
      <c r="L11" s="14"/>
      <c r="M11" s="14"/>
      <c r="N11" s="14"/>
      <c r="O11" s="14"/>
      <c r="P11" s="14"/>
      <c r="Q11" s="14"/>
      <c r="R11" s="14"/>
      <c r="S11" s="14"/>
      <c r="T11" s="14"/>
      <c r="U11" s="14"/>
      <c r="V11" s="14"/>
      <c r="W11" s="14"/>
      <c r="X11" s="14"/>
      <c r="Y11" s="14"/>
      <c r="Z11" s="14"/>
      <c r="AA11" s="14"/>
      <c r="AB11" s="14"/>
      <c r="AC11" s="14"/>
      <c r="AD11" s="14"/>
      <c r="AE11" s="14"/>
    </row>
    <row r="12" spans="1:31">
      <c r="A12" s="15" t="s">
        <v>232</v>
      </c>
      <c r="B12" s="15" t="s">
        <v>233</v>
      </c>
      <c r="C12" s="15" t="s">
        <v>262</v>
      </c>
      <c r="D12" s="15" t="s">
        <v>394</v>
      </c>
      <c r="E12" s="15" t="s">
        <v>214</v>
      </c>
      <c r="F12" s="15" t="s">
        <v>214</v>
      </c>
      <c r="G12" s="16">
        <v>108258569</v>
      </c>
      <c r="H12" s="16">
        <v>5617440</v>
      </c>
      <c r="I12" s="16">
        <v>5931306</v>
      </c>
      <c r="J12" s="16">
        <v>6031964</v>
      </c>
      <c r="K12" s="16">
        <v>6484594</v>
      </c>
      <c r="L12" s="16">
        <v>7311567</v>
      </c>
      <c r="M12" s="16">
        <v>8291077</v>
      </c>
      <c r="N12" s="16">
        <v>9650293</v>
      </c>
      <c r="O12" s="16">
        <v>8539851</v>
      </c>
      <c r="P12" s="16">
        <v>7767482</v>
      </c>
      <c r="Q12" s="16">
        <v>7297190</v>
      </c>
      <c r="R12" s="16">
        <v>8075268</v>
      </c>
      <c r="S12" s="16">
        <v>9011795</v>
      </c>
      <c r="T12" s="16">
        <v>6930928</v>
      </c>
      <c r="U12" s="16">
        <v>5296728</v>
      </c>
      <c r="V12" s="16">
        <v>3669823</v>
      </c>
      <c r="W12" s="16">
        <v>1779016</v>
      </c>
      <c r="X12" s="16">
        <v>492724</v>
      </c>
      <c r="Y12" s="16">
        <v>79523</v>
      </c>
      <c r="Z12" s="16">
        <v>72922764</v>
      </c>
      <c r="AA12" s="16">
        <v>35335805</v>
      </c>
      <c r="AB12" s="16">
        <v>18248742</v>
      </c>
      <c r="AC12" s="16">
        <v>6021086</v>
      </c>
      <c r="AD12" s="16">
        <v>75380592</v>
      </c>
      <c r="AE12" s="17">
        <v>53.165779999999998</v>
      </c>
    </row>
    <row r="13" spans="1:31">
      <c r="A13" s="21" t="s">
        <v>232</v>
      </c>
      <c r="B13" s="21" t="s">
        <v>233</v>
      </c>
      <c r="C13" s="21" t="s">
        <v>262</v>
      </c>
      <c r="D13" s="21" t="s">
        <v>394</v>
      </c>
      <c r="E13" s="21" t="s">
        <v>214</v>
      </c>
      <c r="F13" s="21" t="s">
        <v>466</v>
      </c>
      <c r="G13" s="16">
        <v>28486643</v>
      </c>
      <c r="H13" s="16">
        <v>5568998</v>
      </c>
      <c r="I13" s="16">
        <v>5207371</v>
      </c>
      <c r="J13" s="16">
        <v>3730227</v>
      </c>
      <c r="K13" s="16">
        <v>2510676</v>
      </c>
      <c r="L13" s="16">
        <v>2020933</v>
      </c>
      <c r="M13" s="16">
        <v>1923980</v>
      </c>
      <c r="N13" s="16">
        <v>2067894</v>
      </c>
      <c r="O13" s="16">
        <v>1610402</v>
      </c>
      <c r="P13" s="16">
        <v>1156000</v>
      </c>
      <c r="Q13" s="16">
        <v>821473</v>
      </c>
      <c r="R13" s="16">
        <v>704138</v>
      </c>
      <c r="S13" s="16">
        <v>562725</v>
      </c>
      <c r="T13" s="16">
        <v>278554</v>
      </c>
      <c r="U13" s="16">
        <v>159278</v>
      </c>
      <c r="V13" s="16">
        <v>100254</v>
      </c>
      <c r="W13" s="16">
        <v>49324</v>
      </c>
      <c r="X13" s="16">
        <v>12657</v>
      </c>
      <c r="Y13" s="16">
        <v>1759</v>
      </c>
      <c r="Z13" s="16">
        <v>26617954</v>
      </c>
      <c r="AA13" s="16">
        <v>1868689</v>
      </c>
      <c r="AB13" s="16">
        <v>601826</v>
      </c>
      <c r="AC13" s="16">
        <v>163994</v>
      </c>
      <c r="AD13" s="16">
        <v>21753094</v>
      </c>
      <c r="AE13" s="17">
        <v>34.837800000000001</v>
      </c>
    </row>
    <row r="14" spans="1:31">
      <c r="A14" s="21" t="s">
        <v>232</v>
      </c>
      <c r="B14" s="21" t="s">
        <v>233</v>
      </c>
      <c r="C14" s="21" t="s">
        <v>262</v>
      </c>
      <c r="D14" s="21" t="s">
        <v>394</v>
      </c>
      <c r="E14" s="21" t="s">
        <v>214</v>
      </c>
      <c r="F14" s="21" t="s">
        <v>467</v>
      </c>
      <c r="G14" s="16">
        <v>60468842</v>
      </c>
      <c r="H14" s="16">
        <v>15600</v>
      </c>
      <c r="I14" s="16">
        <v>322747</v>
      </c>
      <c r="J14" s="16">
        <v>1702399</v>
      </c>
      <c r="K14" s="16">
        <v>3386775</v>
      </c>
      <c r="L14" s="16">
        <v>4615042</v>
      </c>
      <c r="M14" s="16">
        <v>5535405</v>
      </c>
      <c r="N14" s="16">
        <v>6444119</v>
      </c>
      <c r="O14" s="16">
        <v>5768587</v>
      </c>
      <c r="P14" s="16">
        <v>5483125</v>
      </c>
      <c r="Q14" s="16">
        <v>5349388</v>
      </c>
      <c r="R14" s="16">
        <v>5934516</v>
      </c>
      <c r="S14" s="16">
        <v>6463632</v>
      </c>
      <c r="T14" s="16">
        <v>4607291</v>
      </c>
      <c r="U14" s="16">
        <v>2944843</v>
      </c>
      <c r="V14" s="16">
        <v>1446735</v>
      </c>
      <c r="W14" s="16">
        <v>397903</v>
      </c>
      <c r="X14" s="16">
        <v>47485</v>
      </c>
      <c r="Y14" s="16">
        <v>3250</v>
      </c>
      <c r="Z14" s="16">
        <v>38623187</v>
      </c>
      <c r="AA14" s="16">
        <v>21845655</v>
      </c>
      <c r="AB14" s="16">
        <v>9447507</v>
      </c>
      <c r="AC14" s="16">
        <v>1895373</v>
      </c>
      <c r="AD14" s="16">
        <v>44542103</v>
      </c>
      <c r="AE14" s="17">
        <v>57.353360000000002</v>
      </c>
    </row>
    <row r="15" spans="1:31">
      <c r="A15" s="21" t="s">
        <v>232</v>
      </c>
      <c r="B15" s="21" t="s">
        <v>233</v>
      </c>
      <c r="C15" s="21" t="s">
        <v>262</v>
      </c>
      <c r="D15" s="21" t="s">
        <v>394</v>
      </c>
      <c r="E15" s="21" t="s">
        <v>214</v>
      </c>
      <c r="F15" s="21" t="s">
        <v>468</v>
      </c>
      <c r="G15" s="16">
        <v>9083208</v>
      </c>
      <c r="H15" s="16">
        <v>379</v>
      </c>
      <c r="I15" s="16">
        <v>1266</v>
      </c>
      <c r="J15" s="16">
        <v>1862</v>
      </c>
      <c r="K15" s="16">
        <v>4254</v>
      </c>
      <c r="L15" s="16">
        <v>11215</v>
      </c>
      <c r="M15" s="16">
        <v>26185</v>
      </c>
      <c r="N15" s="16">
        <v>60839</v>
      </c>
      <c r="O15" s="16">
        <v>103669</v>
      </c>
      <c r="P15" s="16">
        <v>182387</v>
      </c>
      <c r="Q15" s="16">
        <v>314695</v>
      </c>
      <c r="R15" s="16">
        <v>609268</v>
      </c>
      <c r="S15" s="16">
        <v>1118679</v>
      </c>
      <c r="T15" s="16">
        <v>1456362</v>
      </c>
      <c r="U15" s="16">
        <v>1764322</v>
      </c>
      <c r="V15" s="16">
        <v>1813805</v>
      </c>
      <c r="W15" s="16">
        <v>1165782</v>
      </c>
      <c r="X15" s="16">
        <v>382688</v>
      </c>
      <c r="Y15" s="16">
        <v>65551</v>
      </c>
      <c r="Z15" s="16">
        <v>706751</v>
      </c>
      <c r="AA15" s="16">
        <v>8376457</v>
      </c>
      <c r="AB15" s="16">
        <v>6648510</v>
      </c>
      <c r="AC15" s="16">
        <v>3427826</v>
      </c>
      <c r="AD15" s="16">
        <v>1315640</v>
      </c>
      <c r="AE15" s="17">
        <v>80.540229999999994</v>
      </c>
    </row>
    <row r="16" spans="1:31">
      <c r="A16" s="21" t="s">
        <v>232</v>
      </c>
      <c r="B16" s="21" t="s">
        <v>233</v>
      </c>
      <c r="C16" s="21" t="s">
        <v>262</v>
      </c>
      <c r="D16" s="21" t="s">
        <v>394</v>
      </c>
      <c r="E16" s="21" t="s">
        <v>214</v>
      </c>
      <c r="F16" s="21" t="s">
        <v>469</v>
      </c>
      <c r="G16" s="16">
        <v>5601755</v>
      </c>
      <c r="H16" s="16">
        <v>1286</v>
      </c>
      <c r="I16" s="16">
        <v>19869</v>
      </c>
      <c r="J16" s="16">
        <v>79281</v>
      </c>
      <c r="K16" s="16">
        <v>176381</v>
      </c>
      <c r="L16" s="16">
        <v>302088</v>
      </c>
      <c r="M16" s="16">
        <v>453667</v>
      </c>
      <c r="N16" s="16">
        <v>677806</v>
      </c>
      <c r="O16" s="16">
        <v>707680</v>
      </c>
      <c r="P16" s="16">
        <v>679236</v>
      </c>
      <c r="Q16" s="16">
        <v>605176</v>
      </c>
      <c r="R16" s="16">
        <v>610719</v>
      </c>
      <c r="S16" s="16">
        <v>604212</v>
      </c>
      <c r="T16" s="16">
        <v>348864</v>
      </c>
      <c r="U16" s="16">
        <v>191413</v>
      </c>
      <c r="V16" s="16">
        <v>95370</v>
      </c>
      <c r="W16" s="16">
        <v>38034</v>
      </c>
      <c r="X16" s="16">
        <v>9480</v>
      </c>
      <c r="Y16" s="16">
        <v>1193</v>
      </c>
      <c r="Z16" s="16">
        <v>3702470</v>
      </c>
      <c r="AA16" s="16">
        <v>1899285</v>
      </c>
      <c r="AB16" s="16">
        <v>684354</v>
      </c>
      <c r="AC16" s="16">
        <v>144077</v>
      </c>
      <c r="AD16" s="16">
        <v>4311903</v>
      </c>
      <c r="AE16" s="17">
        <v>58.176029999999997</v>
      </c>
    </row>
    <row r="17" spans="1:31">
      <c r="A17" s="21" t="s">
        <v>232</v>
      </c>
      <c r="B17" s="21" t="s">
        <v>233</v>
      </c>
      <c r="C17" s="21" t="s">
        <v>262</v>
      </c>
      <c r="D17" s="21" t="s">
        <v>394</v>
      </c>
      <c r="E17" s="21" t="s">
        <v>214</v>
      </c>
      <c r="F17" s="21" t="s">
        <v>470</v>
      </c>
      <c r="G17" s="16">
        <v>4618121</v>
      </c>
      <c r="H17" s="16">
        <v>31177</v>
      </c>
      <c r="I17" s="16">
        <v>380053</v>
      </c>
      <c r="J17" s="16">
        <v>518195</v>
      </c>
      <c r="K17" s="16">
        <v>406508</v>
      </c>
      <c r="L17" s="16">
        <v>362289</v>
      </c>
      <c r="M17" s="16">
        <v>351840</v>
      </c>
      <c r="N17" s="16">
        <v>399635</v>
      </c>
      <c r="O17" s="16">
        <v>349513</v>
      </c>
      <c r="P17" s="16">
        <v>266734</v>
      </c>
      <c r="Q17" s="16">
        <v>206458</v>
      </c>
      <c r="R17" s="16">
        <v>216627</v>
      </c>
      <c r="S17" s="16">
        <v>262547</v>
      </c>
      <c r="T17" s="16">
        <v>239857</v>
      </c>
      <c r="U17" s="16">
        <v>236872</v>
      </c>
      <c r="V17" s="16">
        <v>213659</v>
      </c>
      <c r="W17" s="16">
        <v>127973</v>
      </c>
      <c r="X17" s="16">
        <v>40414</v>
      </c>
      <c r="Y17" s="16">
        <v>7770</v>
      </c>
      <c r="Z17" s="16">
        <v>3272402</v>
      </c>
      <c r="AA17" s="16">
        <v>1345719</v>
      </c>
      <c r="AB17" s="16">
        <v>866545</v>
      </c>
      <c r="AC17" s="16">
        <v>389816</v>
      </c>
      <c r="AD17" s="16">
        <v>3457852</v>
      </c>
      <c r="AE17" s="17">
        <v>51.470410000000001</v>
      </c>
    </row>
    <row r="18" spans="1:31">
      <c r="A18" s="21" t="s">
        <v>232</v>
      </c>
      <c r="B18" s="21" t="s">
        <v>233</v>
      </c>
      <c r="C18" s="21" t="s">
        <v>262</v>
      </c>
      <c r="D18" s="21" t="s">
        <v>394</v>
      </c>
      <c r="E18" s="21" t="s">
        <v>215</v>
      </c>
      <c r="F18" s="21" t="s">
        <v>214</v>
      </c>
      <c r="G18" s="16">
        <v>52098467</v>
      </c>
      <c r="H18" s="16">
        <v>2880029</v>
      </c>
      <c r="I18" s="16">
        <v>3017869</v>
      </c>
      <c r="J18" s="16">
        <v>3074087</v>
      </c>
      <c r="K18" s="16">
        <v>3297031</v>
      </c>
      <c r="L18" s="16">
        <v>3696855</v>
      </c>
      <c r="M18" s="16">
        <v>4189446</v>
      </c>
      <c r="N18" s="16">
        <v>4862990</v>
      </c>
      <c r="O18" s="16">
        <v>4277003</v>
      </c>
      <c r="P18" s="16">
        <v>3865303</v>
      </c>
      <c r="Q18" s="16">
        <v>3592903</v>
      </c>
      <c r="R18" s="16">
        <v>3910060</v>
      </c>
      <c r="S18" s="16">
        <v>4249286</v>
      </c>
      <c r="T18" s="16">
        <v>3092860</v>
      </c>
      <c r="U18" s="16">
        <v>2196093</v>
      </c>
      <c r="V18" s="16">
        <v>1303473</v>
      </c>
      <c r="W18" s="16">
        <v>491303</v>
      </c>
      <c r="X18" s="16">
        <v>92110</v>
      </c>
      <c r="Y18" s="16">
        <v>9766</v>
      </c>
      <c r="Z18" s="16">
        <v>36753516</v>
      </c>
      <c r="AA18" s="16">
        <v>15344951</v>
      </c>
      <c r="AB18" s="16">
        <v>7185605</v>
      </c>
      <c r="AC18" s="16">
        <v>1896652</v>
      </c>
      <c r="AD18" s="16">
        <v>37783547</v>
      </c>
      <c r="AE18" s="17">
        <v>51.628610000000002</v>
      </c>
    </row>
    <row r="19" spans="1:31">
      <c r="A19" s="21" t="s">
        <v>232</v>
      </c>
      <c r="B19" s="21" t="s">
        <v>233</v>
      </c>
      <c r="C19" s="21" t="s">
        <v>262</v>
      </c>
      <c r="D19" s="21" t="s">
        <v>394</v>
      </c>
      <c r="E19" s="21" t="s">
        <v>215</v>
      </c>
      <c r="F19" s="21" t="s">
        <v>466</v>
      </c>
      <c r="G19" s="16">
        <v>15835922</v>
      </c>
      <c r="H19" s="16">
        <v>2855096</v>
      </c>
      <c r="I19" s="16">
        <v>2669610</v>
      </c>
      <c r="J19" s="16">
        <v>2009359</v>
      </c>
      <c r="K19" s="16">
        <v>1440358</v>
      </c>
      <c r="L19" s="16">
        <v>1197991</v>
      </c>
      <c r="M19" s="16">
        <v>1154540</v>
      </c>
      <c r="N19" s="16">
        <v>1254286</v>
      </c>
      <c r="O19" s="16">
        <v>984378</v>
      </c>
      <c r="P19" s="16">
        <v>725910</v>
      </c>
      <c r="Q19" s="16">
        <v>535989</v>
      </c>
      <c r="R19" s="16">
        <v>465528</v>
      </c>
      <c r="S19" s="16">
        <v>333926</v>
      </c>
      <c r="T19" s="16">
        <v>128977</v>
      </c>
      <c r="U19" s="16">
        <v>53308</v>
      </c>
      <c r="V19" s="16">
        <v>20196</v>
      </c>
      <c r="W19" s="16">
        <v>5491</v>
      </c>
      <c r="X19" s="16">
        <v>826</v>
      </c>
      <c r="Y19" s="16">
        <v>153</v>
      </c>
      <c r="Z19" s="16">
        <v>14827517</v>
      </c>
      <c r="AA19" s="16">
        <v>1008405</v>
      </c>
      <c r="AB19" s="16">
        <v>208951</v>
      </c>
      <c r="AC19" s="16">
        <v>26666</v>
      </c>
      <c r="AD19" s="16">
        <v>12437949</v>
      </c>
      <c r="AE19" s="17">
        <v>35.600740000000002</v>
      </c>
    </row>
    <row r="20" spans="1:31">
      <c r="A20" s="21" t="s">
        <v>232</v>
      </c>
      <c r="B20" s="21" t="s">
        <v>233</v>
      </c>
      <c r="C20" s="21" t="s">
        <v>262</v>
      </c>
      <c r="D20" s="21" t="s">
        <v>394</v>
      </c>
      <c r="E20" s="21" t="s">
        <v>215</v>
      </c>
      <c r="F20" s="21" t="s">
        <v>467</v>
      </c>
      <c r="G20" s="16">
        <v>30137936</v>
      </c>
      <c r="H20" s="16">
        <v>6466</v>
      </c>
      <c r="I20" s="16">
        <v>127206</v>
      </c>
      <c r="J20" s="16">
        <v>723766</v>
      </c>
      <c r="K20" s="16">
        <v>1544254</v>
      </c>
      <c r="L20" s="16">
        <v>2167352</v>
      </c>
      <c r="M20" s="16">
        <v>2654875</v>
      </c>
      <c r="N20" s="16">
        <v>3113037</v>
      </c>
      <c r="O20" s="16">
        <v>2792562</v>
      </c>
      <c r="P20" s="16">
        <v>2668672</v>
      </c>
      <c r="Q20" s="16">
        <v>2613155</v>
      </c>
      <c r="R20" s="16">
        <v>2937986</v>
      </c>
      <c r="S20" s="16">
        <v>3322715</v>
      </c>
      <c r="T20" s="16">
        <v>2489953</v>
      </c>
      <c r="U20" s="16">
        <v>1726193</v>
      </c>
      <c r="V20" s="16">
        <v>931058</v>
      </c>
      <c r="W20" s="16">
        <v>281089</v>
      </c>
      <c r="X20" s="16">
        <v>35384</v>
      </c>
      <c r="Y20" s="16">
        <v>2213</v>
      </c>
      <c r="Z20" s="16">
        <v>18411345</v>
      </c>
      <c r="AA20" s="16">
        <v>11726591</v>
      </c>
      <c r="AB20" s="16">
        <v>5465890</v>
      </c>
      <c r="AC20" s="16">
        <v>1249744</v>
      </c>
      <c r="AD20" s="16">
        <v>21342865</v>
      </c>
      <c r="AE20" s="17">
        <v>58.52514</v>
      </c>
    </row>
    <row r="21" spans="1:31">
      <c r="A21" s="21" t="s">
        <v>232</v>
      </c>
      <c r="B21" s="21" t="s">
        <v>233</v>
      </c>
      <c r="C21" s="21" t="s">
        <v>262</v>
      </c>
      <c r="D21" s="21" t="s">
        <v>394</v>
      </c>
      <c r="E21" s="21" t="s">
        <v>215</v>
      </c>
      <c r="F21" s="21" t="s">
        <v>468</v>
      </c>
      <c r="G21" s="16">
        <v>1574230</v>
      </c>
      <c r="H21" s="16">
        <v>159</v>
      </c>
      <c r="I21" s="16">
        <v>392</v>
      </c>
      <c r="J21" s="16">
        <v>527</v>
      </c>
      <c r="K21" s="16">
        <v>1097</v>
      </c>
      <c r="L21" s="16">
        <v>2997</v>
      </c>
      <c r="M21" s="16">
        <v>6926</v>
      </c>
      <c r="N21" s="16">
        <v>15861</v>
      </c>
      <c r="O21" s="16">
        <v>25082</v>
      </c>
      <c r="P21" s="16">
        <v>41549</v>
      </c>
      <c r="Q21" s="16">
        <v>68929</v>
      </c>
      <c r="R21" s="16">
        <v>130356</v>
      </c>
      <c r="S21" s="16">
        <v>224594</v>
      </c>
      <c r="T21" s="16">
        <v>256495</v>
      </c>
      <c r="U21" s="16">
        <v>286265</v>
      </c>
      <c r="V21" s="16">
        <v>280883</v>
      </c>
      <c r="W21" s="16">
        <v>175742</v>
      </c>
      <c r="X21" s="16">
        <v>49805</v>
      </c>
      <c r="Y21" s="16">
        <v>6571</v>
      </c>
      <c r="Z21" s="16">
        <v>163519</v>
      </c>
      <c r="AA21" s="16">
        <v>1410711</v>
      </c>
      <c r="AB21" s="16">
        <v>1055761</v>
      </c>
      <c r="AC21" s="16">
        <v>513001</v>
      </c>
      <c r="AD21" s="16">
        <v>293716</v>
      </c>
      <c r="AE21" s="17">
        <v>78.885369999999995</v>
      </c>
    </row>
    <row r="22" spans="1:31">
      <c r="A22" s="21" t="s">
        <v>232</v>
      </c>
      <c r="B22" s="21" t="s">
        <v>233</v>
      </c>
      <c r="C22" s="21" t="s">
        <v>262</v>
      </c>
      <c r="D22" s="21" t="s">
        <v>394</v>
      </c>
      <c r="E22" s="21" t="s">
        <v>215</v>
      </c>
      <c r="F22" s="21" t="s">
        <v>469</v>
      </c>
      <c r="G22" s="16">
        <v>2053934</v>
      </c>
      <c r="H22" s="16">
        <v>511</v>
      </c>
      <c r="I22" s="16">
        <v>5746</v>
      </c>
      <c r="J22" s="16">
        <v>23554</v>
      </c>
      <c r="K22" s="16">
        <v>56010</v>
      </c>
      <c r="L22" s="16">
        <v>99709</v>
      </c>
      <c r="M22" s="16">
        <v>155184</v>
      </c>
      <c r="N22" s="16">
        <v>236563</v>
      </c>
      <c r="O22" s="16">
        <v>261447</v>
      </c>
      <c r="P22" s="16">
        <v>265573</v>
      </c>
      <c r="Q22" s="16">
        <v>248918</v>
      </c>
      <c r="R22" s="16">
        <v>249490</v>
      </c>
      <c r="S22" s="16">
        <v>235793</v>
      </c>
      <c r="T22" s="16">
        <v>125024</v>
      </c>
      <c r="U22" s="16">
        <v>61144</v>
      </c>
      <c r="V22" s="16">
        <v>22912</v>
      </c>
      <c r="W22" s="16">
        <v>5486</v>
      </c>
      <c r="X22" s="16">
        <v>788</v>
      </c>
      <c r="Y22" s="16">
        <v>82</v>
      </c>
      <c r="Z22" s="16">
        <v>1353215</v>
      </c>
      <c r="AA22" s="16">
        <v>700719</v>
      </c>
      <c r="AB22" s="16">
        <v>215436</v>
      </c>
      <c r="AC22" s="16">
        <v>29268</v>
      </c>
      <c r="AD22" s="16">
        <v>1602194</v>
      </c>
      <c r="AE22" s="17">
        <v>58.4039</v>
      </c>
    </row>
    <row r="23" spans="1:31">
      <c r="A23" s="21" t="s">
        <v>232</v>
      </c>
      <c r="B23" s="21" t="s">
        <v>233</v>
      </c>
      <c r="C23" s="21" t="s">
        <v>262</v>
      </c>
      <c r="D23" s="21" t="s">
        <v>394</v>
      </c>
      <c r="E23" s="21" t="s">
        <v>215</v>
      </c>
      <c r="F23" s="21" t="s">
        <v>470</v>
      </c>
      <c r="G23" s="16">
        <v>2496445</v>
      </c>
      <c r="H23" s="16">
        <v>17797</v>
      </c>
      <c r="I23" s="16">
        <v>214915</v>
      </c>
      <c r="J23" s="16">
        <v>316881</v>
      </c>
      <c r="K23" s="16">
        <v>255312</v>
      </c>
      <c r="L23" s="16">
        <v>228806</v>
      </c>
      <c r="M23" s="16">
        <v>217921</v>
      </c>
      <c r="N23" s="16">
        <v>243243</v>
      </c>
      <c r="O23" s="16">
        <v>213534</v>
      </c>
      <c r="P23" s="16">
        <v>163599</v>
      </c>
      <c r="Q23" s="16">
        <v>125912</v>
      </c>
      <c r="R23" s="16">
        <v>126700</v>
      </c>
      <c r="S23" s="16">
        <v>132258</v>
      </c>
      <c r="T23" s="16">
        <v>92411</v>
      </c>
      <c r="U23" s="16">
        <v>69183</v>
      </c>
      <c r="V23" s="16">
        <v>48424</v>
      </c>
      <c r="W23" s="16">
        <v>23495</v>
      </c>
      <c r="X23" s="16">
        <v>5307</v>
      </c>
      <c r="Y23" s="16">
        <v>747</v>
      </c>
      <c r="Z23" s="16">
        <v>1997920</v>
      </c>
      <c r="AA23" s="16">
        <v>498525</v>
      </c>
      <c r="AB23" s="16">
        <v>239567</v>
      </c>
      <c r="AC23" s="16">
        <v>77973</v>
      </c>
      <c r="AD23" s="16">
        <v>2106823</v>
      </c>
      <c r="AE23" s="17">
        <v>47.280119999999997</v>
      </c>
    </row>
    <row r="24" spans="1:31">
      <c r="A24" s="21" t="s">
        <v>232</v>
      </c>
      <c r="B24" s="21" t="s">
        <v>233</v>
      </c>
      <c r="C24" s="21" t="s">
        <v>262</v>
      </c>
      <c r="D24" s="21" t="s">
        <v>394</v>
      </c>
      <c r="E24" s="21" t="s">
        <v>216</v>
      </c>
      <c r="F24" s="21" t="s">
        <v>214</v>
      </c>
      <c r="G24" s="16">
        <v>56160102</v>
      </c>
      <c r="H24" s="16">
        <v>2737411</v>
      </c>
      <c r="I24" s="16">
        <v>2913437</v>
      </c>
      <c r="J24" s="16">
        <v>2957877</v>
      </c>
      <c r="K24" s="16">
        <v>3187563</v>
      </c>
      <c r="L24" s="16">
        <v>3614712</v>
      </c>
      <c r="M24" s="16">
        <v>4101631</v>
      </c>
      <c r="N24" s="16">
        <v>4787303</v>
      </c>
      <c r="O24" s="16">
        <v>4262848</v>
      </c>
      <c r="P24" s="16">
        <v>3902179</v>
      </c>
      <c r="Q24" s="16">
        <v>3704287</v>
      </c>
      <c r="R24" s="16">
        <v>4165208</v>
      </c>
      <c r="S24" s="16">
        <v>4762509</v>
      </c>
      <c r="T24" s="16">
        <v>3838068</v>
      </c>
      <c r="U24" s="16">
        <v>3100635</v>
      </c>
      <c r="V24" s="16">
        <v>2366350</v>
      </c>
      <c r="W24" s="16">
        <v>1287713</v>
      </c>
      <c r="X24" s="16">
        <v>400614</v>
      </c>
      <c r="Y24" s="16">
        <v>69757</v>
      </c>
      <c r="Z24" s="16">
        <v>36169248</v>
      </c>
      <c r="AA24" s="16">
        <v>19990854</v>
      </c>
      <c r="AB24" s="16">
        <v>11063137</v>
      </c>
      <c r="AC24" s="16">
        <v>4124434</v>
      </c>
      <c r="AD24" s="16">
        <v>37597045</v>
      </c>
      <c r="AE24" s="17">
        <v>54.591790000000003</v>
      </c>
    </row>
    <row r="25" spans="1:31">
      <c r="A25" s="21" t="s">
        <v>232</v>
      </c>
      <c r="B25" s="21" t="s">
        <v>233</v>
      </c>
      <c r="C25" s="21" t="s">
        <v>262</v>
      </c>
      <c r="D25" s="21" t="s">
        <v>394</v>
      </c>
      <c r="E25" s="21" t="s">
        <v>216</v>
      </c>
      <c r="F25" s="21" t="s">
        <v>466</v>
      </c>
      <c r="G25" s="16">
        <v>12650721</v>
      </c>
      <c r="H25" s="16">
        <v>2713902</v>
      </c>
      <c r="I25" s="16">
        <v>2537761</v>
      </c>
      <c r="J25" s="16">
        <v>1720868</v>
      </c>
      <c r="K25" s="16">
        <v>1070318</v>
      </c>
      <c r="L25" s="16">
        <v>822942</v>
      </c>
      <c r="M25" s="16">
        <v>769440</v>
      </c>
      <c r="N25" s="16">
        <v>813608</v>
      </c>
      <c r="O25" s="16">
        <v>626024</v>
      </c>
      <c r="P25" s="16">
        <v>430090</v>
      </c>
      <c r="Q25" s="16">
        <v>285484</v>
      </c>
      <c r="R25" s="16">
        <v>238610</v>
      </c>
      <c r="S25" s="16">
        <v>228799</v>
      </c>
      <c r="T25" s="16">
        <v>149577</v>
      </c>
      <c r="U25" s="16">
        <v>105970</v>
      </c>
      <c r="V25" s="16">
        <v>80058</v>
      </c>
      <c r="W25" s="16">
        <v>43833</v>
      </c>
      <c r="X25" s="16">
        <v>11831</v>
      </c>
      <c r="Y25" s="16">
        <v>1606</v>
      </c>
      <c r="Z25" s="16">
        <v>11790437</v>
      </c>
      <c r="AA25" s="16">
        <v>860284</v>
      </c>
      <c r="AB25" s="16">
        <v>392875</v>
      </c>
      <c r="AC25" s="16">
        <v>137328</v>
      </c>
      <c r="AD25" s="16">
        <v>9315145</v>
      </c>
      <c r="AE25" s="17">
        <v>33.882770000000001</v>
      </c>
    </row>
    <row r="26" spans="1:31">
      <c r="A26" s="21" t="s">
        <v>232</v>
      </c>
      <c r="B26" s="21" t="s">
        <v>233</v>
      </c>
      <c r="C26" s="21" t="s">
        <v>262</v>
      </c>
      <c r="D26" s="21" t="s">
        <v>394</v>
      </c>
      <c r="E26" s="21" t="s">
        <v>216</v>
      </c>
      <c r="F26" s="21" t="s">
        <v>467</v>
      </c>
      <c r="G26" s="16">
        <v>30330906</v>
      </c>
      <c r="H26" s="16">
        <v>9134</v>
      </c>
      <c r="I26" s="16">
        <v>195541</v>
      </c>
      <c r="J26" s="16">
        <v>978633</v>
      </c>
      <c r="K26" s="16">
        <v>1842521</v>
      </c>
      <c r="L26" s="16">
        <v>2447690</v>
      </c>
      <c r="M26" s="16">
        <v>2880530</v>
      </c>
      <c r="N26" s="16">
        <v>3331082</v>
      </c>
      <c r="O26" s="16">
        <v>2976025</v>
      </c>
      <c r="P26" s="16">
        <v>2814453</v>
      </c>
      <c r="Q26" s="16">
        <v>2736233</v>
      </c>
      <c r="R26" s="16">
        <v>2996530</v>
      </c>
      <c r="S26" s="16">
        <v>3140917</v>
      </c>
      <c r="T26" s="16">
        <v>2117338</v>
      </c>
      <c r="U26" s="16">
        <v>1218650</v>
      </c>
      <c r="V26" s="16">
        <v>515677</v>
      </c>
      <c r="W26" s="16">
        <v>116814</v>
      </c>
      <c r="X26" s="16">
        <v>12101</v>
      </c>
      <c r="Y26" s="16">
        <v>1037</v>
      </c>
      <c r="Z26" s="16">
        <v>20211842</v>
      </c>
      <c r="AA26" s="16">
        <v>10119064</v>
      </c>
      <c r="AB26" s="16">
        <v>3981617</v>
      </c>
      <c r="AC26" s="16">
        <v>645629</v>
      </c>
      <c r="AD26" s="16">
        <v>23199238</v>
      </c>
      <c r="AE26" s="17">
        <v>56.189039999999999</v>
      </c>
    </row>
    <row r="27" spans="1:31">
      <c r="A27" s="21" t="s">
        <v>232</v>
      </c>
      <c r="B27" s="21" t="s">
        <v>233</v>
      </c>
      <c r="C27" s="21" t="s">
        <v>262</v>
      </c>
      <c r="D27" s="21" t="s">
        <v>394</v>
      </c>
      <c r="E27" s="21" t="s">
        <v>216</v>
      </c>
      <c r="F27" s="21" t="s">
        <v>468</v>
      </c>
      <c r="G27" s="16">
        <v>7508978</v>
      </c>
      <c r="H27" s="16">
        <v>220</v>
      </c>
      <c r="I27" s="16">
        <v>874</v>
      </c>
      <c r="J27" s="16">
        <v>1335</v>
      </c>
      <c r="K27" s="16">
        <v>3157</v>
      </c>
      <c r="L27" s="16">
        <v>8218</v>
      </c>
      <c r="M27" s="16">
        <v>19259</v>
      </c>
      <c r="N27" s="16">
        <v>44978</v>
      </c>
      <c r="O27" s="16">
        <v>78587</v>
      </c>
      <c r="P27" s="16">
        <v>140838</v>
      </c>
      <c r="Q27" s="16">
        <v>245766</v>
      </c>
      <c r="R27" s="16">
        <v>478912</v>
      </c>
      <c r="S27" s="16">
        <v>894085</v>
      </c>
      <c r="T27" s="16">
        <v>1199867</v>
      </c>
      <c r="U27" s="16">
        <v>1478057</v>
      </c>
      <c r="V27" s="16">
        <v>1532922</v>
      </c>
      <c r="W27" s="16">
        <v>990040</v>
      </c>
      <c r="X27" s="16">
        <v>332883</v>
      </c>
      <c r="Y27" s="16">
        <v>58980</v>
      </c>
      <c r="Z27" s="16">
        <v>543232</v>
      </c>
      <c r="AA27" s="16">
        <v>6965746</v>
      </c>
      <c r="AB27" s="16">
        <v>5592749</v>
      </c>
      <c r="AC27" s="16">
        <v>2914825</v>
      </c>
      <c r="AD27" s="16">
        <v>1021924</v>
      </c>
      <c r="AE27" s="17">
        <v>80.887169999999998</v>
      </c>
    </row>
    <row r="28" spans="1:31">
      <c r="A28" s="21" t="s">
        <v>232</v>
      </c>
      <c r="B28" s="21" t="s">
        <v>233</v>
      </c>
      <c r="C28" s="21" t="s">
        <v>262</v>
      </c>
      <c r="D28" s="21" t="s">
        <v>394</v>
      </c>
      <c r="E28" s="21" t="s">
        <v>216</v>
      </c>
      <c r="F28" s="21" t="s">
        <v>469</v>
      </c>
      <c r="G28" s="16">
        <v>3547821</v>
      </c>
      <c r="H28" s="16">
        <v>775</v>
      </c>
      <c r="I28" s="16">
        <v>14123</v>
      </c>
      <c r="J28" s="16">
        <v>55727</v>
      </c>
      <c r="K28" s="16">
        <v>120371</v>
      </c>
      <c r="L28" s="16">
        <v>202379</v>
      </c>
      <c r="M28" s="16">
        <v>298483</v>
      </c>
      <c r="N28" s="16">
        <v>441243</v>
      </c>
      <c r="O28" s="16">
        <v>446233</v>
      </c>
      <c r="P28" s="16">
        <v>413663</v>
      </c>
      <c r="Q28" s="16">
        <v>356258</v>
      </c>
      <c r="R28" s="16">
        <v>361229</v>
      </c>
      <c r="S28" s="16">
        <v>368419</v>
      </c>
      <c r="T28" s="16">
        <v>223840</v>
      </c>
      <c r="U28" s="16">
        <v>130269</v>
      </c>
      <c r="V28" s="16">
        <v>72458</v>
      </c>
      <c r="W28" s="16">
        <v>32548</v>
      </c>
      <c r="X28" s="16">
        <v>8692</v>
      </c>
      <c r="Y28" s="16">
        <v>1111</v>
      </c>
      <c r="Z28" s="16">
        <v>2349255</v>
      </c>
      <c r="AA28" s="16">
        <v>1198566</v>
      </c>
      <c r="AB28" s="16">
        <v>468918</v>
      </c>
      <c r="AC28" s="16">
        <v>114809</v>
      </c>
      <c r="AD28" s="16">
        <v>2709709</v>
      </c>
      <c r="AE28" s="17">
        <v>58.044110000000003</v>
      </c>
    </row>
    <row r="29" spans="1:31">
      <c r="A29" s="21" t="s">
        <v>232</v>
      </c>
      <c r="B29" s="21" t="s">
        <v>233</v>
      </c>
      <c r="C29" s="21" t="s">
        <v>262</v>
      </c>
      <c r="D29" s="21" t="s">
        <v>394</v>
      </c>
      <c r="E29" s="21" t="s">
        <v>216</v>
      </c>
      <c r="F29" s="21" t="s">
        <v>470</v>
      </c>
      <c r="G29" s="16">
        <v>2121676</v>
      </c>
      <c r="H29" s="16">
        <v>13380</v>
      </c>
      <c r="I29" s="16">
        <v>165138</v>
      </c>
      <c r="J29" s="16">
        <v>201314</v>
      </c>
      <c r="K29" s="16">
        <v>151196</v>
      </c>
      <c r="L29" s="16">
        <v>133483</v>
      </c>
      <c r="M29" s="16">
        <v>133919</v>
      </c>
      <c r="N29" s="16">
        <v>156392</v>
      </c>
      <c r="O29" s="16">
        <v>135979</v>
      </c>
      <c r="P29" s="16">
        <v>103135</v>
      </c>
      <c r="Q29" s="16">
        <v>80546</v>
      </c>
      <c r="R29" s="16">
        <v>89927</v>
      </c>
      <c r="S29" s="16">
        <v>130289</v>
      </c>
      <c r="T29" s="16">
        <v>147446</v>
      </c>
      <c r="U29" s="16">
        <v>167689</v>
      </c>
      <c r="V29" s="16">
        <v>165235</v>
      </c>
      <c r="W29" s="16">
        <v>104478</v>
      </c>
      <c r="X29" s="16">
        <v>35107</v>
      </c>
      <c r="Y29" s="16">
        <v>7023</v>
      </c>
      <c r="Z29" s="16">
        <v>1274482</v>
      </c>
      <c r="AA29" s="16">
        <v>847194</v>
      </c>
      <c r="AB29" s="16">
        <v>626978</v>
      </c>
      <c r="AC29" s="16">
        <v>311843</v>
      </c>
      <c r="AD29" s="16">
        <v>1351029</v>
      </c>
      <c r="AE29" s="17">
        <v>56.400860000000002</v>
      </c>
    </row>
    <row r="30" spans="1:31">
      <c r="A30" s="21" t="s">
        <v>232</v>
      </c>
      <c r="B30" s="21" t="s">
        <v>233</v>
      </c>
      <c r="C30" s="21" t="s">
        <v>262</v>
      </c>
      <c r="D30" s="21" t="s">
        <v>395</v>
      </c>
      <c r="E30" s="21" t="s">
        <v>214</v>
      </c>
      <c r="F30" s="21" t="s">
        <v>214</v>
      </c>
      <c r="G30" s="16">
        <v>106013327</v>
      </c>
      <c r="H30" s="16">
        <v>5529345</v>
      </c>
      <c r="I30" s="16">
        <v>5592715</v>
      </c>
      <c r="J30" s="16">
        <v>5667309</v>
      </c>
      <c r="K30" s="16">
        <v>6179323</v>
      </c>
      <c r="L30" s="16">
        <v>7069081</v>
      </c>
      <c r="M30" s="16">
        <v>8093834</v>
      </c>
      <c r="N30" s="16">
        <v>9476480</v>
      </c>
      <c r="O30" s="16">
        <v>8385191</v>
      </c>
      <c r="P30" s="16">
        <v>7648608</v>
      </c>
      <c r="Q30" s="16">
        <v>7215153</v>
      </c>
      <c r="R30" s="16">
        <v>8014003</v>
      </c>
      <c r="S30" s="16">
        <v>8965680</v>
      </c>
      <c r="T30" s="16">
        <v>6898696</v>
      </c>
      <c r="U30" s="16">
        <v>5275289</v>
      </c>
      <c r="V30" s="16">
        <v>3657911</v>
      </c>
      <c r="W30" s="16">
        <v>1773894</v>
      </c>
      <c r="X30" s="16">
        <v>491488</v>
      </c>
      <c r="Y30" s="16">
        <v>79327</v>
      </c>
      <c r="Z30" s="16">
        <v>70857039</v>
      </c>
      <c r="AA30" s="16">
        <v>35156288</v>
      </c>
      <c r="AB30" s="16">
        <v>18176605</v>
      </c>
      <c r="AC30" s="16">
        <v>6002620</v>
      </c>
      <c r="AD30" s="16">
        <v>73341697</v>
      </c>
      <c r="AE30" s="17">
        <v>53.459389999999999</v>
      </c>
    </row>
    <row r="31" spans="1:31">
      <c r="A31" s="21" t="s">
        <v>232</v>
      </c>
      <c r="B31" s="21" t="s">
        <v>233</v>
      </c>
      <c r="C31" s="21" t="s">
        <v>262</v>
      </c>
      <c r="D31" s="21" t="s">
        <v>395</v>
      </c>
      <c r="E31" s="21" t="s">
        <v>214</v>
      </c>
      <c r="F31" s="21" t="s">
        <v>466</v>
      </c>
      <c r="G31" s="16">
        <v>27778261</v>
      </c>
      <c r="H31" s="16">
        <v>5488369</v>
      </c>
      <c r="I31" s="16">
        <v>4969399</v>
      </c>
      <c r="J31" s="16">
        <v>3543468</v>
      </c>
      <c r="K31" s="16">
        <v>2429006</v>
      </c>
      <c r="L31" s="16">
        <v>1985526</v>
      </c>
      <c r="M31" s="16">
        <v>1902147</v>
      </c>
      <c r="N31" s="16">
        <v>2049726</v>
      </c>
      <c r="O31" s="16">
        <v>1595527</v>
      </c>
      <c r="P31" s="16">
        <v>1145001</v>
      </c>
      <c r="Q31" s="16">
        <v>813850</v>
      </c>
      <c r="R31" s="16">
        <v>698694</v>
      </c>
      <c r="S31" s="16">
        <v>559148</v>
      </c>
      <c r="T31" s="16">
        <v>276690</v>
      </c>
      <c r="U31" s="16">
        <v>158336</v>
      </c>
      <c r="V31" s="16">
        <v>99868</v>
      </c>
      <c r="W31" s="16">
        <v>49155</v>
      </c>
      <c r="X31" s="16">
        <v>12608</v>
      </c>
      <c r="Y31" s="16">
        <v>1743</v>
      </c>
      <c r="Z31" s="16">
        <v>25922019</v>
      </c>
      <c r="AA31" s="16">
        <v>1856242</v>
      </c>
      <c r="AB31" s="16">
        <v>598400</v>
      </c>
      <c r="AC31" s="16">
        <v>163374</v>
      </c>
      <c r="AD31" s="16">
        <v>21132344</v>
      </c>
      <c r="AE31" s="17">
        <v>34.991329999999998</v>
      </c>
    </row>
    <row r="32" spans="1:31">
      <c r="A32" s="21" t="s">
        <v>232</v>
      </c>
      <c r="B32" s="21" t="s">
        <v>233</v>
      </c>
      <c r="C32" s="21" t="s">
        <v>262</v>
      </c>
      <c r="D32" s="21" t="s">
        <v>395</v>
      </c>
      <c r="E32" s="21" t="s">
        <v>214</v>
      </c>
      <c r="F32" s="21" t="s">
        <v>467</v>
      </c>
      <c r="G32" s="16">
        <v>59390369</v>
      </c>
      <c r="H32" s="16">
        <v>14909</v>
      </c>
      <c r="I32" s="16">
        <v>302185</v>
      </c>
      <c r="J32" s="16">
        <v>1607999</v>
      </c>
      <c r="K32" s="16">
        <v>3216742</v>
      </c>
      <c r="L32" s="16">
        <v>4441876</v>
      </c>
      <c r="M32" s="16">
        <v>5387783</v>
      </c>
      <c r="N32" s="16">
        <v>6316645</v>
      </c>
      <c r="O32" s="16">
        <v>5658341</v>
      </c>
      <c r="P32" s="16">
        <v>5400186</v>
      </c>
      <c r="Q32" s="16">
        <v>5294492</v>
      </c>
      <c r="R32" s="16">
        <v>5895371</v>
      </c>
      <c r="S32" s="16">
        <v>6436420</v>
      </c>
      <c r="T32" s="16">
        <v>4590468</v>
      </c>
      <c r="U32" s="16">
        <v>2935988</v>
      </c>
      <c r="V32" s="16">
        <v>1443433</v>
      </c>
      <c r="W32" s="16">
        <v>396976</v>
      </c>
      <c r="X32" s="16">
        <v>47319</v>
      </c>
      <c r="Y32" s="16">
        <v>3236</v>
      </c>
      <c r="Z32" s="16">
        <v>37641158</v>
      </c>
      <c r="AA32" s="16">
        <v>21749211</v>
      </c>
      <c r="AB32" s="16">
        <v>9417420</v>
      </c>
      <c r="AC32" s="16">
        <v>1890964</v>
      </c>
      <c r="AD32" s="16">
        <v>43521620</v>
      </c>
      <c r="AE32" s="17">
        <v>57.579270000000001</v>
      </c>
    </row>
    <row r="33" spans="1:31">
      <c r="A33" s="21" t="s">
        <v>232</v>
      </c>
      <c r="B33" s="21" t="s">
        <v>233</v>
      </c>
      <c r="C33" s="21" t="s">
        <v>262</v>
      </c>
      <c r="D33" s="21" t="s">
        <v>395</v>
      </c>
      <c r="E33" s="21" t="s">
        <v>214</v>
      </c>
      <c r="F33" s="21" t="s">
        <v>468</v>
      </c>
      <c r="G33" s="16">
        <v>9040440</v>
      </c>
      <c r="H33" s="16">
        <v>362</v>
      </c>
      <c r="I33" s="16">
        <v>1181</v>
      </c>
      <c r="J33" s="16">
        <v>1633</v>
      </c>
      <c r="K33" s="16">
        <v>3902</v>
      </c>
      <c r="L33" s="16">
        <v>10555</v>
      </c>
      <c r="M33" s="16">
        <v>25080</v>
      </c>
      <c r="N33" s="16">
        <v>59014</v>
      </c>
      <c r="O33" s="16">
        <v>100650</v>
      </c>
      <c r="P33" s="16">
        <v>178973</v>
      </c>
      <c r="Q33" s="16">
        <v>311056</v>
      </c>
      <c r="R33" s="16">
        <v>605067</v>
      </c>
      <c r="S33" s="16">
        <v>1113530</v>
      </c>
      <c r="T33" s="16">
        <v>1450298</v>
      </c>
      <c r="U33" s="16">
        <v>1758316</v>
      </c>
      <c r="V33" s="16">
        <v>1809545</v>
      </c>
      <c r="W33" s="16">
        <v>1163808</v>
      </c>
      <c r="X33" s="16">
        <v>382039</v>
      </c>
      <c r="Y33" s="16">
        <v>65431</v>
      </c>
      <c r="Z33" s="16">
        <v>692406</v>
      </c>
      <c r="AA33" s="16">
        <v>8348034</v>
      </c>
      <c r="AB33" s="16">
        <v>6629437</v>
      </c>
      <c r="AC33" s="16">
        <v>3420823</v>
      </c>
      <c r="AD33" s="16">
        <v>1297111</v>
      </c>
      <c r="AE33" s="17">
        <v>80.587919999999997</v>
      </c>
    </row>
    <row r="34" spans="1:31">
      <c r="A34" s="21" t="s">
        <v>232</v>
      </c>
      <c r="B34" s="21" t="s">
        <v>233</v>
      </c>
      <c r="C34" s="21" t="s">
        <v>262</v>
      </c>
      <c r="D34" s="21" t="s">
        <v>395</v>
      </c>
      <c r="E34" s="21" t="s">
        <v>214</v>
      </c>
      <c r="F34" s="21" t="s">
        <v>469</v>
      </c>
      <c r="G34" s="16">
        <v>5524530</v>
      </c>
      <c r="H34" s="16">
        <v>1245</v>
      </c>
      <c r="I34" s="16">
        <v>19208</v>
      </c>
      <c r="J34" s="16">
        <v>76802</v>
      </c>
      <c r="K34" s="16">
        <v>171313</v>
      </c>
      <c r="L34" s="16">
        <v>294779</v>
      </c>
      <c r="M34" s="16">
        <v>445022</v>
      </c>
      <c r="N34" s="16">
        <v>667468</v>
      </c>
      <c r="O34" s="16">
        <v>696562</v>
      </c>
      <c r="P34" s="16">
        <v>670026</v>
      </c>
      <c r="Q34" s="16">
        <v>598059</v>
      </c>
      <c r="R34" s="16">
        <v>604967</v>
      </c>
      <c r="S34" s="16">
        <v>599574</v>
      </c>
      <c r="T34" s="16">
        <v>346081</v>
      </c>
      <c r="U34" s="16">
        <v>190008</v>
      </c>
      <c r="V34" s="16">
        <v>94874</v>
      </c>
      <c r="W34" s="16">
        <v>37895</v>
      </c>
      <c r="X34" s="16">
        <v>9458</v>
      </c>
      <c r="Y34" s="16">
        <v>1189</v>
      </c>
      <c r="Z34" s="16">
        <v>3640484</v>
      </c>
      <c r="AA34" s="16">
        <v>1884046</v>
      </c>
      <c r="AB34" s="16">
        <v>679505</v>
      </c>
      <c r="AC34" s="16">
        <v>143416</v>
      </c>
      <c r="AD34" s="16">
        <v>4244206</v>
      </c>
      <c r="AE34" s="17">
        <v>58.255589999999998</v>
      </c>
    </row>
    <row r="35" spans="1:31">
      <c r="A35" s="21" t="s">
        <v>232</v>
      </c>
      <c r="B35" s="21" t="s">
        <v>233</v>
      </c>
      <c r="C35" s="21" t="s">
        <v>262</v>
      </c>
      <c r="D35" s="21" t="s">
        <v>395</v>
      </c>
      <c r="E35" s="21" t="s">
        <v>214</v>
      </c>
      <c r="F35" s="21" t="s">
        <v>470</v>
      </c>
      <c r="G35" s="16">
        <v>4279727</v>
      </c>
      <c r="H35" s="16">
        <v>24460</v>
      </c>
      <c r="I35" s="16">
        <v>300742</v>
      </c>
      <c r="J35" s="16">
        <v>437407</v>
      </c>
      <c r="K35" s="16">
        <v>358360</v>
      </c>
      <c r="L35" s="16">
        <v>336345</v>
      </c>
      <c r="M35" s="16">
        <v>333802</v>
      </c>
      <c r="N35" s="16">
        <v>383627</v>
      </c>
      <c r="O35" s="16">
        <v>334111</v>
      </c>
      <c r="P35" s="16">
        <v>254422</v>
      </c>
      <c r="Q35" s="16">
        <v>197696</v>
      </c>
      <c r="R35" s="16">
        <v>209904</v>
      </c>
      <c r="S35" s="16">
        <v>257008</v>
      </c>
      <c r="T35" s="16">
        <v>235159</v>
      </c>
      <c r="U35" s="16">
        <v>232641</v>
      </c>
      <c r="V35" s="16">
        <v>210191</v>
      </c>
      <c r="W35" s="16">
        <v>126060</v>
      </c>
      <c r="X35" s="16">
        <v>40064</v>
      </c>
      <c r="Y35" s="16">
        <v>7728</v>
      </c>
      <c r="Z35" s="16">
        <v>2960972</v>
      </c>
      <c r="AA35" s="16">
        <v>1318755</v>
      </c>
      <c r="AB35" s="16">
        <v>851843</v>
      </c>
      <c r="AC35" s="16">
        <v>384043</v>
      </c>
      <c r="AD35" s="16">
        <v>3146416</v>
      </c>
      <c r="AE35" s="17">
        <v>52.660080000000001</v>
      </c>
    </row>
    <row r="36" spans="1:31">
      <c r="A36" s="21" t="s">
        <v>232</v>
      </c>
      <c r="B36" s="21" t="s">
        <v>233</v>
      </c>
      <c r="C36" s="21" t="s">
        <v>262</v>
      </c>
      <c r="D36" s="21" t="s">
        <v>395</v>
      </c>
      <c r="E36" s="21" t="s">
        <v>215</v>
      </c>
      <c r="F36" s="21" t="s">
        <v>214</v>
      </c>
      <c r="G36" s="16">
        <v>51031183</v>
      </c>
      <c r="H36" s="16">
        <v>2835255</v>
      </c>
      <c r="I36" s="16">
        <v>2838832</v>
      </c>
      <c r="J36" s="16">
        <v>2875451</v>
      </c>
      <c r="K36" s="16">
        <v>3138230</v>
      </c>
      <c r="L36" s="16">
        <v>3583229</v>
      </c>
      <c r="M36" s="16">
        <v>4104771</v>
      </c>
      <c r="N36" s="16">
        <v>4792505</v>
      </c>
      <c r="O36" s="16">
        <v>4217400</v>
      </c>
      <c r="P36" s="16">
        <v>3817458</v>
      </c>
      <c r="Q36" s="16">
        <v>3558734</v>
      </c>
      <c r="R36" s="16">
        <v>3883159</v>
      </c>
      <c r="S36" s="16">
        <v>4228188</v>
      </c>
      <c r="T36" s="16">
        <v>3079388</v>
      </c>
      <c r="U36" s="16">
        <v>2187890</v>
      </c>
      <c r="V36" s="16">
        <v>1299513</v>
      </c>
      <c r="W36" s="16">
        <v>489648</v>
      </c>
      <c r="X36" s="16">
        <v>91813</v>
      </c>
      <c r="Y36" s="16">
        <v>9719</v>
      </c>
      <c r="Z36" s="16">
        <v>35761865</v>
      </c>
      <c r="AA36" s="16">
        <v>15269318</v>
      </c>
      <c r="AB36" s="16">
        <v>7157971</v>
      </c>
      <c r="AC36" s="16">
        <v>1890693</v>
      </c>
      <c r="AD36" s="16">
        <v>36809769</v>
      </c>
      <c r="AE36" s="17">
        <v>51.920200000000001</v>
      </c>
    </row>
    <row r="37" spans="1:31">
      <c r="A37" s="21" t="s">
        <v>232</v>
      </c>
      <c r="B37" s="21" t="s">
        <v>233</v>
      </c>
      <c r="C37" s="21" t="s">
        <v>262</v>
      </c>
      <c r="D37" s="21" t="s">
        <v>395</v>
      </c>
      <c r="E37" s="21" t="s">
        <v>215</v>
      </c>
      <c r="F37" s="21" t="s">
        <v>466</v>
      </c>
      <c r="G37" s="16">
        <v>15453238</v>
      </c>
      <c r="H37" s="16">
        <v>2814291</v>
      </c>
      <c r="I37" s="16">
        <v>2545757</v>
      </c>
      <c r="J37" s="16">
        <v>1902906</v>
      </c>
      <c r="K37" s="16">
        <v>1393778</v>
      </c>
      <c r="L37" s="16">
        <v>1178393</v>
      </c>
      <c r="M37" s="16">
        <v>1142805</v>
      </c>
      <c r="N37" s="16">
        <v>1244481</v>
      </c>
      <c r="O37" s="16">
        <v>976667</v>
      </c>
      <c r="P37" s="16">
        <v>720154</v>
      </c>
      <c r="Q37" s="16">
        <v>531932</v>
      </c>
      <c r="R37" s="16">
        <v>462607</v>
      </c>
      <c r="S37" s="16">
        <v>332024</v>
      </c>
      <c r="T37" s="16">
        <v>128118</v>
      </c>
      <c r="U37" s="16">
        <v>52910</v>
      </c>
      <c r="V37" s="16">
        <v>20048</v>
      </c>
      <c r="W37" s="16">
        <v>5413</v>
      </c>
      <c r="X37" s="16">
        <v>808</v>
      </c>
      <c r="Y37" s="16">
        <v>146</v>
      </c>
      <c r="Z37" s="16">
        <v>14451164</v>
      </c>
      <c r="AA37" s="16">
        <v>1002074</v>
      </c>
      <c r="AB37" s="16">
        <v>207443</v>
      </c>
      <c r="AC37" s="16">
        <v>26415</v>
      </c>
      <c r="AD37" s="16">
        <v>12099480</v>
      </c>
      <c r="AE37" s="17">
        <v>35.766489999999997</v>
      </c>
    </row>
    <row r="38" spans="1:31">
      <c r="A38" s="21" t="s">
        <v>232</v>
      </c>
      <c r="B38" s="21" t="s">
        <v>233</v>
      </c>
      <c r="C38" s="21" t="s">
        <v>262</v>
      </c>
      <c r="D38" s="21" t="s">
        <v>395</v>
      </c>
      <c r="E38" s="21" t="s">
        <v>215</v>
      </c>
      <c r="F38" s="21" t="s">
        <v>467</v>
      </c>
      <c r="G38" s="16">
        <v>29674719</v>
      </c>
      <c r="H38" s="16">
        <v>6255</v>
      </c>
      <c r="I38" s="16">
        <v>120517</v>
      </c>
      <c r="J38" s="16">
        <v>683806</v>
      </c>
      <c r="K38" s="16">
        <v>1464193</v>
      </c>
      <c r="L38" s="16">
        <v>2090575</v>
      </c>
      <c r="M38" s="16">
        <v>2593699</v>
      </c>
      <c r="N38" s="16">
        <v>3062770</v>
      </c>
      <c r="O38" s="16">
        <v>2750567</v>
      </c>
      <c r="P38" s="16">
        <v>2635176</v>
      </c>
      <c r="Q38" s="16">
        <v>2589863</v>
      </c>
      <c r="R38" s="16">
        <v>2919994</v>
      </c>
      <c r="S38" s="16">
        <v>3308745</v>
      </c>
      <c r="T38" s="16">
        <v>2480970</v>
      </c>
      <c r="U38" s="16">
        <v>1720888</v>
      </c>
      <c r="V38" s="16">
        <v>928838</v>
      </c>
      <c r="W38" s="16">
        <v>280407</v>
      </c>
      <c r="X38" s="16">
        <v>35253</v>
      </c>
      <c r="Y38" s="16">
        <v>2203</v>
      </c>
      <c r="Z38" s="16">
        <v>17997421</v>
      </c>
      <c r="AA38" s="16">
        <v>11677298</v>
      </c>
      <c r="AB38" s="16">
        <v>5448559</v>
      </c>
      <c r="AC38" s="16">
        <v>1246701</v>
      </c>
      <c r="AD38" s="16">
        <v>20911160</v>
      </c>
      <c r="AE38" s="17">
        <v>58.733170000000001</v>
      </c>
    </row>
    <row r="39" spans="1:31">
      <c r="A39" s="21" t="s">
        <v>232</v>
      </c>
      <c r="B39" s="21" t="s">
        <v>233</v>
      </c>
      <c r="C39" s="21" t="s">
        <v>262</v>
      </c>
      <c r="D39" s="21" t="s">
        <v>395</v>
      </c>
      <c r="E39" s="21" t="s">
        <v>215</v>
      </c>
      <c r="F39" s="21" t="s">
        <v>468</v>
      </c>
      <c r="G39" s="16">
        <v>1568614</v>
      </c>
      <c r="H39" s="16">
        <v>149</v>
      </c>
      <c r="I39" s="16">
        <v>349</v>
      </c>
      <c r="J39" s="16">
        <v>439</v>
      </c>
      <c r="K39" s="16">
        <v>1024</v>
      </c>
      <c r="L39" s="16">
        <v>2920</v>
      </c>
      <c r="M39" s="16">
        <v>6840</v>
      </c>
      <c r="N39" s="16">
        <v>15677</v>
      </c>
      <c r="O39" s="16">
        <v>24848</v>
      </c>
      <c r="P39" s="16">
        <v>41225</v>
      </c>
      <c r="Q39" s="16">
        <v>68522</v>
      </c>
      <c r="R39" s="16">
        <v>129688</v>
      </c>
      <c r="S39" s="16">
        <v>223713</v>
      </c>
      <c r="T39" s="16">
        <v>255617</v>
      </c>
      <c r="U39" s="16">
        <v>285497</v>
      </c>
      <c r="V39" s="16">
        <v>280377</v>
      </c>
      <c r="W39" s="16">
        <v>175453</v>
      </c>
      <c r="X39" s="16">
        <v>49722</v>
      </c>
      <c r="Y39" s="16">
        <v>6554</v>
      </c>
      <c r="Z39" s="16">
        <v>161993</v>
      </c>
      <c r="AA39" s="16">
        <v>1406621</v>
      </c>
      <c r="AB39" s="16">
        <v>1053220</v>
      </c>
      <c r="AC39" s="16">
        <v>512106</v>
      </c>
      <c r="AD39" s="16">
        <v>291532</v>
      </c>
      <c r="AE39" s="17">
        <v>78.913539999999998</v>
      </c>
    </row>
    <row r="40" spans="1:31">
      <c r="A40" s="21" t="s">
        <v>232</v>
      </c>
      <c r="B40" s="21" t="s">
        <v>233</v>
      </c>
      <c r="C40" s="21" t="s">
        <v>262</v>
      </c>
      <c r="D40" s="21" t="s">
        <v>395</v>
      </c>
      <c r="E40" s="21" t="s">
        <v>215</v>
      </c>
      <c r="F40" s="21" t="s">
        <v>469</v>
      </c>
      <c r="G40" s="16">
        <v>2030673</v>
      </c>
      <c r="H40" s="16">
        <v>496</v>
      </c>
      <c r="I40" s="16">
        <v>5533</v>
      </c>
      <c r="J40" s="16">
        <v>22854</v>
      </c>
      <c r="K40" s="16">
        <v>54553</v>
      </c>
      <c r="L40" s="16">
        <v>97859</v>
      </c>
      <c r="M40" s="16">
        <v>153122</v>
      </c>
      <c r="N40" s="16">
        <v>233972</v>
      </c>
      <c r="O40" s="16">
        <v>258628</v>
      </c>
      <c r="P40" s="16">
        <v>262705</v>
      </c>
      <c r="Q40" s="16">
        <v>246307</v>
      </c>
      <c r="R40" s="16">
        <v>247189</v>
      </c>
      <c r="S40" s="16">
        <v>233836</v>
      </c>
      <c r="T40" s="16">
        <v>123936</v>
      </c>
      <c r="U40" s="16">
        <v>60610</v>
      </c>
      <c r="V40" s="16">
        <v>22765</v>
      </c>
      <c r="W40" s="16">
        <v>5443</v>
      </c>
      <c r="X40" s="16">
        <v>784</v>
      </c>
      <c r="Y40" s="16">
        <v>81</v>
      </c>
      <c r="Z40" s="16">
        <v>1336029</v>
      </c>
      <c r="AA40" s="16">
        <v>694644</v>
      </c>
      <c r="AB40" s="16">
        <v>213619</v>
      </c>
      <c r="AC40" s="16">
        <v>29073</v>
      </c>
      <c r="AD40" s="16">
        <v>1582722</v>
      </c>
      <c r="AE40" s="17">
        <v>58.447279999999999</v>
      </c>
    </row>
    <row r="41" spans="1:31">
      <c r="A41" s="21" t="s">
        <v>232</v>
      </c>
      <c r="B41" s="21" t="s">
        <v>233</v>
      </c>
      <c r="C41" s="21" t="s">
        <v>262</v>
      </c>
      <c r="D41" s="21" t="s">
        <v>395</v>
      </c>
      <c r="E41" s="21" t="s">
        <v>215</v>
      </c>
      <c r="F41" s="21" t="s">
        <v>470</v>
      </c>
      <c r="G41" s="16">
        <v>2303939</v>
      </c>
      <c r="H41" s="16">
        <v>14064</v>
      </c>
      <c r="I41" s="16">
        <v>166676</v>
      </c>
      <c r="J41" s="16">
        <v>265446</v>
      </c>
      <c r="K41" s="16">
        <v>224682</v>
      </c>
      <c r="L41" s="16">
        <v>213482</v>
      </c>
      <c r="M41" s="16">
        <v>208305</v>
      </c>
      <c r="N41" s="16">
        <v>235605</v>
      </c>
      <c r="O41" s="16">
        <v>206690</v>
      </c>
      <c r="P41" s="16">
        <v>158198</v>
      </c>
      <c r="Q41" s="16">
        <v>122110</v>
      </c>
      <c r="R41" s="16">
        <v>123681</v>
      </c>
      <c r="S41" s="16">
        <v>129870</v>
      </c>
      <c r="T41" s="16">
        <v>90747</v>
      </c>
      <c r="U41" s="16">
        <v>67985</v>
      </c>
      <c r="V41" s="16">
        <v>47485</v>
      </c>
      <c r="W41" s="16">
        <v>22932</v>
      </c>
      <c r="X41" s="16">
        <v>5246</v>
      </c>
      <c r="Y41" s="16">
        <v>735</v>
      </c>
      <c r="Z41" s="16">
        <v>1815258</v>
      </c>
      <c r="AA41" s="16">
        <v>488681</v>
      </c>
      <c r="AB41" s="16">
        <v>235130</v>
      </c>
      <c r="AC41" s="16">
        <v>76398</v>
      </c>
      <c r="AD41" s="16">
        <v>1924875</v>
      </c>
      <c r="AE41" s="17">
        <v>48.386209999999998</v>
      </c>
    </row>
    <row r="42" spans="1:31">
      <c r="A42" s="21" t="s">
        <v>232</v>
      </c>
      <c r="B42" s="21" t="s">
        <v>233</v>
      </c>
      <c r="C42" s="21" t="s">
        <v>262</v>
      </c>
      <c r="D42" s="21" t="s">
        <v>395</v>
      </c>
      <c r="E42" s="21" t="s">
        <v>216</v>
      </c>
      <c r="F42" s="21" t="s">
        <v>214</v>
      </c>
      <c r="G42" s="16">
        <v>54982144</v>
      </c>
      <c r="H42" s="16">
        <v>2694090</v>
      </c>
      <c r="I42" s="16">
        <v>2753883</v>
      </c>
      <c r="J42" s="16">
        <v>2791858</v>
      </c>
      <c r="K42" s="16">
        <v>3041093</v>
      </c>
      <c r="L42" s="16">
        <v>3485852</v>
      </c>
      <c r="M42" s="16">
        <v>3989063</v>
      </c>
      <c r="N42" s="16">
        <v>4683975</v>
      </c>
      <c r="O42" s="16">
        <v>4167791</v>
      </c>
      <c r="P42" s="16">
        <v>3831150</v>
      </c>
      <c r="Q42" s="16">
        <v>3656419</v>
      </c>
      <c r="R42" s="16">
        <v>4130844</v>
      </c>
      <c r="S42" s="16">
        <v>4737492</v>
      </c>
      <c r="T42" s="16">
        <v>3819308</v>
      </c>
      <c r="U42" s="16">
        <v>3087399</v>
      </c>
      <c r="V42" s="16">
        <v>2358398</v>
      </c>
      <c r="W42" s="16">
        <v>1284246</v>
      </c>
      <c r="X42" s="16">
        <v>399675</v>
      </c>
      <c r="Y42" s="16">
        <v>69608</v>
      </c>
      <c r="Z42" s="16">
        <v>35095174</v>
      </c>
      <c r="AA42" s="16">
        <v>19886970</v>
      </c>
      <c r="AB42" s="16">
        <v>11018634</v>
      </c>
      <c r="AC42" s="16">
        <v>4111927</v>
      </c>
      <c r="AD42" s="16">
        <v>36531928</v>
      </c>
      <c r="AE42" s="17">
        <v>54.887979999999999</v>
      </c>
    </row>
    <row r="43" spans="1:31">
      <c r="A43" s="21" t="s">
        <v>232</v>
      </c>
      <c r="B43" s="21" t="s">
        <v>233</v>
      </c>
      <c r="C43" s="21" t="s">
        <v>262</v>
      </c>
      <c r="D43" s="21" t="s">
        <v>395</v>
      </c>
      <c r="E43" s="21" t="s">
        <v>216</v>
      </c>
      <c r="F43" s="21" t="s">
        <v>466</v>
      </c>
      <c r="G43" s="16">
        <v>12325023</v>
      </c>
      <c r="H43" s="16">
        <v>2674078</v>
      </c>
      <c r="I43" s="16">
        <v>2423642</v>
      </c>
      <c r="J43" s="16">
        <v>1640562</v>
      </c>
      <c r="K43" s="16">
        <v>1035228</v>
      </c>
      <c r="L43" s="16">
        <v>807133</v>
      </c>
      <c r="M43" s="16">
        <v>759342</v>
      </c>
      <c r="N43" s="16">
        <v>805245</v>
      </c>
      <c r="O43" s="16">
        <v>618860</v>
      </c>
      <c r="P43" s="16">
        <v>424847</v>
      </c>
      <c r="Q43" s="16">
        <v>281918</v>
      </c>
      <c r="R43" s="16">
        <v>236087</v>
      </c>
      <c r="S43" s="16">
        <v>227124</v>
      </c>
      <c r="T43" s="16">
        <v>148572</v>
      </c>
      <c r="U43" s="16">
        <v>105426</v>
      </c>
      <c r="V43" s="16">
        <v>79820</v>
      </c>
      <c r="W43" s="16">
        <v>43742</v>
      </c>
      <c r="X43" s="16">
        <v>11800</v>
      </c>
      <c r="Y43" s="16">
        <v>1597</v>
      </c>
      <c r="Z43" s="16">
        <v>11470855</v>
      </c>
      <c r="AA43" s="16">
        <v>854168</v>
      </c>
      <c r="AB43" s="16">
        <v>390957</v>
      </c>
      <c r="AC43" s="16">
        <v>136959</v>
      </c>
      <c r="AD43" s="16">
        <v>9032864</v>
      </c>
      <c r="AE43" s="17">
        <v>34.019419999999997</v>
      </c>
    </row>
    <row r="44" spans="1:31">
      <c r="A44" s="21" t="s">
        <v>232</v>
      </c>
      <c r="B44" s="21" t="s">
        <v>233</v>
      </c>
      <c r="C44" s="21" t="s">
        <v>262</v>
      </c>
      <c r="D44" s="21" t="s">
        <v>395</v>
      </c>
      <c r="E44" s="21" t="s">
        <v>216</v>
      </c>
      <c r="F44" s="21" t="s">
        <v>467</v>
      </c>
      <c r="G44" s="16">
        <v>29715650</v>
      </c>
      <c r="H44" s="16">
        <v>8654</v>
      </c>
      <c r="I44" s="16">
        <v>181668</v>
      </c>
      <c r="J44" s="16">
        <v>924193</v>
      </c>
      <c r="K44" s="16">
        <v>1752549</v>
      </c>
      <c r="L44" s="16">
        <v>2351301</v>
      </c>
      <c r="M44" s="16">
        <v>2794084</v>
      </c>
      <c r="N44" s="16">
        <v>3253875</v>
      </c>
      <c r="O44" s="16">
        <v>2907774</v>
      </c>
      <c r="P44" s="16">
        <v>2765010</v>
      </c>
      <c r="Q44" s="16">
        <v>2704629</v>
      </c>
      <c r="R44" s="16">
        <v>2975377</v>
      </c>
      <c r="S44" s="16">
        <v>3127675</v>
      </c>
      <c r="T44" s="16">
        <v>2109498</v>
      </c>
      <c r="U44" s="16">
        <v>1215100</v>
      </c>
      <c r="V44" s="16">
        <v>514595</v>
      </c>
      <c r="W44" s="16">
        <v>116569</v>
      </c>
      <c r="X44" s="16">
        <v>12066</v>
      </c>
      <c r="Y44" s="16">
        <v>1033</v>
      </c>
      <c r="Z44" s="16">
        <v>19643737</v>
      </c>
      <c r="AA44" s="16">
        <v>10071913</v>
      </c>
      <c r="AB44" s="16">
        <v>3968861</v>
      </c>
      <c r="AC44" s="16">
        <v>644263</v>
      </c>
      <c r="AD44" s="16">
        <v>22610460</v>
      </c>
      <c r="AE44" s="17">
        <v>56.426960000000001</v>
      </c>
    </row>
    <row r="45" spans="1:31">
      <c r="A45" s="21" t="s">
        <v>232</v>
      </c>
      <c r="B45" s="21" t="s">
        <v>233</v>
      </c>
      <c r="C45" s="21" t="s">
        <v>262</v>
      </c>
      <c r="D45" s="21" t="s">
        <v>395</v>
      </c>
      <c r="E45" s="21" t="s">
        <v>216</v>
      </c>
      <c r="F45" s="21" t="s">
        <v>468</v>
      </c>
      <c r="G45" s="16">
        <v>7471826</v>
      </c>
      <c r="H45" s="16">
        <v>213</v>
      </c>
      <c r="I45" s="16">
        <v>832</v>
      </c>
      <c r="J45" s="16">
        <v>1194</v>
      </c>
      <c r="K45" s="16">
        <v>2878</v>
      </c>
      <c r="L45" s="16">
        <v>7635</v>
      </c>
      <c r="M45" s="16">
        <v>18240</v>
      </c>
      <c r="N45" s="16">
        <v>43337</v>
      </c>
      <c r="O45" s="16">
        <v>75802</v>
      </c>
      <c r="P45" s="16">
        <v>137748</v>
      </c>
      <c r="Q45" s="16">
        <v>242534</v>
      </c>
      <c r="R45" s="16">
        <v>475379</v>
      </c>
      <c r="S45" s="16">
        <v>889817</v>
      </c>
      <c r="T45" s="16">
        <v>1194681</v>
      </c>
      <c r="U45" s="16">
        <v>1472819</v>
      </c>
      <c r="V45" s="16">
        <v>1529168</v>
      </c>
      <c r="W45" s="16">
        <v>988355</v>
      </c>
      <c r="X45" s="16">
        <v>332317</v>
      </c>
      <c r="Y45" s="16">
        <v>58877</v>
      </c>
      <c r="Z45" s="16">
        <v>530413</v>
      </c>
      <c r="AA45" s="16">
        <v>6941413</v>
      </c>
      <c r="AB45" s="16">
        <v>5576217</v>
      </c>
      <c r="AC45" s="16">
        <v>2908717</v>
      </c>
      <c r="AD45" s="16">
        <v>1005579</v>
      </c>
      <c r="AE45" s="17">
        <v>80.939440000000005</v>
      </c>
    </row>
    <row r="46" spans="1:31">
      <c r="A46" s="21" t="s">
        <v>232</v>
      </c>
      <c r="B46" s="21" t="s">
        <v>233</v>
      </c>
      <c r="C46" s="21" t="s">
        <v>262</v>
      </c>
      <c r="D46" s="21" t="s">
        <v>395</v>
      </c>
      <c r="E46" s="21" t="s">
        <v>216</v>
      </c>
      <c r="F46" s="21" t="s">
        <v>469</v>
      </c>
      <c r="G46" s="16">
        <v>3493857</v>
      </c>
      <c r="H46" s="16">
        <v>749</v>
      </c>
      <c r="I46" s="16">
        <v>13675</v>
      </c>
      <c r="J46" s="16">
        <v>53948</v>
      </c>
      <c r="K46" s="16">
        <v>116760</v>
      </c>
      <c r="L46" s="16">
        <v>196920</v>
      </c>
      <c r="M46" s="16">
        <v>291900</v>
      </c>
      <c r="N46" s="16">
        <v>433496</v>
      </c>
      <c r="O46" s="16">
        <v>437934</v>
      </c>
      <c r="P46" s="16">
        <v>407321</v>
      </c>
      <c r="Q46" s="16">
        <v>351752</v>
      </c>
      <c r="R46" s="16">
        <v>357778</v>
      </c>
      <c r="S46" s="16">
        <v>365738</v>
      </c>
      <c r="T46" s="16">
        <v>222145</v>
      </c>
      <c r="U46" s="16">
        <v>129398</v>
      </c>
      <c r="V46" s="16">
        <v>72109</v>
      </c>
      <c r="W46" s="16">
        <v>32452</v>
      </c>
      <c r="X46" s="16">
        <v>8674</v>
      </c>
      <c r="Y46" s="16">
        <v>1108</v>
      </c>
      <c r="Z46" s="16">
        <v>2304455</v>
      </c>
      <c r="AA46" s="16">
        <v>1189402</v>
      </c>
      <c r="AB46" s="16">
        <v>465886</v>
      </c>
      <c r="AC46" s="16">
        <v>114343</v>
      </c>
      <c r="AD46" s="16">
        <v>2661484</v>
      </c>
      <c r="AE46" s="17">
        <v>58.144179999999999</v>
      </c>
    </row>
    <row r="47" spans="1:31">
      <c r="A47" s="21" t="s">
        <v>232</v>
      </c>
      <c r="B47" s="21" t="s">
        <v>233</v>
      </c>
      <c r="C47" s="21" t="s">
        <v>262</v>
      </c>
      <c r="D47" s="21" t="s">
        <v>395</v>
      </c>
      <c r="E47" s="21" t="s">
        <v>216</v>
      </c>
      <c r="F47" s="21" t="s">
        <v>470</v>
      </c>
      <c r="G47" s="16">
        <v>1975788</v>
      </c>
      <c r="H47" s="16">
        <v>10396</v>
      </c>
      <c r="I47" s="16">
        <v>134066</v>
      </c>
      <c r="J47" s="16">
        <v>171961</v>
      </c>
      <c r="K47" s="16">
        <v>133678</v>
      </c>
      <c r="L47" s="16">
        <v>122863</v>
      </c>
      <c r="M47" s="16">
        <v>125497</v>
      </c>
      <c r="N47" s="16">
        <v>148022</v>
      </c>
      <c r="O47" s="16">
        <v>127421</v>
      </c>
      <c r="P47" s="16">
        <v>96224</v>
      </c>
      <c r="Q47" s="16">
        <v>75586</v>
      </c>
      <c r="R47" s="16">
        <v>86223</v>
      </c>
      <c r="S47" s="16">
        <v>127138</v>
      </c>
      <c r="T47" s="16">
        <v>144412</v>
      </c>
      <c r="U47" s="16">
        <v>164656</v>
      </c>
      <c r="V47" s="16">
        <v>162706</v>
      </c>
      <c r="W47" s="16">
        <v>103128</v>
      </c>
      <c r="X47" s="16">
        <v>34818</v>
      </c>
      <c r="Y47" s="16">
        <v>6993</v>
      </c>
      <c r="Z47" s="16">
        <v>1145714</v>
      </c>
      <c r="AA47" s="16">
        <v>830074</v>
      </c>
      <c r="AB47" s="16">
        <v>616713</v>
      </c>
      <c r="AC47" s="16">
        <v>307645</v>
      </c>
      <c r="AD47" s="16">
        <v>1221541</v>
      </c>
      <c r="AE47" s="17">
        <v>57.64378</v>
      </c>
    </row>
    <row r="48" spans="1:31">
      <c r="A48" s="21" t="s">
        <v>232</v>
      </c>
      <c r="B48" s="21" t="s">
        <v>237</v>
      </c>
      <c r="C48" s="21" t="s">
        <v>264</v>
      </c>
      <c r="D48" s="21" t="s">
        <v>394</v>
      </c>
      <c r="E48" s="21" t="s">
        <v>214</v>
      </c>
      <c r="F48" s="21" t="s">
        <v>214</v>
      </c>
      <c r="G48" s="16">
        <v>1484736</v>
      </c>
      <c r="H48" s="16">
        <v>79371</v>
      </c>
      <c r="I48" s="16">
        <v>69827</v>
      </c>
      <c r="J48" s="16">
        <v>71763</v>
      </c>
      <c r="K48" s="16">
        <v>83016</v>
      </c>
      <c r="L48" s="16">
        <v>97054</v>
      </c>
      <c r="M48" s="16">
        <v>106373</v>
      </c>
      <c r="N48" s="16">
        <v>112345</v>
      </c>
      <c r="O48" s="16">
        <v>101844</v>
      </c>
      <c r="P48" s="16">
        <v>106541</v>
      </c>
      <c r="Q48" s="16">
        <v>116064</v>
      </c>
      <c r="R48" s="16">
        <v>129764</v>
      </c>
      <c r="S48" s="16">
        <v>128314</v>
      </c>
      <c r="T48" s="16">
        <v>92608</v>
      </c>
      <c r="U48" s="16">
        <v>80999</v>
      </c>
      <c r="V48" s="16">
        <v>63319</v>
      </c>
      <c r="W48" s="16">
        <v>33610</v>
      </c>
      <c r="X48" s="16">
        <v>10215</v>
      </c>
      <c r="Y48" s="16">
        <v>1709</v>
      </c>
      <c r="Z48" s="16">
        <v>944198</v>
      </c>
      <c r="AA48" s="16">
        <v>540538</v>
      </c>
      <c r="AB48" s="16">
        <v>282460</v>
      </c>
      <c r="AC48" s="16">
        <v>108853</v>
      </c>
      <c r="AD48" s="16">
        <v>994591</v>
      </c>
      <c r="AE48" s="17">
        <v>54.929139999999997</v>
      </c>
    </row>
    <row r="49" spans="1:31">
      <c r="A49" s="21" t="s">
        <v>232</v>
      </c>
      <c r="B49" s="21" t="s">
        <v>237</v>
      </c>
      <c r="C49" s="21" t="s">
        <v>264</v>
      </c>
      <c r="D49" s="21" t="s">
        <v>394</v>
      </c>
      <c r="E49" s="21" t="s">
        <v>214</v>
      </c>
      <c r="F49" s="21" t="s">
        <v>466</v>
      </c>
      <c r="G49" s="16">
        <v>367065</v>
      </c>
      <c r="H49" s="16">
        <v>78864</v>
      </c>
      <c r="I49" s="16">
        <v>62014</v>
      </c>
      <c r="J49" s="16">
        <v>43571</v>
      </c>
      <c r="K49" s="16">
        <v>30665</v>
      </c>
      <c r="L49" s="16">
        <v>25970</v>
      </c>
      <c r="M49" s="16">
        <v>23843</v>
      </c>
      <c r="N49" s="16">
        <v>23477</v>
      </c>
      <c r="O49" s="16">
        <v>19142</v>
      </c>
      <c r="P49" s="16">
        <v>15908</v>
      </c>
      <c r="Q49" s="16">
        <v>13451</v>
      </c>
      <c r="R49" s="16">
        <v>11678</v>
      </c>
      <c r="S49" s="16">
        <v>8324</v>
      </c>
      <c r="T49" s="16">
        <v>4129</v>
      </c>
      <c r="U49" s="16">
        <v>2755</v>
      </c>
      <c r="V49" s="16">
        <v>1834</v>
      </c>
      <c r="W49" s="16">
        <v>1041</v>
      </c>
      <c r="X49" s="16">
        <v>362</v>
      </c>
      <c r="Y49" s="16">
        <v>37</v>
      </c>
      <c r="Z49" s="16">
        <v>336905</v>
      </c>
      <c r="AA49" s="16">
        <v>30160</v>
      </c>
      <c r="AB49" s="16">
        <v>10158</v>
      </c>
      <c r="AC49" s="16">
        <v>3274</v>
      </c>
      <c r="AD49" s="16">
        <v>269719</v>
      </c>
      <c r="AE49" s="17">
        <v>35.507959999999997</v>
      </c>
    </row>
    <row r="50" spans="1:31">
      <c r="A50" s="21" t="s">
        <v>232</v>
      </c>
      <c r="B50" s="21" t="s">
        <v>237</v>
      </c>
      <c r="C50" s="21" t="s">
        <v>264</v>
      </c>
      <c r="D50" s="21" t="s">
        <v>394</v>
      </c>
      <c r="E50" s="21" t="s">
        <v>214</v>
      </c>
      <c r="F50" s="21" t="s">
        <v>467</v>
      </c>
      <c r="G50" s="16">
        <v>842520</v>
      </c>
      <c r="H50" s="16">
        <v>247</v>
      </c>
      <c r="I50" s="16">
        <v>5198</v>
      </c>
      <c r="J50" s="16">
        <v>23759</v>
      </c>
      <c r="K50" s="16">
        <v>46418</v>
      </c>
      <c r="L50" s="16">
        <v>62667</v>
      </c>
      <c r="M50" s="16">
        <v>71451</v>
      </c>
      <c r="N50" s="16">
        <v>75000</v>
      </c>
      <c r="O50" s="16">
        <v>68424</v>
      </c>
      <c r="P50" s="16">
        <v>75020</v>
      </c>
      <c r="Q50" s="16">
        <v>84267</v>
      </c>
      <c r="R50" s="16">
        <v>95142</v>
      </c>
      <c r="S50" s="16">
        <v>92577</v>
      </c>
      <c r="T50" s="16">
        <v>62123</v>
      </c>
      <c r="U50" s="16">
        <v>45661</v>
      </c>
      <c r="V50" s="16">
        <v>25680</v>
      </c>
      <c r="W50" s="16">
        <v>7803</v>
      </c>
      <c r="X50" s="16">
        <v>999</v>
      </c>
      <c r="Y50" s="16">
        <v>84</v>
      </c>
      <c r="Z50" s="16">
        <v>512451</v>
      </c>
      <c r="AA50" s="16">
        <v>330069</v>
      </c>
      <c r="AB50" s="16">
        <v>142350</v>
      </c>
      <c r="AC50" s="16">
        <v>34566</v>
      </c>
      <c r="AD50" s="16">
        <v>607346</v>
      </c>
      <c r="AE50" s="17">
        <v>58.380879999999998</v>
      </c>
    </row>
    <row r="51" spans="1:31">
      <c r="A51" s="21" t="s">
        <v>232</v>
      </c>
      <c r="B51" s="21" t="s">
        <v>237</v>
      </c>
      <c r="C51" s="21" t="s">
        <v>264</v>
      </c>
      <c r="D51" s="21" t="s">
        <v>394</v>
      </c>
      <c r="E51" s="21" t="s">
        <v>214</v>
      </c>
      <c r="F51" s="21" t="s">
        <v>468</v>
      </c>
      <c r="G51" s="16">
        <v>144903</v>
      </c>
      <c r="H51" s="16">
        <v>7</v>
      </c>
      <c r="I51" s="16">
        <v>26</v>
      </c>
      <c r="J51" s="16">
        <v>37</v>
      </c>
      <c r="K51" s="16">
        <v>81</v>
      </c>
      <c r="L51" s="16">
        <v>206</v>
      </c>
      <c r="M51" s="16">
        <v>391</v>
      </c>
      <c r="N51" s="16">
        <v>781</v>
      </c>
      <c r="O51" s="16">
        <v>1319</v>
      </c>
      <c r="P51" s="16">
        <v>2531</v>
      </c>
      <c r="Q51" s="16">
        <v>5021</v>
      </c>
      <c r="R51" s="16">
        <v>9260</v>
      </c>
      <c r="S51" s="16">
        <v>15217</v>
      </c>
      <c r="T51" s="16">
        <v>19343</v>
      </c>
      <c r="U51" s="16">
        <v>27384</v>
      </c>
      <c r="V51" s="16">
        <v>31742</v>
      </c>
      <c r="W51" s="16">
        <v>22201</v>
      </c>
      <c r="X51" s="16">
        <v>7944</v>
      </c>
      <c r="Y51" s="16">
        <v>1412</v>
      </c>
      <c r="Z51" s="16">
        <v>10400</v>
      </c>
      <c r="AA51" s="16">
        <v>134503</v>
      </c>
      <c r="AB51" s="16">
        <v>110026</v>
      </c>
      <c r="AC51" s="16">
        <v>63299</v>
      </c>
      <c r="AD51" s="16">
        <v>19653</v>
      </c>
      <c r="AE51" s="17">
        <v>81.658929999999998</v>
      </c>
    </row>
    <row r="52" spans="1:31">
      <c r="A52" s="21" t="s">
        <v>232</v>
      </c>
      <c r="B52" s="21" t="s">
        <v>237</v>
      </c>
      <c r="C52" s="21" t="s">
        <v>264</v>
      </c>
      <c r="D52" s="21" t="s">
        <v>394</v>
      </c>
      <c r="E52" s="21" t="s">
        <v>214</v>
      </c>
      <c r="F52" s="21" t="s">
        <v>469</v>
      </c>
      <c r="G52" s="16">
        <v>95940</v>
      </c>
      <c r="H52" s="16">
        <v>23</v>
      </c>
      <c r="I52" s="16">
        <v>402</v>
      </c>
      <c r="J52" s="16">
        <v>1585</v>
      </c>
      <c r="K52" s="16">
        <v>3526</v>
      </c>
      <c r="L52" s="16">
        <v>5849</v>
      </c>
      <c r="M52" s="16">
        <v>8216</v>
      </c>
      <c r="N52" s="16">
        <v>10478</v>
      </c>
      <c r="O52" s="16">
        <v>10759</v>
      </c>
      <c r="P52" s="16">
        <v>11196</v>
      </c>
      <c r="Q52" s="16">
        <v>11484</v>
      </c>
      <c r="R52" s="16">
        <v>11710</v>
      </c>
      <c r="S52" s="16">
        <v>10040</v>
      </c>
      <c r="T52" s="16">
        <v>5144</v>
      </c>
      <c r="U52" s="16">
        <v>2979</v>
      </c>
      <c r="V52" s="16">
        <v>1614</v>
      </c>
      <c r="W52" s="16">
        <v>723</v>
      </c>
      <c r="X52" s="16">
        <v>185</v>
      </c>
      <c r="Y52" s="16">
        <v>27</v>
      </c>
      <c r="Z52" s="16">
        <v>63518</v>
      </c>
      <c r="AA52" s="16">
        <v>32422</v>
      </c>
      <c r="AB52" s="16">
        <v>10672</v>
      </c>
      <c r="AC52" s="16">
        <v>2549</v>
      </c>
      <c r="AD52" s="16">
        <v>75205</v>
      </c>
      <c r="AE52" s="17">
        <v>57.855919999999998</v>
      </c>
    </row>
    <row r="53" spans="1:31">
      <c r="A53" s="21" t="s">
        <v>232</v>
      </c>
      <c r="B53" s="21" t="s">
        <v>237</v>
      </c>
      <c r="C53" s="21" t="s">
        <v>264</v>
      </c>
      <c r="D53" s="21" t="s">
        <v>394</v>
      </c>
      <c r="E53" s="21" t="s">
        <v>214</v>
      </c>
      <c r="F53" s="21" t="s">
        <v>470</v>
      </c>
      <c r="G53" s="16">
        <v>34308</v>
      </c>
      <c r="H53" s="16">
        <v>230</v>
      </c>
      <c r="I53" s="16">
        <v>2187</v>
      </c>
      <c r="J53" s="16">
        <v>2811</v>
      </c>
      <c r="K53" s="16">
        <v>2326</v>
      </c>
      <c r="L53" s="16">
        <v>2362</v>
      </c>
      <c r="M53" s="16">
        <v>2472</v>
      </c>
      <c r="N53" s="16">
        <v>2609</v>
      </c>
      <c r="O53" s="16">
        <v>2200</v>
      </c>
      <c r="P53" s="16">
        <v>1886</v>
      </c>
      <c r="Q53" s="16">
        <v>1841</v>
      </c>
      <c r="R53" s="16">
        <v>1974</v>
      </c>
      <c r="S53" s="16">
        <v>2156</v>
      </c>
      <c r="T53" s="16">
        <v>1869</v>
      </c>
      <c r="U53" s="16">
        <v>2220</v>
      </c>
      <c r="V53" s="16">
        <v>2449</v>
      </c>
      <c r="W53" s="16">
        <v>1842</v>
      </c>
      <c r="X53" s="16">
        <v>725</v>
      </c>
      <c r="Y53" s="16">
        <v>149</v>
      </c>
      <c r="Z53" s="16">
        <v>20924</v>
      </c>
      <c r="AA53" s="16">
        <v>13384</v>
      </c>
      <c r="AB53" s="16">
        <v>9254</v>
      </c>
      <c r="AC53" s="16">
        <v>5165</v>
      </c>
      <c r="AD53" s="16">
        <v>22668</v>
      </c>
      <c r="AE53" s="17">
        <v>56.871720000000003</v>
      </c>
    </row>
    <row r="54" spans="1:31">
      <c r="A54" s="21" t="s">
        <v>232</v>
      </c>
      <c r="B54" s="21" t="s">
        <v>237</v>
      </c>
      <c r="C54" s="21" t="s">
        <v>264</v>
      </c>
      <c r="D54" s="21" t="s">
        <v>394</v>
      </c>
      <c r="E54" s="21" t="s">
        <v>215</v>
      </c>
      <c r="F54" s="21" t="s">
        <v>214</v>
      </c>
      <c r="G54" s="16">
        <v>691836</v>
      </c>
      <c r="H54" s="16">
        <v>40826</v>
      </c>
      <c r="I54" s="16">
        <v>34749</v>
      </c>
      <c r="J54" s="16">
        <v>35403</v>
      </c>
      <c r="K54" s="16">
        <v>40814</v>
      </c>
      <c r="L54" s="16">
        <v>47873</v>
      </c>
      <c r="M54" s="16">
        <v>52642</v>
      </c>
      <c r="N54" s="16">
        <v>55101</v>
      </c>
      <c r="O54" s="16">
        <v>48527</v>
      </c>
      <c r="P54" s="16">
        <v>50787</v>
      </c>
      <c r="Q54" s="16">
        <v>55927</v>
      </c>
      <c r="R54" s="16">
        <v>62734</v>
      </c>
      <c r="S54" s="16">
        <v>60885</v>
      </c>
      <c r="T54" s="16">
        <v>40059</v>
      </c>
      <c r="U54" s="16">
        <v>32217</v>
      </c>
      <c r="V54" s="16">
        <v>22066</v>
      </c>
      <c r="W54" s="16">
        <v>9200</v>
      </c>
      <c r="X54" s="16">
        <v>1821</v>
      </c>
      <c r="Y54" s="16">
        <v>205</v>
      </c>
      <c r="Z54" s="16">
        <v>462649</v>
      </c>
      <c r="AA54" s="16">
        <v>229187</v>
      </c>
      <c r="AB54" s="16">
        <v>105568</v>
      </c>
      <c r="AC54" s="16">
        <v>33292</v>
      </c>
      <c r="AD54" s="16">
        <v>484557</v>
      </c>
      <c r="AE54" s="17">
        <v>53.161859999999997</v>
      </c>
    </row>
    <row r="55" spans="1:31">
      <c r="A55" s="21" t="s">
        <v>232</v>
      </c>
      <c r="B55" s="21" t="s">
        <v>237</v>
      </c>
      <c r="C55" s="21" t="s">
        <v>264</v>
      </c>
      <c r="D55" s="21" t="s">
        <v>394</v>
      </c>
      <c r="E55" s="21" t="s">
        <v>215</v>
      </c>
      <c r="F55" s="21" t="s">
        <v>466</v>
      </c>
      <c r="G55" s="16">
        <v>196207</v>
      </c>
      <c r="H55" s="16">
        <v>40594</v>
      </c>
      <c r="I55" s="16">
        <v>31184</v>
      </c>
      <c r="J55" s="16">
        <v>22875</v>
      </c>
      <c r="K55" s="16">
        <v>17098</v>
      </c>
      <c r="L55" s="16">
        <v>14837</v>
      </c>
      <c r="M55" s="16">
        <v>13630</v>
      </c>
      <c r="N55" s="16">
        <v>13358</v>
      </c>
      <c r="O55" s="16">
        <v>10805</v>
      </c>
      <c r="P55" s="16">
        <v>9305</v>
      </c>
      <c r="Q55" s="16">
        <v>8382</v>
      </c>
      <c r="R55" s="16">
        <v>7140</v>
      </c>
      <c r="S55" s="16">
        <v>4312</v>
      </c>
      <c r="T55" s="16">
        <v>1574</v>
      </c>
      <c r="U55" s="16">
        <v>726</v>
      </c>
      <c r="V55" s="16">
        <v>285</v>
      </c>
      <c r="W55" s="16">
        <v>84</v>
      </c>
      <c r="X55" s="16">
        <v>14</v>
      </c>
      <c r="Y55" s="16">
        <v>4</v>
      </c>
      <c r="Z55" s="16">
        <v>182068</v>
      </c>
      <c r="AA55" s="16">
        <v>14139</v>
      </c>
      <c r="AB55" s="16">
        <v>2687</v>
      </c>
      <c r="AC55" s="16">
        <v>387</v>
      </c>
      <c r="AD55" s="16">
        <v>148614</v>
      </c>
      <c r="AE55" s="17">
        <v>35.60445</v>
      </c>
    </row>
    <row r="56" spans="1:31">
      <c r="A56" s="21" t="s">
        <v>232</v>
      </c>
      <c r="B56" s="21" t="s">
        <v>237</v>
      </c>
      <c r="C56" s="21" t="s">
        <v>264</v>
      </c>
      <c r="D56" s="21" t="s">
        <v>394</v>
      </c>
      <c r="E56" s="21" t="s">
        <v>215</v>
      </c>
      <c r="F56" s="21" t="s">
        <v>467</v>
      </c>
      <c r="G56" s="16">
        <v>419854</v>
      </c>
      <c r="H56" s="16">
        <v>100</v>
      </c>
      <c r="I56" s="16">
        <v>2160</v>
      </c>
      <c r="J56" s="16">
        <v>10390</v>
      </c>
      <c r="K56" s="16">
        <v>21192</v>
      </c>
      <c r="L56" s="16">
        <v>29690</v>
      </c>
      <c r="M56" s="16">
        <v>34717</v>
      </c>
      <c r="N56" s="16">
        <v>36500</v>
      </c>
      <c r="O56" s="16">
        <v>32105</v>
      </c>
      <c r="P56" s="16">
        <v>35476</v>
      </c>
      <c r="Q56" s="16">
        <v>40706</v>
      </c>
      <c r="R56" s="16">
        <v>47472</v>
      </c>
      <c r="S56" s="16">
        <v>48510</v>
      </c>
      <c r="T56" s="16">
        <v>32693</v>
      </c>
      <c r="U56" s="16">
        <v>25794</v>
      </c>
      <c r="V56" s="16">
        <v>16114</v>
      </c>
      <c r="W56" s="16">
        <v>5483</v>
      </c>
      <c r="X56" s="16">
        <v>692</v>
      </c>
      <c r="Y56" s="16">
        <v>60</v>
      </c>
      <c r="Z56" s="16">
        <v>243036</v>
      </c>
      <c r="AA56" s="16">
        <v>176818</v>
      </c>
      <c r="AB56" s="16">
        <v>80836</v>
      </c>
      <c r="AC56" s="16">
        <v>22349</v>
      </c>
      <c r="AD56" s="16">
        <v>290408</v>
      </c>
      <c r="AE56" s="17">
        <v>59.515050000000002</v>
      </c>
    </row>
    <row r="57" spans="1:31">
      <c r="A57" s="21" t="s">
        <v>232</v>
      </c>
      <c r="B57" s="21" t="s">
        <v>237</v>
      </c>
      <c r="C57" s="21" t="s">
        <v>264</v>
      </c>
      <c r="D57" s="21" t="s">
        <v>394</v>
      </c>
      <c r="E57" s="21" t="s">
        <v>215</v>
      </c>
      <c r="F57" s="21" t="s">
        <v>468</v>
      </c>
      <c r="G57" s="16">
        <v>24012</v>
      </c>
      <c r="H57" s="16">
        <v>3</v>
      </c>
      <c r="I57" s="16">
        <v>6</v>
      </c>
      <c r="J57" s="16">
        <v>7</v>
      </c>
      <c r="K57" s="16">
        <v>15</v>
      </c>
      <c r="L57" s="16">
        <v>49</v>
      </c>
      <c r="M57" s="16">
        <v>103</v>
      </c>
      <c r="N57" s="16">
        <v>182</v>
      </c>
      <c r="O57" s="16">
        <v>304</v>
      </c>
      <c r="P57" s="16">
        <v>554</v>
      </c>
      <c r="Q57" s="16">
        <v>1140</v>
      </c>
      <c r="R57" s="16">
        <v>2073</v>
      </c>
      <c r="S57" s="16">
        <v>3076</v>
      </c>
      <c r="T57" s="16">
        <v>3288</v>
      </c>
      <c r="U57" s="16">
        <v>4152</v>
      </c>
      <c r="V57" s="16">
        <v>4708</v>
      </c>
      <c r="W57" s="16">
        <v>3226</v>
      </c>
      <c r="X57" s="16">
        <v>1001</v>
      </c>
      <c r="Y57" s="16">
        <v>125</v>
      </c>
      <c r="Z57" s="16">
        <v>2363</v>
      </c>
      <c r="AA57" s="16">
        <v>21649</v>
      </c>
      <c r="AB57" s="16">
        <v>16500</v>
      </c>
      <c r="AC57" s="16">
        <v>9060</v>
      </c>
      <c r="AD57" s="16">
        <v>4433</v>
      </c>
      <c r="AE57" s="17">
        <v>79.796520000000001</v>
      </c>
    </row>
    <row r="58" spans="1:31">
      <c r="A58" s="21" t="s">
        <v>232</v>
      </c>
      <c r="B58" s="21" t="s">
        <v>237</v>
      </c>
      <c r="C58" s="21" t="s">
        <v>264</v>
      </c>
      <c r="D58" s="21" t="s">
        <v>394</v>
      </c>
      <c r="E58" s="21" t="s">
        <v>215</v>
      </c>
      <c r="F58" s="21" t="s">
        <v>469</v>
      </c>
      <c r="G58" s="16">
        <v>34999</v>
      </c>
      <c r="H58" s="16">
        <v>6</v>
      </c>
      <c r="I58" s="16">
        <v>98</v>
      </c>
      <c r="J58" s="16">
        <v>428</v>
      </c>
      <c r="K58" s="16">
        <v>1084</v>
      </c>
      <c r="L58" s="16">
        <v>1892</v>
      </c>
      <c r="M58" s="16">
        <v>2776</v>
      </c>
      <c r="N58" s="16">
        <v>3567</v>
      </c>
      <c r="O58" s="16">
        <v>3982</v>
      </c>
      <c r="P58" s="16">
        <v>4374</v>
      </c>
      <c r="Q58" s="16">
        <v>4623</v>
      </c>
      <c r="R58" s="16">
        <v>4944</v>
      </c>
      <c r="S58" s="16">
        <v>3955</v>
      </c>
      <c r="T58" s="16">
        <v>1843</v>
      </c>
      <c r="U58" s="16">
        <v>944</v>
      </c>
      <c r="V58" s="16">
        <v>374</v>
      </c>
      <c r="W58" s="16">
        <v>98</v>
      </c>
      <c r="X58" s="16">
        <v>11</v>
      </c>
      <c r="Y58" s="22" t="s">
        <v>268</v>
      </c>
      <c r="Z58" s="16">
        <v>22830</v>
      </c>
      <c r="AA58" s="16">
        <v>12169</v>
      </c>
      <c r="AB58" s="16">
        <v>3270</v>
      </c>
      <c r="AC58" s="16">
        <v>483</v>
      </c>
      <c r="AD58" s="16">
        <v>27768</v>
      </c>
      <c r="AE58" s="17">
        <v>58.303109999999997</v>
      </c>
    </row>
    <row r="59" spans="1:31">
      <c r="A59" s="21" t="s">
        <v>232</v>
      </c>
      <c r="B59" s="21" t="s">
        <v>237</v>
      </c>
      <c r="C59" s="21" t="s">
        <v>264</v>
      </c>
      <c r="D59" s="21" t="s">
        <v>394</v>
      </c>
      <c r="E59" s="21" t="s">
        <v>215</v>
      </c>
      <c r="F59" s="21" t="s">
        <v>470</v>
      </c>
      <c r="G59" s="16">
        <v>16764</v>
      </c>
      <c r="H59" s="16">
        <v>123</v>
      </c>
      <c r="I59" s="16">
        <v>1301</v>
      </c>
      <c r="J59" s="16">
        <v>1703</v>
      </c>
      <c r="K59" s="16">
        <v>1425</v>
      </c>
      <c r="L59" s="16">
        <v>1405</v>
      </c>
      <c r="M59" s="16">
        <v>1416</v>
      </c>
      <c r="N59" s="16">
        <v>1494</v>
      </c>
      <c r="O59" s="16">
        <v>1331</v>
      </c>
      <c r="P59" s="16">
        <v>1078</v>
      </c>
      <c r="Q59" s="16">
        <v>1076</v>
      </c>
      <c r="R59" s="16">
        <v>1105</v>
      </c>
      <c r="S59" s="16">
        <v>1032</v>
      </c>
      <c r="T59" s="16">
        <v>661</v>
      </c>
      <c r="U59" s="16">
        <v>601</v>
      </c>
      <c r="V59" s="16">
        <v>585</v>
      </c>
      <c r="W59" s="16">
        <v>309</v>
      </c>
      <c r="X59" s="16">
        <v>103</v>
      </c>
      <c r="Y59" s="16">
        <v>16</v>
      </c>
      <c r="Z59" s="16">
        <v>12352</v>
      </c>
      <c r="AA59" s="16">
        <v>4412</v>
      </c>
      <c r="AB59" s="16">
        <v>2275</v>
      </c>
      <c r="AC59" s="16">
        <v>1013</v>
      </c>
      <c r="AD59" s="16">
        <v>13334</v>
      </c>
      <c r="AE59" s="17">
        <v>50.655630000000002</v>
      </c>
    </row>
    <row r="60" spans="1:31">
      <c r="A60" s="21" t="s">
        <v>232</v>
      </c>
      <c r="B60" s="21" t="s">
        <v>237</v>
      </c>
      <c r="C60" s="21" t="s">
        <v>264</v>
      </c>
      <c r="D60" s="21" t="s">
        <v>394</v>
      </c>
      <c r="E60" s="21" t="s">
        <v>216</v>
      </c>
      <c r="F60" s="21" t="s">
        <v>214</v>
      </c>
      <c r="G60" s="16">
        <v>792900</v>
      </c>
      <c r="H60" s="16">
        <v>38545</v>
      </c>
      <c r="I60" s="16">
        <v>35078</v>
      </c>
      <c r="J60" s="16">
        <v>36360</v>
      </c>
      <c r="K60" s="16">
        <v>42202</v>
      </c>
      <c r="L60" s="16">
        <v>49181</v>
      </c>
      <c r="M60" s="16">
        <v>53731</v>
      </c>
      <c r="N60" s="16">
        <v>57244</v>
      </c>
      <c r="O60" s="16">
        <v>53317</v>
      </c>
      <c r="P60" s="16">
        <v>55754</v>
      </c>
      <c r="Q60" s="16">
        <v>60137</v>
      </c>
      <c r="R60" s="16">
        <v>67030</v>
      </c>
      <c r="S60" s="16">
        <v>67429</v>
      </c>
      <c r="T60" s="16">
        <v>52549</v>
      </c>
      <c r="U60" s="16">
        <v>48782</v>
      </c>
      <c r="V60" s="16">
        <v>41253</v>
      </c>
      <c r="W60" s="16">
        <v>24410</v>
      </c>
      <c r="X60" s="16">
        <v>8394</v>
      </c>
      <c r="Y60" s="16">
        <v>1504</v>
      </c>
      <c r="Z60" s="16">
        <v>481549</v>
      </c>
      <c r="AA60" s="16">
        <v>311351</v>
      </c>
      <c r="AB60" s="16">
        <v>176892</v>
      </c>
      <c r="AC60" s="16">
        <v>75561</v>
      </c>
      <c r="AD60" s="16">
        <v>510034</v>
      </c>
      <c r="AE60" s="17">
        <v>56.471150000000002</v>
      </c>
    </row>
    <row r="61" spans="1:31">
      <c r="A61" s="21" t="s">
        <v>232</v>
      </c>
      <c r="B61" s="21" t="s">
        <v>237</v>
      </c>
      <c r="C61" s="21" t="s">
        <v>264</v>
      </c>
      <c r="D61" s="21" t="s">
        <v>394</v>
      </c>
      <c r="E61" s="21" t="s">
        <v>216</v>
      </c>
      <c r="F61" s="21" t="s">
        <v>466</v>
      </c>
      <c r="G61" s="16">
        <v>170858</v>
      </c>
      <c r="H61" s="16">
        <v>38270</v>
      </c>
      <c r="I61" s="16">
        <v>30830</v>
      </c>
      <c r="J61" s="16">
        <v>20696</v>
      </c>
      <c r="K61" s="16">
        <v>13567</v>
      </c>
      <c r="L61" s="16">
        <v>11133</v>
      </c>
      <c r="M61" s="16">
        <v>10213</v>
      </c>
      <c r="N61" s="16">
        <v>10119</v>
      </c>
      <c r="O61" s="16">
        <v>8337</v>
      </c>
      <c r="P61" s="16">
        <v>6603</v>
      </c>
      <c r="Q61" s="16">
        <v>5069</v>
      </c>
      <c r="R61" s="16">
        <v>4538</v>
      </c>
      <c r="S61" s="16">
        <v>4012</v>
      </c>
      <c r="T61" s="16">
        <v>2555</v>
      </c>
      <c r="U61" s="16">
        <v>2029</v>
      </c>
      <c r="V61" s="16">
        <v>1549</v>
      </c>
      <c r="W61" s="16">
        <v>957</v>
      </c>
      <c r="X61" s="16">
        <v>348</v>
      </c>
      <c r="Y61" s="16">
        <v>33</v>
      </c>
      <c r="Z61" s="16">
        <v>154837</v>
      </c>
      <c r="AA61" s="16">
        <v>16021</v>
      </c>
      <c r="AB61" s="16">
        <v>7471</v>
      </c>
      <c r="AC61" s="16">
        <v>2887</v>
      </c>
      <c r="AD61" s="16">
        <v>121105</v>
      </c>
      <c r="AE61" s="17">
        <v>35.397150000000003</v>
      </c>
    </row>
    <row r="62" spans="1:31">
      <c r="A62" s="21" t="s">
        <v>232</v>
      </c>
      <c r="B62" s="21" t="s">
        <v>237</v>
      </c>
      <c r="C62" s="21" t="s">
        <v>264</v>
      </c>
      <c r="D62" s="21" t="s">
        <v>394</v>
      </c>
      <c r="E62" s="21" t="s">
        <v>216</v>
      </c>
      <c r="F62" s="21" t="s">
        <v>467</v>
      </c>
      <c r="G62" s="16">
        <v>422666</v>
      </c>
      <c r="H62" s="16">
        <v>147</v>
      </c>
      <c r="I62" s="16">
        <v>3038</v>
      </c>
      <c r="J62" s="16">
        <v>13369</v>
      </c>
      <c r="K62" s="16">
        <v>25226</v>
      </c>
      <c r="L62" s="16">
        <v>32977</v>
      </c>
      <c r="M62" s="16">
        <v>36734</v>
      </c>
      <c r="N62" s="16">
        <v>38500</v>
      </c>
      <c r="O62" s="16">
        <v>36319</v>
      </c>
      <c r="P62" s="16">
        <v>39544</v>
      </c>
      <c r="Q62" s="16">
        <v>43561</v>
      </c>
      <c r="R62" s="16">
        <v>47670</v>
      </c>
      <c r="S62" s="16">
        <v>44067</v>
      </c>
      <c r="T62" s="16">
        <v>29430</v>
      </c>
      <c r="U62" s="16">
        <v>19867</v>
      </c>
      <c r="V62" s="16">
        <v>9566</v>
      </c>
      <c r="W62" s="16">
        <v>2320</v>
      </c>
      <c r="X62" s="16">
        <v>307</v>
      </c>
      <c r="Y62" s="16">
        <v>24</v>
      </c>
      <c r="Z62" s="16">
        <v>269415</v>
      </c>
      <c r="AA62" s="16">
        <v>153251</v>
      </c>
      <c r="AB62" s="16">
        <v>61514</v>
      </c>
      <c r="AC62" s="16">
        <v>12217</v>
      </c>
      <c r="AD62" s="16">
        <v>316938</v>
      </c>
      <c r="AE62" s="17">
        <v>57.254249999999999</v>
      </c>
    </row>
    <row r="63" spans="1:31">
      <c r="A63" s="21" t="s">
        <v>232</v>
      </c>
      <c r="B63" s="21" t="s">
        <v>237</v>
      </c>
      <c r="C63" s="21" t="s">
        <v>264</v>
      </c>
      <c r="D63" s="21" t="s">
        <v>394</v>
      </c>
      <c r="E63" s="21" t="s">
        <v>216</v>
      </c>
      <c r="F63" s="21" t="s">
        <v>468</v>
      </c>
      <c r="G63" s="16">
        <v>120891</v>
      </c>
      <c r="H63" s="16">
        <v>4</v>
      </c>
      <c r="I63" s="16">
        <v>20</v>
      </c>
      <c r="J63" s="16">
        <v>30</v>
      </c>
      <c r="K63" s="16">
        <v>66</v>
      </c>
      <c r="L63" s="16">
        <v>157</v>
      </c>
      <c r="M63" s="16">
        <v>288</v>
      </c>
      <c r="N63" s="16">
        <v>599</v>
      </c>
      <c r="O63" s="16">
        <v>1015</v>
      </c>
      <c r="P63" s="16">
        <v>1977</v>
      </c>
      <c r="Q63" s="16">
        <v>3881</v>
      </c>
      <c r="R63" s="16">
        <v>7187</v>
      </c>
      <c r="S63" s="16">
        <v>12141</v>
      </c>
      <c r="T63" s="16">
        <v>16055</v>
      </c>
      <c r="U63" s="16">
        <v>23232</v>
      </c>
      <c r="V63" s="16">
        <v>27034</v>
      </c>
      <c r="W63" s="16">
        <v>18975</v>
      </c>
      <c r="X63" s="16">
        <v>6943</v>
      </c>
      <c r="Y63" s="16">
        <v>1287</v>
      </c>
      <c r="Z63" s="16">
        <v>8037</v>
      </c>
      <c r="AA63" s="16">
        <v>112854</v>
      </c>
      <c r="AB63" s="16">
        <v>93526</v>
      </c>
      <c r="AC63" s="16">
        <v>54239</v>
      </c>
      <c r="AD63" s="16">
        <v>15220</v>
      </c>
      <c r="AE63" s="17">
        <v>82.028859999999995</v>
      </c>
    </row>
    <row r="64" spans="1:31">
      <c r="A64" s="21" t="s">
        <v>232</v>
      </c>
      <c r="B64" s="21" t="s">
        <v>237</v>
      </c>
      <c r="C64" s="21" t="s">
        <v>264</v>
      </c>
      <c r="D64" s="21" t="s">
        <v>394</v>
      </c>
      <c r="E64" s="21" t="s">
        <v>216</v>
      </c>
      <c r="F64" s="21" t="s">
        <v>469</v>
      </c>
      <c r="G64" s="16">
        <v>60941</v>
      </c>
      <c r="H64" s="16">
        <v>17</v>
      </c>
      <c r="I64" s="16">
        <v>304</v>
      </c>
      <c r="J64" s="16">
        <v>1157</v>
      </c>
      <c r="K64" s="16">
        <v>2442</v>
      </c>
      <c r="L64" s="16">
        <v>3957</v>
      </c>
      <c r="M64" s="16">
        <v>5440</v>
      </c>
      <c r="N64" s="16">
        <v>6911</v>
      </c>
      <c r="O64" s="16">
        <v>6777</v>
      </c>
      <c r="P64" s="16">
        <v>6822</v>
      </c>
      <c r="Q64" s="16">
        <v>6861</v>
      </c>
      <c r="R64" s="16">
        <v>6766</v>
      </c>
      <c r="S64" s="16">
        <v>6085</v>
      </c>
      <c r="T64" s="16">
        <v>3301</v>
      </c>
      <c r="U64" s="16">
        <v>2035</v>
      </c>
      <c r="V64" s="16">
        <v>1240</v>
      </c>
      <c r="W64" s="16">
        <v>625</v>
      </c>
      <c r="X64" s="16">
        <v>174</v>
      </c>
      <c r="Y64" s="16">
        <v>27</v>
      </c>
      <c r="Z64" s="16">
        <v>40688</v>
      </c>
      <c r="AA64" s="16">
        <v>20253</v>
      </c>
      <c r="AB64" s="16">
        <v>7402</v>
      </c>
      <c r="AC64" s="16">
        <v>2066</v>
      </c>
      <c r="AD64" s="16">
        <v>47437</v>
      </c>
      <c r="AE64" s="17">
        <v>57.5991</v>
      </c>
    </row>
    <row r="65" spans="1:31">
      <c r="A65" s="21" t="s">
        <v>232</v>
      </c>
      <c r="B65" s="21" t="s">
        <v>237</v>
      </c>
      <c r="C65" s="21" t="s">
        <v>264</v>
      </c>
      <c r="D65" s="21" t="s">
        <v>394</v>
      </c>
      <c r="E65" s="21" t="s">
        <v>216</v>
      </c>
      <c r="F65" s="21" t="s">
        <v>470</v>
      </c>
      <c r="G65" s="16">
        <v>17544</v>
      </c>
      <c r="H65" s="16">
        <v>107</v>
      </c>
      <c r="I65" s="16">
        <v>886</v>
      </c>
      <c r="J65" s="16">
        <v>1108</v>
      </c>
      <c r="K65" s="16">
        <v>901</v>
      </c>
      <c r="L65" s="16">
        <v>957</v>
      </c>
      <c r="M65" s="16">
        <v>1056</v>
      </c>
      <c r="N65" s="16">
        <v>1115</v>
      </c>
      <c r="O65" s="16">
        <v>869</v>
      </c>
      <c r="P65" s="16">
        <v>808</v>
      </c>
      <c r="Q65" s="16">
        <v>765</v>
      </c>
      <c r="R65" s="16">
        <v>869</v>
      </c>
      <c r="S65" s="16">
        <v>1124</v>
      </c>
      <c r="T65" s="16">
        <v>1208</v>
      </c>
      <c r="U65" s="16">
        <v>1619</v>
      </c>
      <c r="V65" s="16">
        <v>1864</v>
      </c>
      <c r="W65" s="16">
        <v>1533</v>
      </c>
      <c r="X65" s="16">
        <v>622</v>
      </c>
      <c r="Y65" s="16">
        <v>133</v>
      </c>
      <c r="Z65" s="16">
        <v>8572</v>
      </c>
      <c r="AA65" s="16">
        <v>8972</v>
      </c>
      <c r="AB65" s="16">
        <v>6979</v>
      </c>
      <c r="AC65" s="16">
        <v>4152</v>
      </c>
      <c r="AD65" s="16">
        <v>9334</v>
      </c>
      <c r="AE65" s="17">
        <v>62.811450000000001</v>
      </c>
    </row>
    <row r="66" spans="1:31">
      <c r="A66" s="21" t="s">
        <v>232</v>
      </c>
      <c r="B66" s="21" t="s">
        <v>237</v>
      </c>
      <c r="C66" s="21" t="s">
        <v>264</v>
      </c>
      <c r="D66" s="21" t="s">
        <v>395</v>
      </c>
      <c r="E66" s="21" t="s">
        <v>214</v>
      </c>
      <c r="F66" s="21" t="s">
        <v>214</v>
      </c>
      <c r="G66" s="16">
        <v>1470121</v>
      </c>
      <c r="H66" s="16">
        <v>78930</v>
      </c>
      <c r="I66" s="16">
        <v>66069</v>
      </c>
      <c r="J66" s="16">
        <v>68458</v>
      </c>
      <c r="K66" s="16">
        <v>80949</v>
      </c>
      <c r="L66" s="16">
        <v>95722</v>
      </c>
      <c r="M66" s="16">
        <v>105442</v>
      </c>
      <c r="N66" s="16">
        <v>111537</v>
      </c>
      <c r="O66" s="16">
        <v>101204</v>
      </c>
      <c r="P66" s="16">
        <v>106150</v>
      </c>
      <c r="Q66" s="16">
        <v>115791</v>
      </c>
      <c r="R66" s="16">
        <v>129577</v>
      </c>
      <c r="S66" s="16">
        <v>128142</v>
      </c>
      <c r="T66" s="16">
        <v>92506</v>
      </c>
      <c r="U66" s="16">
        <v>80894</v>
      </c>
      <c r="V66" s="16">
        <v>63261</v>
      </c>
      <c r="W66" s="16">
        <v>33572</v>
      </c>
      <c r="X66" s="16">
        <v>10208</v>
      </c>
      <c r="Y66" s="16">
        <v>1709</v>
      </c>
      <c r="Z66" s="16">
        <v>930252</v>
      </c>
      <c r="AA66" s="16">
        <v>539869</v>
      </c>
      <c r="AB66" s="16">
        <v>282150</v>
      </c>
      <c r="AC66" s="16">
        <v>108750</v>
      </c>
      <c r="AD66" s="16">
        <v>980899</v>
      </c>
      <c r="AE66" s="17">
        <v>55.134030000000003</v>
      </c>
    </row>
    <row r="67" spans="1:31">
      <c r="A67" s="21" t="s">
        <v>232</v>
      </c>
      <c r="B67" s="21" t="s">
        <v>237</v>
      </c>
      <c r="C67" s="21" t="s">
        <v>264</v>
      </c>
      <c r="D67" s="21" t="s">
        <v>395</v>
      </c>
      <c r="E67" s="21" t="s">
        <v>214</v>
      </c>
      <c r="F67" s="21" t="s">
        <v>466</v>
      </c>
      <c r="G67" s="16">
        <v>360092</v>
      </c>
      <c r="H67" s="16">
        <v>78441</v>
      </c>
      <c r="I67" s="16">
        <v>58770</v>
      </c>
      <c r="J67" s="16">
        <v>41391</v>
      </c>
      <c r="K67" s="16">
        <v>30020</v>
      </c>
      <c r="L67" s="16">
        <v>25788</v>
      </c>
      <c r="M67" s="16">
        <v>23753</v>
      </c>
      <c r="N67" s="16">
        <v>23419</v>
      </c>
      <c r="O67" s="16">
        <v>19101</v>
      </c>
      <c r="P67" s="16">
        <v>15880</v>
      </c>
      <c r="Q67" s="16">
        <v>13415</v>
      </c>
      <c r="R67" s="16">
        <v>11662</v>
      </c>
      <c r="S67" s="16">
        <v>8314</v>
      </c>
      <c r="T67" s="16">
        <v>4117</v>
      </c>
      <c r="U67" s="16">
        <v>2750</v>
      </c>
      <c r="V67" s="16">
        <v>1832</v>
      </c>
      <c r="W67" s="16">
        <v>1040</v>
      </c>
      <c r="X67" s="16">
        <v>362</v>
      </c>
      <c r="Y67" s="16">
        <v>37</v>
      </c>
      <c r="Z67" s="16">
        <v>329978</v>
      </c>
      <c r="AA67" s="16">
        <v>30114</v>
      </c>
      <c r="AB67" s="16">
        <v>10138</v>
      </c>
      <c r="AC67" s="16">
        <v>3271</v>
      </c>
      <c r="AD67" s="16">
        <v>263199</v>
      </c>
      <c r="AE67" s="17">
        <v>35.68553</v>
      </c>
    </row>
    <row r="68" spans="1:31">
      <c r="A68" s="21" t="s">
        <v>232</v>
      </c>
      <c r="B68" s="21" t="s">
        <v>237</v>
      </c>
      <c r="C68" s="21" t="s">
        <v>264</v>
      </c>
      <c r="D68" s="21" t="s">
        <v>395</v>
      </c>
      <c r="E68" s="21" t="s">
        <v>214</v>
      </c>
      <c r="F68" s="21" t="s">
        <v>467</v>
      </c>
      <c r="G68" s="16">
        <v>836757</v>
      </c>
      <c r="H68" s="16">
        <v>244</v>
      </c>
      <c r="I68" s="16">
        <v>5028</v>
      </c>
      <c r="J68" s="16">
        <v>23009</v>
      </c>
      <c r="K68" s="16">
        <v>45238</v>
      </c>
      <c r="L68" s="16">
        <v>61674</v>
      </c>
      <c r="M68" s="16">
        <v>70729</v>
      </c>
      <c r="N68" s="16">
        <v>74385</v>
      </c>
      <c r="O68" s="16">
        <v>67933</v>
      </c>
      <c r="P68" s="16">
        <v>74726</v>
      </c>
      <c r="Q68" s="16">
        <v>84087</v>
      </c>
      <c r="R68" s="16">
        <v>95014</v>
      </c>
      <c r="S68" s="16">
        <v>92459</v>
      </c>
      <c r="T68" s="16">
        <v>62064</v>
      </c>
      <c r="U68" s="16">
        <v>45623</v>
      </c>
      <c r="V68" s="16">
        <v>25667</v>
      </c>
      <c r="W68" s="16">
        <v>7794</v>
      </c>
      <c r="X68" s="16">
        <v>999</v>
      </c>
      <c r="Y68" s="16">
        <v>84</v>
      </c>
      <c r="Z68" s="16">
        <v>507053</v>
      </c>
      <c r="AA68" s="16">
        <v>329704</v>
      </c>
      <c r="AB68" s="16">
        <v>142231</v>
      </c>
      <c r="AC68" s="16">
        <v>34544</v>
      </c>
      <c r="AD68" s="16">
        <v>601823</v>
      </c>
      <c r="AE68" s="17">
        <v>58.495539999999998</v>
      </c>
    </row>
    <row r="69" spans="1:31">
      <c r="A69" s="21" t="s">
        <v>232</v>
      </c>
      <c r="B69" s="21" t="s">
        <v>237</v>
      </c>
      <c r="C69" s="21" t="s">
        <v>264</v>
      </c>
      <c r="D69" s="21" t="s">
        <v>395</v>
      </c>
      <c r="E69" s="21" t="s">
        <v>214</v>
      </c>
      <c r="F69" s="21" t="s">
        <v>468</v>
      </c>
      <c r="G69" s="16">
        <v>144716</v>
      </c>
      <c r="H69" s="16">
        <v>7</v>
      </c>
      <c r="I69" s="16">
        <v>23</v>
      </c>
      <c r="J69" s="16">
        <v>32</v>
      </c>
      <c r="K69" s="16">
        <v>74</v>
      </c>
      <c r="L69" s="16">
        <v>196</v>
      </c>
      <c r="M69" s="16">
        <v>377</v>
      </c>
      <c r="N69" s="16">
        <v>771</v>
      </c>
      <c r="O69" s="16">
        <v>1305</v>
      </c>
      <c r="P69" s="16">
        <v>2513</v>
      </c>
      <c r="Q69" s="16">
        <v>5009</v>
      </c>
      <c r="R69" s="16">
        <v>9248</v>
      </c>
      <c r="S69" s="16">
        <v>15199</v>
      </c>
      <c r="T69" s="16">
        <v>19328</v>
      </c>
      <c r="U69" s="16">
        <v>27364</v>
      </c>
      <c r="V69" s="16">
        <v>31725</v>
      </c>
      <c r="W69" s="16">
        <v>22192</v>
      </c>
      <c r="X69" s="16">
        <v>7941</v>
      </c>
      <c r="Y69" s="16">
        <v>1412</v>
      </c>
      <c r="Z69" s="16">
        <v>10307</v>
      </c>
      <c r="AA69" s="16">
        <v>134409</v>
      </c>
      <c r="AB69" s="16">
        <v>109962</v>
      </c>
      <c r="AC69" s="16">
        <v>63270</v>
      </c>
      <c r="AD69" s="16">
        <v>19548</v>
      </c>
      <c r="AE69" s="17">
        <v>81.681790000000007</v>
      </c>
    </row>
    <row r="70" spans="1:31">
      <c r="A70" s="21" t="s">
        <v>232</v>
      </c>
      <c r="B70" s="21" t="s">
        <v>237</v>
      </c>
      <c r="C70" s="21" t="s">
        <v>264</v>
      </c>
      <c r="D70" s="21" t="s">
        <v>395</v>
      </c>
      <c r="E70" s="21" t="s">
        <v>214</v>
      </c>
      <c r="F70" s="21" t="s">
        <v>469</v>
      </c>
      <c r="G70" s="16">
        <v>95406</v>
      </c>
      <c r="H70" s="16">
        <v>22</v>
      </c>
      <c r="I70" s="16">
        <v>392</v>
      </c>
      <c r="J70" s="16">
        <v>1532</v>
      </c>
      <c r="K70" s="16">
        <v>3443</v>
      </c>
      <c r="L70" s="16">
        <v>5786</v>
      </c>
      <c r="M70" s="16">
        <v>8152</v>
      </c>
      <c r="N70" s="16">
        <v>10388</v>
      </c>
      <c r="O70" s="16">
        <v>10693</v>
      </c>
      <c r="P70" s="16">
        <v>11160</v>
      </c>
      <c r="Q70" s="16">
        <v>11455</v>
      </c>
      <c r="R70" s="16">
        <v>11696</v>
      </c>
      <c r="S70" s="16">
        <v>10023</v>
      </c>
      <c r="T70" s="16">
        <v>5140</v>
      </c>
      <c r="U70" s="16">
        <v>2977</v>
      </c>
      <c r="V70" s="16">
        <v>1613</v>
      </c>
      <c r="W70" s="16">
        <v>722</v>
      </c>
      <c r="X70" s="16">
        <v>185</v>
      </c>
      <c r="Y70" s="16">
        <v>27</v>
      </c>
      <c r="Z70" s="16">
        <v>63023</v>
      </c>
      <c r="AA70" s="16">
        <v>32383</v>
      </c>
      <c r="AB70" s="16">
        <v>10664</v>
      </c>
      <c r="AC70" s="16">
        <v>2547</v>
      </c>
      <c r="AD70" s="16">
        <v>74697</v>
      </c>
      <c r="AE70" s="17">
        <v>57.928669999999997</v>
      </c>
    </row>
    <row r="71" spans="1:31">
      <c r="A71" s="21" t="s">
        <v>232</v>
      </c>
      <c r="B71" s="21" t="s">
        <v>237</v>
      </c>
      <c r="C71" s="21" t="s">
        <v>264</v>
      </c>
      <c r="D71" s="21" t="s">
        <v>395</v>
      </c>
      <c r="E71" s="21" t="s">
        <v>214</v>
      </c>
      <c r="F71" s="21" t="s">
        <v>470</v>
      </c>
      <c r="G71" s="16">
        <v>33150</v>
      </c>
      <c r="H71" s="16">
        <v>216</v>
      </c>
      <c r="I71" s="16">
        <v>1856</v>
      </c>
      <c r="J71" s="16">
        <v>2494</v>
      </c>
      <c r="K71" s="16">
        <v>2174</v>
      </c>
      <c r="L71" s="16">
        <v>2278</v>
      </c>
      <c r="M71" s="16">
        <v>2431</v>
      </c>
      <c r="N71" s="16">
        <v>2574</v>
      </c>
      <c r="O71" s="16">
        <v>2172</v>
      </c>
      <c r="P71" s="16">
        <v>1871</v>
      </c>
      <c r="Q71" s="16">
        <v>1825</v>
      </c>
      <c r="R71" s="16">
        <v>1957</v>
      </c>
      <c r="S71" s="16">
        <v>2147</v>
      </c>
      <c r="T71" s="16">
        <v>1857</v>
      </c>
      <c r="U71" s="16">
        <v>2180</v>
      </c>
      <c r="V71" s="16">
        <v>2424</v>
      </c>
      <c r="W71" s="16">
        <v>1824</v>
      </c>
      <c r="X71" s="16">
        <v>721</v>
      </c>
      <c r="Y71" s="16">
        <v>149</v>
      </c>
      <c r="Z71" s="16">
        <v>19891</v>
      </c>
      <c r="AA71" s="16">
        <v>13259</v>
      </c>
      <c r="AB71" s="16">
        <v>9155</v>
      </c>
      <c r="AC71" s="16">
        <v>5118</v>
      </c>
      <c r="AD71" s="16">
        <v>21632</v>
      </c>
      <c r="AE71" s="17">
        <v>57.606879999999997</v>
      </c>
    </row>
    <row r="72" spans="1:31">
      <c r="A72" s="21" t="s">
        <v>232</v>
      </c>
      <c r="B72" s="21" t="s">
        <v>237</v>
      </c>
      <c r="C72" s="21" t="s">
        <v>264</v>
      </c>
      <c r="D72" s="21" t="s">
        <v>395</v>
      </c>
      <c r="E72" s="21" t="s">
        <v>215</v>
      </c>
      <c r="F72" s="21" t="s">
        <v>214</v>
      </c>
      <c r="G72" s="16">
        <v>685755</v>
      </c>
      <c r="H72" s="16">
        <v>40645</v>
      </c>
      <c r="I72" s="16">
        <v>33041</v>
      </c>
      <c r="J72" s="16">
        <v>33845</v>
      </c>
      <c r="K72" s="16">
        <v>39877</v>
      </c>
      <c r="L72" s="16">
        <v>47310</v>
      </c>
      <c r="M72" s="16">
        <v>52356</v>
      </c>
      <c r="N72" s="16">
        <v>54917</v>
      </c>
      <c r="O72" s="16">
        <v>48363</v>
      </c>
      <c r="P72" s="16">
        <v>50665</v>
      </c>
      <c r="Q72" s="16">
        <v>55817</v>
      </c>
      <c r="R72" s="16">
        <v>62650</v>
      </c>
      <c r="S72" s="16">
        <v>60819</v>
      </c>
      <c r="T72" s="16">
        <v>40016</v>
      </c>
      <c r="U72" s="16">
        <v>32179</v>
      </c>
      <c r="V72" s="16">
        <v>22042</v>
      </c>
      <c r="W72" s="16">
        <v>9188</v>
      </c>
      <c r="X72" s="16">
        <v>1820</v>
      </c>
      <c r="Y72" s="16">
        <v>205</v>
      </c>
      <c r="Z72" s="16">
        <v>456836</v>
      </c>
      <c r="AA72" s="16">
        <v>228919</v>
      </c>
      <c r="AB72" s="16">
        <v>105450</v>
      </c>
      <c r="AC72" s="16">
        <v>33255</v>
      </c>
      <c r="AD72" s="16">
        <v>478841</v>
      </c>
      <c r="AE72" s="17">
        <v>53.34234</v>
      </c>
    </row>
    <row r="73" spans="1:31">
      <c r="A73" s="21" t="s">
        <v>232</v>
      </c>
      <c r="B73" s="21" t="s">
        <v>237</v>
      </c>
      <c r="C73" s="21" t="s">
        <v>264</v>
      </c>
      <c r="D73" s="21" t="s">
        <v>395</v>
      </c>
      <c r="E73" s="21" t="s">
        <v>215</v>
      </c>
      <c r="F73" s="21" t="s">
        <v>466</v>
      </c>
      <c r="G73" s="16">
        <v>192969</v>
      </c>
      <c r="H73" s="16">
        <v>40418</v>
      </c>
      <c r="I73" s="16">
        <v>29721</v>
      </c>
      <c r="J73" s="16">
        <v>21792</v>
      </c>
      <c r="K73" s="16">
        <v>16781</v>
      </c>
      <c r="L73" s="16">
        <v>14765</v>
      </c>
      <c r="M73" s="16">
        <v>13595</v>
      </c>
      <c r="N73" s="16">
        <v>13338</v>
      </c>
      <c r="O73" s="16">
        <v>10783</v>
      </c>
      <c r="P73" s="16">
        <v>9293</v>
      </c>
      <c r="Q73" s="16">
        <v>8365</v>
      </c>
      <c r="R73" s="16">
        <v>7133</v>
      </c>
      <c r="S73" s="16">
        <v>4307</v>
      </c>
      <c r="T73" s="16">
        <v>1569</v>
      </c>
      <c r="U73" s="16">
        <v>724</v>
      </c>
      <c r="V73" s="16">
        <v>283</v>
      </c>
      <c r="W73" s="16">
        <v>84</v>
      </c>
      <c r="X73" s="16">
        <v>14</v>
      </c>
      <c r="Y73" s="16">
        <v>4</v>
      </c>
      <c r="Z73" s="16">
        <v>178851</v>
      </c>
      <c r="AA73" s="16">
        <v>14118</v>
      </c>
      <c r="AB73" s="16">
        <v>2678</v>
      </c>
      <c r="AC73" s="16">
        <v>385</v>
      </c>
      <c r="AD73" s="16">
        <v>145566</v>
      </c>
      <c r="AE73" s="17">
        <v>35.758369999999999</v>
      </c>
    </row>
    <row r="74" spans="1:31">
      <c r="A74" s="21" t="s">
        <v>232</v>
      </c>
      <c r="B74" s="21" t="s">
        <v>237</v>
      </c>
      <c r="C74" s="21" t="s">
        <v>264</v>
      </c>
      <c r="D74" s="21" t="s">
        <v>395</v>
      </c>
      <c r="E74" s="21" t="s">
        <v>215</v>
      </c>
      <c r="F74" s="21" t="s">
        <v>467</v>
      </c>
      <c r="G74" s="16">
        <v>417665</v>
      </c>
      <c r="H74" s="16">
        <v>100</v>
      </c>
      <c r="I74" s="16">
        <v>2103</v>
      </c>
      <c r="J74" s="16">
        <v>10107</v>
      </c>
      <c r="K74" s="16">
        <v>20657</v>
      </c>
      <c r="L74" s="16">
        <v>29237</v>
      </c>
      <c r="M74" s="16">
        <v>34484</v>
      </c>
      <c r="N74" s="16">
        <v>36351</v>
      </c>
      <c r="O74" s="16">
        <v>31976</v>
      </c>
      <c r="P74" s="16">
        <v>35378</v>
      </c>
      <c r="Q74" s="16">
        <v>40632</v>
      </c>
      <c r="R74" s="16">
        <v>47414</v>
      </c>
      <c r="S74" s="16">
        <v>48459</v>
      </c>
      <c r="T74" s="16">
        <v>32663</v>
      </c>
      <c r="U74" s="16">
        <v>25768</v>
      </c>
      <c r="V74" s="16">
        <v>16107</v>
      </c>
      <c r="W74" s="16">
        <v>5477</v>
      </c>
      <c r="X74" s="16">
        <v>692</v>
      </c>
      <c r="Y74" s="16">
        <v>60</v>
      </c>
      <c r="Z74" s="16">
        <v>241025</v>
      </c>
      <c r="AA74" s="16">
        <v>176640</v>
      </c>
      <c r="AB74" s="16">
        <v>80767</v>
      </c>
      <c r="AC74" s="16">
        <v>22336</v>
      </c>
      <c r="AD74" s="16">
        <v>288339</v>
      </c>
      <c r="AE74" s="17">
        <v>59.609879999999997</v>
      </c>
    </row>
    <row r="75" spans="1:31">
      <c r="A75" s="21" t="s">
        <v>232</v>
      </c>
      <c r="B75" s="21" t="s">
        <v>237</v>
      </c>
      <c r="C75" s="21" t="s">
        <v>264</v>
      </c>
      <c r="D75" s="21" t="s">
        <v>395</v>
      </c>
      <c r="E75" s="21" t="s">
        <v>215</v>
      </c>
      <c r="F75" s="21" t="s">
        <v>468</v>
      </c>
      <c r="G75" s="16">
        <v>23997</v>
      </c>
      <c r="H75" s="16">
        <v>3</v>
      </c>
      <c r="I75" s="16">
        <v>6</v>
      </c>
      <c r="J75" s="16">
        <v>7</v>
      </c>
      <c r="K75" s="16">
        <v>15</v>
      </c>
      <c r="L75" s="16">
        <v>48</v>
      </c>
      <c r="M75" s="16">
        <v>102</v>
      </c>
      <c r="N75" s="16">
        <v>182</v>
      </c>
      <c r="O75" s="16">
        <v>303</v>
      </c>
      <c r="P75" s="16">
        <v>551</v>
      </c>
      <c r="Q75" s="16">
        <v>1139</v>
      </c>
      <c r="R75" s="16">
        <v>2070</v>
      </c>
      <c r="S75" s="16">
        <v>3075</v>
      </c>
      <c r="T75" s="16">
        <v>3286</v>
      </c>
      <c r="U75" s="16">
        <v>4152</v>
      </c>
      <c r="V75" s="16">
        <v>4707</v>
      </c>
      <c r="W75" s="16">
        <v>3226</v>
      </c>
      <c r="X75" s="16">
        <v>1000</v>
      </c>
      <c r="Y75" s="16">
        <v>125</v>
      </c>
      <c r="Z75" s="16">
        <v>2356</v>
      </c>
      <c r="AA75" s="16">
        <v>21641</v>
      </c>
      <c r="AB75" s="16">
        <v>16496</v>
      </c>
      <c r="AC75" s="16">
        <v>9058</v>
      </c>
      <c r="AD75" s="16">
        <v>4423</v>
      </c>
      <c r="AE75" s="17">
        <v>79.805289999999999</v>
      </c>
    </row>
    <row r="76" spans="1:31">
      <c r="A76" s="21" t="s">
        <v>232</v>
      </c>
      <c r="B76" s="21" t="s">
        <v>237</v>
      </c>
      <c r="C76" s="21" t="s">
        <v>264</v>
      </c>
      <c r="D76" s="21" t="s">
        <v>395</v>
      </c>
      <c r="E76" s="21" t="s">
        <v>215</v>
      </c>
      <c r="F76" s="21" t="s">
        <v>469</v>
      </c>
      <c r="G76" s="16">
        <v>34919</v>
      </c>
      <c r="H76" s="16">
        <v>6</v>
      </c>
      <c r="I76" s="16">
        <v>98</v>
      </c>
      <c r="J76" s="16">
        <v>425</v>
      </c>
      <c r="K76" s="16">
        <v>1076</v>
      </c>
      <c r="L76" s="16">
        <v>1881</v>
      </c>
      <c r="M76" s="16">
        <v>2770</v>
      </c>
      <c r="N76" s="16">
        <v>3557</v>
      </c>
      <c r="O76" s="16">
        <v>3979</v>
      </c>
      <c r="P76" s="16">
        <v>4367</v>
      </c>
      <c r="Q76" s="16">
        <v>4611</v>
      </c>
      <c r="R76" s="16">
        <v>4935</v>
      </c>
      <c r="S76" s="16">
        <v>3946</v>
      </c>
      <c r="T76" s="16">
        <v>1842</v>
      </c>
      <c r="U76" s="16">
        <v>944</v>
      </c>
      <c r="V76" s="16">
        <v>373</v>
      </c>
      <c r="W76" s="16">
        <v>98</v>
      </c>
      <c r="X76" s="16">
        <v>11</v>
      </c>
      <c r="Y76" s="22" t="s">
        <v>268</v>
      </c>
      <c r="Z76" s="16">
        <v>22770</v>
      </c>
      <c r="AA76" s="16">
        <v>12149</v>
      </c>
      <c r="AB76" s="16">
        <v>3268</v>
      </c>
      <c r="AC76" s="16">
        <v>482</v>
      </c>
      <c r="AD76" s="16">
        <v>27699</v>
      </c>
      <c r="AE76" s="17">
        <v>58.315660000000001</v>
      </c>
    </row>
    <row r="77" spans="1:31">
      <c r="A77" s="21" t="s">
        <v>232</v>
      </c>
      <c r="B77" s="21" t="s">
        <v>237</v>
      </c>
      <c r="C77" s="21" t="s">
        <v>264</v>
      </c>
      <c r="D77" s="21" t="s">
        <v>395</v>
      </c>
      <c r="E77" s="21" t="s">
        <v>215</v>
      </c>
      <c r="F77" s="21" t="s">
        <v>470</v>
      </c>
      <c r="G77" s="16">
        <v>16205</v>
      </c>
      <c r="H77" s="16">
        <v>118</v>
      </c>
      <c r="I77" s="16">
        <v>1113</v>
      </c>
      <c r="J77" s="16">
        <v>1514</v>
      </c>
      <c r="K77" s="16">
        <v>1348</v>
      </c>
      <c r="L77" s="16">
        <v>1379</v>
      </c>
      <c r="M77" s="16">
        <v>1405</v>
      </c>
      <c r="N77" s="16">
        <v>1489</v>
      </c>
      <c r="O77" s="16">
        <v>1322</v>
      </c>
      <c r="P77" s="16">
        <v>1076</v>
      </c>
      <c r="Q77" s="16">
        <v>1070</v>
      </c>
      <c r="R77" s="16">
        <v>1098</v>
      </c>
      <c r="S77" s="16">
        <v>1032</v>
      </c>
      <c r="T77" s="16">
        <v>656</v>
      </c>
      <c r="U77" s="16">
        <v>591</v>
      </c>
      <c r="V77" s="16">
        <v>572</v>
      </c>
      <c r="W77" s="16">
        <v>303</v>
      </c>
      <c r="X77" s="16">
        <v>103</v>
      </c>
      <c r="Y77" s="16">
        <v>16</v>
      </c>
      <c r="Z77" s="16">
        <v>11834</v>
      </c>
      <c r="AA77" s="16">
        <v>4371</v>
      </c>
      <c r="AB77" s="16">
        <v>2241</v>
      </c>
      <c r="AC77" s="16">
        <v>994</v>
      </c>
      <c r="AD77" s="16">
        <v>12814</v>
      </c>
      <c r="AE77" s="17">
        <v>51.289819999999999</v>
      </c>
    </row>
    <row r="78" spans="1:31">
      <c r="A78" s="21" t="s">
        <v>232</v>
      </c>
      <c r="B78" s="21" t="s">
        <v>237</v>
      </c>
      <c r="C78" s="21" t="s">
        <v>264</v>
      </c>
      <c r="D78" s="21" t="s">
        <v>395</v>
      </c>
      <c r="E78" s="21" t="s">
        <v>216</v>
      </c>
      <c r="F78" s="21" t="s">
        <v>214</v>
      </c>
      <c r="G78" s="16">
        <v>784366</v>
      </c>
      <c r="H78" s="16">
        <v>38285</v>
      </c>
      <c r="I78" s="16">
        <v>33028</v>
      </c>
      <c r="J78" s="16">
        <v>34613</v>
      </c>
      <c r="K78" s="16">
        <v>41072</v>
      </c>
      <c r="L78" s="16">
        <v>48412</v>
      </c>
      <c r="M78" s="16">
        <v>53086</v>
      </c>
      <c r="N78" s="16">
        <v>56620</v>
      </c>
      <c r="O78" s="16">
        <v>52841</v>
      </c>
      <c r="P78" s="16">
        <v>55485</v>
      </c>
      <c r="Q78" s="16">
        <v>59974</v>
      </c>
      <c r="R78" s="16">
        <v>66927</v>
      </c>
      <c r="S78" s="16">
        <v>67323</v>
      </c>
      <c r="T78" s="16">
        <v>52490</v>
      </c>
      <c r="U78" s="16">
        <v>48715</v>
      </c>
      <c r="V78" s="16">
        <v>41219</v>
      </c>
      <c r="W78" s="16">
        <v>24384</v>
      </c>
      <c r="X78" s="16">
        <v>8388</v>
      </c>
      <c r="Y78" s="16">
        <v>1504</v>
      </c>
      <c r="Z78" s="16">
        <v>473416</v>
      </c>
      <c r="AA78" s="16">
        <v>310950</v>
      </c>
      <c r="AB78" s="16">
        <v>176700</v>
      </c>
      <c r="AC78" s="16">
        <v>75495</v>
      </c>
      <c r="AD78" s="16">
        <v>502058</v>
      </c>
      <c r="AE78" s="17">
        <v>56.700470000000003</v>
      </c>
    </row>
    <row r="79" spans="1:31">
      <c r="A79" s="21" t="s">
        <v>232</v>
      </c>
      <c r="B79" s="21" t="s">
        <v>237</v>
      </c>
      <c r="C79" s="21" t="s">
        <v>264</v>
      </c>
      <c r="D79" s="21" t="s">
        <v>395</v>
      </c>
      <c r="E79" s="21" t="s">
        <v>216</v>
      </c>
      <c r="F79" s="21" t="s">
        <v>466</v>
      </c>
      <c r="G79" s="16">
        <v>167123</v>
      </c>
      <c r="H79" s="16">
        <v>38023</v>
      </c>
      <c r="I79" s="16">
        <v>29049</v>
      </c>
      <c r="J79" s="16">
        <v>19599</v>
      </c>
      <c r="K79" s="16">
        <v>13239</v>
      </c>
      <c r="L79" s="16">
        <v>11023</v>
      </c>
      <c r="M79" s="16">
        <v>10158</v>
      </c>
      <c r="N79" s="16">
        <v>10081</v>
      </c>
      <c r="O79" s="16">
        <v>8318</v>
      </c>
      <c r="P79" s="16">
        <v>6587</v>
      </c>
      <c r="Q79" s="16">
        <v>5050</v>
      </c>
      <c r="R79" s="16">
        <v>4529</v>
      </c>
      <c r="S79" s="16">
        <v>4007</v>
      </c>
      <c r="T79" s="16">
        <v>2548</v>
      </c>
      <c r="U79" s="16">
        <v>2026</v>
      </c>
      <c r="V79" s="16">
        <v>1549</v>
      </c>
      <c r="W79" s="16">
        <v>956</v>
      </c>
      <c r="X79" s="16">
        <v>348</v>
      </c>
      <c r="Y79" s="16">
        <v>33</v>
      </c>
      <c r="Z79" s="16">
        <v>151127</v>
      </c>
      <c r="AA79" s="16">
        <v>15996</v>
      </c>
      <c r="AB79" s="16">
        <v>7460</v>
      </c>
      <c r="AC79" s="16">
        <v>2886</v>
      </c>
      <c r="AD79" s="16">
        <v>117633</v>
      </c>
      <c r="AE79" s="17">
        <v>35.601430000000001</v>
      </c>
    </row>
    <row r="80" spans="1:31">
      <c r="A80" s="21" t="s">
        <v>232</v>
      </c>
      <c r="B80" s="21" t="s">
        <v>237</v>
      </c>
      <c r="C80" s="21" t="s">
        <v>264</v>
      </c>
      <c r="D80" s="21" t="s">
        <v>395</v>
      </c>
      <c r="E80" s="21" t="s">
        <v>216</v>
      </c>
      <c r="F80" s="21" t="s">
        <v>467</v>
      </c>
      <c r="G80" s="16">
        <v>419092</v>
      </c>
      <c r="H80" s="16">
        <v>144</v>
      </c>
      <c r="I80" s="16">
        <v>2925</v>
      </c>
      <c r="J80" s="16">
        <v>12902</v>
      </c>
      <c r="K80" s="16">
        <v>24581</v>
      </c>
      <c r="L80" s="16">
        <v>32437</v>
      </c>
      <c r="M80" s="16">
        <v>36245</v>
      </c>
      <c r="N80" s="16">
        <v>38034</v>
      </c>
      <c r="O80" s="16">
        <v>35957</v>
      </c>
      <c r="P80" s="16">
        <v>39348</v>
      </c>
      <c r="Q80" s="16">
        <v>43455</v>
      </c>
      <c r="R80" s="16">
        <v>47600</v>
      </c>
      <c r="S80" s="16">
        <v>44000</v>
      </c>
      <c r="T80" s="16">
        <v>29401</v>
      </c>
      <c r="U80" s="16">
        <v>19855</v>
      </c>
      <c r="V80" s="16">
        <v>9560</v>
      </c>
      <c r="W80" s="16">
        <v>2317</v>
      </c>
      <c r="X80" s="16">
        <v>307</v>
      </c>
      <c r="Y80" s="16">
        <v>24</v>
      </c>
      <c r="Z80" s="16">
        <v>266028</v>
      </c>
      <c r="AA80" s="16">
        <v>153064</v>
      </c>
      <c r="AB80" s="16">
        <v>61464</v>
      </c>
      <c r="AC80" s="16">
        <v>12208</v>
      </c>
      <c r="AD80" s="16">
        <v>313484</v>
      </c>
      <c r="AE80" s="17">
        <v>57.384990000000002</v>
      </c>
    </row>
    <row r="81" spans="1:31">
      <c r="A81" s="21" t="s">
        <v>232</v>
      </c>
      <c r="B81" s="21" t="s">
        <v>237</v>
      </c>
      <c r="C81" s="21" t="s">
        <v>264</v>
      </c>
      <c r="D81" s="21" t="s">
        <v>395</v>
      </c>
      <c r="E81" s="21" t="s">
        <v>216</v>
      </c>
      <c r="F81" s="21" t="s">
        <v>468</v>
      </c>
      <c r="G81" s="16">
        <v>120719</v>
      </c>
      <c r="H81" s="16">
        <v>4</v>
      </c>
      <c r="I81" s="16">
        <v>17</v>
      </c>
      <c r="J81" s="16">
        <v>25</v>
      </c>
      <c r="K81" s="16">
        <v>59</v>
      </c>
      <c r="L81" s="16">
        <v>148</v>
      </c>
      <c r="M81" s="16">
        <v>275</v>
      </c>
      <c r="N81" s="16">
        <v>589</v>
      </c>
      <c r="O81" s="16">
        <v>1002</v>
      </c>
      <c r="P81" s="16">
        <v>1962</v>
      </c>
      <c r="Q81" s="16">
        <v>3870</v>
      </c>
      <c r="R81" s="16">
        <v>7178</v>
      </c>
      <c r="S81" s="16">
        <v>12124</v>
      </c>
      <c r="T81" s="16">
        <v>16042</v>
      </c>
      <c r="U81" s="16">
        <v>23212</v>
      </c>
      <c r="V81" s="16">
        <v>27018</v>
      </c>
      <c r="W81" s="16">
        <v>18966</v>
      </c>
      <c r="X81" s="16">
        <v>6941</v>
      </c>
      <c r="Y81" s="16">
        <v>1287</v>
      </c>
      <c r="Z81" s="16">
        <v>7951</v>
      </c>
      <c r="AA81" s="16">
        <v>112768</v>
      </c>
      <c r="AB81" s="16">
        <v>93466</v>
      </c>
      <c r="AC81" s="16">
        <v>54212</v>
      </c>
      <c r="AD81" s="16">
        <v>15125</v>
      </c>
      <c r="AE81" s="17">
        <v>82.054810000000003</v>
      </c>
    </row>
    <row r="82" spans="1:31">
      <c r="A82" s="21" t="s">
        <v>232</v>
      </c>
      <c r="B82" s="21" t="s">
        <v>237</v>
      </c>
      <c r="C82" s="21" t="s">
        <v>264</v>
      </c>
      <c r="D82" s="21" t="s">
        <v>395</v>
      </c>
      <c r="E82" s="21" t="s">
        <v>216</v>
      </c>
      <c r="F82" s="21" t="s">
        <v>469</v>
      </c>
      <c r="G82" s="16">
        <v>60487</v>
      </c>
      <c r="H82" s="16">
        <v>16</v>
      </c>
      <c r="I82" s="16">
        <v>294</v>
      </c>
      <c r="J82" s="16">
        <v>1107</v>
      </c>
      <c r="K82" s="16">
        <v>2367</v>
      </c>
      <c r="L82" s="16">
        <v>3905</v>
      </c>
      <c r="M82" s="16">
        <v>5382</v>
      </c>
      <c r="N82" s="16">
        <v>6831</v>
      </c>
      <c r="O82" s="16">
        <v>6714</v>
      </c>
      <c r="P82" s="16">
        <v>6793</v>
      </c>
      <c r="Q82" s="16">
        <v>6844</v>
      </c>
      <c r="R82" s="16">
        <v>6761</v>
      </c>
      <c r="S82" s="16">
        <v>6077</v>
      </c>
      <c r="T82" s="16">
        <v>3298</v>
      </c>
      <c r="U82" s="16">
        <v>2033</v>
      </c>
      <c r="V82" s="16">
        <v>1240</v>
      </c>
      <c r="W82" s="16">
        <v>624</v>
      </c>
      <c r="X82" s="16">
        <v>174</v>
      </c>
      <c r="Y82" s="16">
        <v>27</v>
      </c>
      <c r="Z82" s="16">
        <v>40253</v>
      </c>
      <c r="AA82" s="16">
        <v>20234</v>
      </c>
      <c r="AB82" s="16">
        <v>7396</v>
      </c>
      <c r="AC82" s="16">
        <v>2065</v>
      </c>
      <c r="AD82" s="16">
        <v>46998</v>
      </c>
      <c r="AE82" s="17">
        <v>57.705269999999999</v>
      </c>
    </row>
    <row r="83" spans="1:31">
      <c r="A83" s="21" t="s">
        <v>232</v>
      </c>
      <c r="B83" s="21" t="s">
        <v>237</v>
      </c>
      <c r="C83" s="21" t="s">
        <v>264</v>
      </c>
      <c r="D83" s="21" t="s">
        <v>395</v>
      </c>
      <c r="E83" s="21" t="s">
        <v>216</v>
      </c>
      <c r="F83" s="21" t="s">
        <v>470</v>
      </c>
      <c r="G83" s="16">
        <v>16945</v>
      </c>
      <c r="H83" s="16">
        <v>98</v>
      </c>
      <c r="I83" s="16">
        <v>743</v>
      </c>
      <c r="J83" s="16">
        <v>980</v>
      </c>
      <c r="K83" s="16">
        <v>826</v>
      </c>
      <c r="L83" s="16">
        <v>899</v>
      </c>
      <c r="M83" s="16">
        <v>1026</v>
      </c>
      <c r="N83" s="16">
        <v>1085</v>
      </c>
      <c r="O83" s="16">
        <v>850</v>
      </c>
      <c r="P83" s="16">
        <v>795</v>
      </c>
      <c r="Q83" s="16">
        <v>755</v>
      </c>
      <c r="R83" s="16">
        <v>859</v>
      </c>
      <c r="S83" s="16">
        <v>1115</v>
      </c>
      <c r="T83" s="16">
        <v>1201</v>
      </c>
      <c r="U83" s="16">
        <v>1589</v>
      </c>
      <c r="V83" s="16">
        <v>1852</v>
      </c>
      <c r="W83" s="16">
        <v>1521</v>
      </c>
      <c r="X83" s="16">
        <v>618</v>
      </c>
      <c r="Y83" s="16">
        <v>133</v>
      </c>
      <c r="Z83" s="16">
        <v>8057</v>
      </c>
      <c r="AA83" s="16">
        <v>8888</v>
      </c>
      <c r="AB83" s="16">
        <v>6914</v>
      </c>
      <c r="AC83" s="16">
        <v>4124</v>
      </c>
      <c r="AD83" s="16">
        <v>8818</v>
      </c>
      <c r="AE83" s="17">
        <v>63.648069999999997</v>
      </c>
    </row>
    <row r="84" spans="1:31">
      <c r="A84" s="21" t="s">
        <v>240</v>
      </c>
      <c r="B84" s="21" t="s">
        <v>237</v>
      </c>
      <c r="C84" s="21" t="s">
        <v>265</v>
      </c>
      <c r="D84" s="21" t="s">
        <v>394</v>
      </c>
      <c r="E84" s="21" t="s">
        <v>214</v>
      </c>
      <c r="F84" s="21" t="s">
        <v>214</v>
      </c>
      <c r="G84" s="16">
        <v>107177</v>
      </c>
      <c r="H84" s="16">
        <v>5769</v>
      </c>
      <c r="I84" s="16">
        <v>4392</v>
      </c>
      <c r="J84" s="16">
        <v>4790</v>
      </c>
      <c r="K84" s="16">
        <v>5519</v>
      </c>
      <c r="L84" s="16">
        <v>6360</v>
      </c>
      <c r="M84" s="16">
        <v>6914</v>
      </c>
      <c r="N84" s="16">
        <v>7620</v>
      </c>
      <c r="O84" s="16">
        <v>7331</v>
      </c>
      <c r="P84" s="16">
        <v>7793</v>
      </c>
      <c r="Q84" s="16">
        <v>8558</v>
      </c>
      <c r="R84" s="16">
        <v>9712</v>
      </c>
      <c r="S84" s="16">
        <v>9800</v>
      </c>
      <c r="T84" s="16">
        <v>7564</v>
      </c>
      <c r="U84" s="16">
        <v>6531</v>
      </c>
      <c r="V84" s="16">
        <v>5155</v>
      </c>
      <c r="W84" s="16">
        <v>2579</v>
      </c>
      <c r="X84" s="16">
        <v>698</v>
      </c>
      <c r="Y84" s="16">
        <v>92</v>
      </c>
      <c r="Z84" s="16">
        <v>65046</v>
      </c>
      <c r="AA84" s="16">
        <v>42131</v>
      </c>
      <c r="AB84" s="16">
        <v>22619</v>
      </c>
      <c r="AC84" s="16">
        <v>8524</v>
      </c>
      <c r="AD84" s="16">
        <v>68989</v>
      </c>
      <c r="AE84" s="17">
        <v>56.24494</v>
      </c>
    </row>
    <row r="85" spans="1:31">
      <c r="A85" s="21" t="s">
        <v>240</v>
      </c>
      <c r="B85" s="21" t="s">
        <v>237</v>
      </c>
      <c r="C85" s="21" t="s">
        <v>265</v>
      </c>
      <c r="D85" s="21" t="s">
        <v>394</v>
      </c>
      <c r="E85" s="21" t="s">
        <v>214</v>
      </c>
      <c r="F85" s="21" t="s">
        <v>466</v>
      </c>
      <c r="G85" s="16">
        <v>25424</v>
      </c>
      <c r="H85" s="16">
        <v>5732</v>
      </c>
      <c r="I85" s="16">
        <v>3826</v>
      </c>
      <c r="J85" s="16">
        <v>2880</v>
      </c>
      <c r="K85" s="16">
        <v>2125</v>
      </c>
      <c r="L85" s="16">
        <v>1798</v>
      </c>
      <c r="M85" s="16">
        <v>1589</v>
      </c>
      <c r="N85" s="16">
        <v>1675</v>
      </c>
      <c r="O85" s="16">
        <v>1402</v>
      </c>
      <c r="P85" s="16">
        <v>1214</v>
      </c>
      <c r="Q85" s="16">
        <v>1004</v>
      </c>
      <c r="R85" s="16">
        <v>842</v>
      </c>
      <c r="S85" s="16">
        <v>591</v>
      </c>
      <c r="T85" s="16">
        <v>339</v>
      </c>
      <c r="U85" s="16">
        <v>177</v>
      </c>
      <c r="V85" s="16">
        <v>137</v>
      </c>
      <c r="W85" s="16">
        <v>70</v>
      </c>
      <c r="X85" s="16">
        <v>22</v>
      </c>
      <c r="Y85" s="16">
        <v>1</v>
      </c>
      <c r="Z85" s="16">
        <v>23245</v>
      </c>
      <c r="AA85" s="16">
        <v>2179</v>
      </c>
      <c r="AB85" s="16">
        <v>746</v>
      </c>
      <c r="AC85" s="16">
        <v>230</v>
      </c>
      <c r="AD85" s="16">
        <v>18355</v>
      </c>
      <c r="AE85" s="17">
        <v>35.954329999999999</v>
      </c>
    </row>
    <row r="86" spans="1:31">
      <c r="A86" s="21" t="s">
        <v>240</v>
      </c>
      <c r="B86" s="21" t="s">
        <v>237</v>
      </c>
      <c r="C86" s="21" t="s">
        <v>265</v>
      </c>
      <c r="D86" s="21" t="s">
        <v>394</v>
      </c>
      <c r="E86" s="21" t="s">
        <v>214</v>
      </c>
      <c r="F86" s="21" t="s">
        <v>467</v>
      </c>
      <c r="G86" s="16">
        <v>59877</v>
      </c>
      <c r="H86" s="16">
        <v>23</v>
      </c>
      <c r="I86" s="16">
        <v>400</v>
      </c>
      <c r="J86" s="16">
        <v>1566</v>
      </c>
      <c r="K86" s="16">
        <v>2924</v>
      </c>
      <c r="L86" s="16">
        <v>3897</v>
      </c>
      <c r="M86" s="16">
        <v>4485</v>
      </c>
      <c r="N86" s="16">
        <v>4890</v>
      </c>
      <c r="O86" s="16">
        <v>4830</v>
      </c>
      <c r="P86" s="16">
        <v>5321</v>
      </c>
      <c r="Q86" s="16">
        <v>6117</v>
      </c>
      <c r="R86" s="16">
        <v>7077</v>
      </c>
      <c r="S86" s="16">
        <v>7029</v>
      </c>
      <c r="T86" s="16">
        <v>5016</v>
      </c>
      <c r="U86" s="16">
        <v>3645</v>
      </c>
      <c r="V86" s="16">
        <v>1985</v>
      </c>
      <c r="W86" s="16">
        <v>596</v>
      </c>
      <c r="X86" s="16">
        <v>72</v>
      </c>
      <c r="Y86" s="16">
        <v>4</v>
      </c>
      <c r="Z86" s="16">
        <v>34453</v>
      </c>
      <c r="AA86" s="16">
        <v>25424</v>
      </c>
      <c r="AB86" s="16">
        <v>11318</v>
      </c>
      <c r="AC86" s="16">
        <v>2657</v>
      </c>
      <c r="AD86" s="16">
        <v>41507</v>
      </c>
      <c r="AE86" s="17">
        <v>59.633139999999997</v>
      </c>
    </row>
    <row r="87" spans="1:31">
      <c r="A87" s="21" t="s">
        <v>240</v>
      </c>
      <c r="B87" s="21" t="s">
        <v>237</v>
      </c>
      <c r="C87" s="21" t="s">
        <v>265</v>
      </c>
      <c r="D87" s="21" t="s">
        <v>394</v>
      </c>
      <c r="E87" s="21" t="s">
        <v>214</v>
      </c>
      <c r="F87" s="21" t="s">
        <v>468</v>
      </c>
      <c r="G87" s="16">
        <v>12146</v>
      </c>
      <c r="H87" s="22" t="s">
        <v>268</v>
      </c>
      <c r="I87" s="16">
        <v>1</v>
      </c>
      <c r="J87" s="16">
        <v>3</v>
      </c>
      <c r="K87" s="16">
        <v>11</v>
      </c>
      <c r="L87" s="16">
        <v>24</v>
      </c>
      <c r="M87" s="16">
        <v>36</v>
      </c>
      <c r="N87" s="16">
        <v>63</v>
      </c>
      <c r="O87" s="16">
        <v>91</v>
      </c>
      <c r="P87" s="16">
        <v>236</v>
      </c>
      <c r="Q87" s="16">
        <v>393</v>
      </c>
      <c r="R87" s="16">
        <v>759</v>
      </c>
      <c r="S87" s="16">
        <v>1248</v>
      </c>
      <c r="T87" s="16">
        <v>1738</v>
      </c>
      <c r="U87" s="16">
        <v>2342</v>
      </c>
      <c r="V87" s="16">
        <v>2782</v>
      </c>
      <c r="W87" s="16">
        <v>1786</v>
      </c>
      <c r="X87" s="16">
        <v>552</v>
      </c>
      <c r="Y87" s="16">
        <v>81</v>
      </c>
      <c r="Z87" s="16">
        <v>858</v>
      </c>
      <c r="AA87" s="16">
        <v>11288</v>
      </c>
      <c r="AB87" s="16">
        <v>9281</v>
      </c>
      <c r="AC87" s="16">
        <v>5201</v>
      </c>
      <c r="AD87" s="16">
        <v>1617</v>
      </c>
      <c r="AE87" s="17">
        <v>81.458340000000007</v>
      </c>
    </row>
    <row r="88" spans="1:31">
      <c r="A88" s="21" t="s">
        <v>240</v>
      </c>
      <c r="B88" s="21" t="s">
        <v>237</v>
      </c>
      <c r="C88" s="21" t="s">
        <v>265</v>
      </c>
      <c r="D88" s="21" t="s">
        <v>394</v>
      </c>
      <c r="E88" s="21" t="s">
        <v>214</v>
      </c>
      <c r="F88" s="21" t="s">
        <v>469</v>
      </c>
      <c r="G88" s="16">
        <v>7847</v>
      </c>
      <c r="H88" s="16">
        <v>4</v>
      </c>
      <c r="I88" s="16">
        <v>39</v>
      </c>
      <c r="J88" s="16">
        <v>151</v>
      </c>
      <c r="K88" s="16">
        <v>310</v>
      </c>
      <c r="L88" s="16">
        <v>498</v>
      </c>
      <c r="M88" s="16">
        <v>650</v>
      </c>
      <c r="N88" s="16">
        <v>855</v>
      </c>
      <c r="O88" s="16">
        <v>903</v>
      </c>
      <c r="P88" s="16">
        <v>913</v>
      </c>
      <c r="Q88" s="16">
        <v>922</v>
      </c>
      <c r="R88" s="16">
        <v>933</v>
      </c>
      <c r="S88" s="16">
        <v>842</v>
      </c>
      <c r="T88" s="16">
        <v>381</v>
      </c>
      <c r="U88" s="16">
        <v>256</v>
      </c>
      <c r="V88" s="16">
        <v>127</v>
      </c>
      <c r="W88" s="16">
        <v>48</v>
      </c>
      <c r="X88" s="16">
        <v>13</v>
      </c>
      <c r="Y88" s="16">
        <v>2</v>
      </c>
      <c r="Z88" s="16">
        <v>5245</v>
      </c>
      <c r="AA88" s="16">
        <v>2602</v>
      </c>
      <c r="AB88" s="16">
        <v>827</v>
      </c>
      <c r="AC88" s="16">
        <v>190</v>
      </c>
      <c r="AD88" s="16">
        <v>6174</v>
      </c>
      <c r="AE88" s="17">
        <v>57.508670000000002</v>
      </c>
    </row>
    <row r="89" spans="1:31">
      <c r="A89" s="21" t="s">
        <v>240</v>
      </c>
      <c r="B89" s="21" t="s">
        <v>237</v>
      </c>
      <c r="C89" s="21" t="s">
        <v>265</v>
      </c>
      <c r="D89" s="21" t="s">
        <v>394</v>
      </c>
      <c r="E89" s="21" t="s">
        <v>214</v>
      </c>
      <c r="F89" s="21" t="s">
        <v>470</v>
      </c>
      <c r="G89" s="16">
        <v>1883</v>
      </c>
      <c r="H89" s="16">
        <v>10</v>
      </c>
      <c r="I89" s="16">
        <v>126</v>
      </c>
      <c r="J89" s="16">
        <v>190</v>
      </c>
      <c r="K89" s="16">
        <v>149</v>
      </c>
      <c r="L89" s="16">
        <v>143</v>
      </c>
      <c r="M89" s="16">
        <v>154</v>
      </c>
      <c r="N89" s="16">
        <v>137</v>
      </c>
      <c r="O89" s="16">
        <v>105</v>
      </c>
      <c r="P89" s="16">
        <v>109</v>
      </c>
      <c r="Q89" s="16">
        <v>122</v>
      </c>
      <c r="R89" s="16">
        <v>101</v>
      </c>
      <c r="S89" s="16">
        <v>90</v>
      </c>
      <c r="T89" s="16">
        <v>90</v>
      </c>
      <c r="U89" s="16">
        <v>111</v>
      </c>
      <c r="V89" s="16">
        <v>124</v>
      </c>
      <c r="W89" s="16">
        <v>79</v>
      </c>
      <c r="X89" s="16">
        <v>39</v>
      </c>
      <c r="Y89" s="16">
        <v>4</v>
      </c>
      <c r="Z89" s="16">
        <v>1245</v>
      </c>
      <c r="AA89" s="16">
        <v>638</v>
      </c>
      <c r="AB89" s="16">
        <v>447</v>
      </c>
      <c r="AC89" s="16">
        <v>246</v>
      </c>
      <c r="AD89" s="16">
        <v>1336</v>
      </c>
      <c r="AE89" s="17">
        <v>54.56373</v>
      </c>
    </row>
    <row r="90" spans="1:31">
      <c r="A90" s="21" t="s">
        <v>240</v>
      </c>
      <c r="B90" s="21" t="s">
        <v>237</v>
      </c>
      <c r="C90" s="21" t="s">
        <v>265</v>
      </c>
      <c r="D90" s="21" t="s">
        <v>394</v>
      </c>
      <c r="E90" s="21" t="s">
        <v>215</v>
      </c>
      <c r="F90" s="21" t="s">
        <v>214</v>
      </c>
      <c r="G90" s="16">
        <v>49213</v>
      </c>
      <c r="H90" s="16">
        <v>2978</v>
      </c>
      <c r="I90" s="16">
        <v>2025</v>
      </c>
      <c r="J90" s="16">
        <v>2260</v>
      </c>
      <c r="K90" s="16">
        <v>2608</v>
      </c>
      <c r="L90" s="16">
        <v>3096</v>
      </c>
      <c r="M90" s="16">
        <v>3404</v>
      </c>
      <c r="N90" s="16">
        <v>3711</v>
      </c>
      <c r="O90" s="16">
        <v>3557</v>
      </c>
      <c r="P90" s="16">
        <v>3769</v>
      </c>
      <c r="Q90" s="16">
        <v>4158</v>
      </c>
      <c r="R90" s="16">
        <v>4667</v>
      </c>
      <c r="S90" s="16">
        <v>4635</v>
      </c>
      <c r="T90" s="16">
        <v>3209</v>
      </c>
      <c r="U90" s="16">
        <v>2532</v>
      </c>
      <c r="V90" s="16">
        <v>1771</v>
      </c>
      <c r="W90" s="16">
        <v>708</v>
      </c>
      <c r="X90" s="16">
        <v>115</v>
      </c>
      <c r="Y90" s="16">
        <v>10</v>
      </c>
      <c r="Z90" s="16">
        <v>31566</v>
      </c>
      <c r="AA90" s="16">
        <v>17647</v>
      </c>
      <c r="AB90" s="16">
        <v>8345</v>
      </c>
      <c r="AC90" s="16">
        <v>2604</v>
      </c>
      <c r="AD90" s="16">
        <v>33255</v>
      </c>
      <c r="AE90" s="17">
        <v>54.550130000000003</v>
      </c>
    </row>
    <row r="91" spans="1:31">
      <c r="A91" s="21" t="s">
        <v>240</v>
      </c>
      <c r="B91" s="21" t="s">
        <v>237</v>
      </c>
      <c r="C91" s="21" t="s">
        <v>265</v>
      </c>
      <c r="D91" s="21" t="s">
        <v>394</v>
      </c>
      <c r="E91" s="21" t="s">
        <v>215</v>
      </c>
      <c r="F91" s="21" t="s">
        <v>466</v>
      </c>
      <c r="G91" s="16">
        <v>13733</v>
      </c>
      <c r="H91" s="16">
        <v>2962</v>
      </c>
      <c r="I91" s="16">
        <v>1790</v>
      </c>
      <c r="J91" s="16">
        <v>1450</v>
      </c>
      <c r="K91" s="16">
        <v>1181</v>
      </c>
      <c r="L91" s="16">
        <v>1028</v>
      </c>
      <c r="M91" s="16">
        <v>947</v>
      </c>
      <c r="N91" s="16">
        <v>997</v>
      </c>
      <c r="O91" s="16">
        <v>863</v>
      </c>
      <c r="P91" s="16">
        <v>760</v>
      </c>
      <c r="Q91" s="16">
        <v>687</v>
      </c>
      <c r="R91" s="16">
        <v>545</v>
      </c>
      <c r="S91" s="16">
        <v>336</v>
      </c>
      <c r="T91" s="16">
        <v>131</v>
      </c>
      <c r="U91" s="16">
        <v>34</v>
      </c>
      <c r="V91" s="16">
        <v>19</v>
      </c>
      <c r="W91" s="16">
        <v>3</v>
      </c>
      <c r="X91" s="22" t="s">
        <v>268</v>
      </c>
      <c r="Y91" s="22" t="s">
        <v>268</v>
      </c>
      <c r="Z91" s="16">
        <v>12665</v>
      </c>
      <c r="AA91" s="16">
        <v>1068</v>
      </c>
      <c r="AB91" s="16">
        <v>187</v>
      </c>
      <c r="AC91" s="16">
        <v>22</v>
      </c>
      <c r="AD91" s="16">
        <v>10248</v>
      </c>
      <c r="AE91" s="17">
        <v>36.64884</v>
      </c>
    </row>
    <row r="92" spans="1:31">
      <c r="A92" s="21" t="s">
        <v>240</v>
      </c>
      <c r="B92" s="21" t="s">
        <v>237</v>
      </c>
      <c r="C92" s="21" t="s">
        <v>265</v>
      </c>
      <c r="D92" s="21" t="s">
        <v>394</v>
      </c>
      <c r="E92" s="21" t="s">
        <v>215</v>
      </c>
      <c r="F92" s="21" t="s">
        <v>467</v>
      </c>
      <c r="G92" s="16">
        <v>29755</v>
      </c>
      <c r="H92" s="16">
        <v>9</v>
      </c>
      <c r="I92" s="16">
        <v>161</v>
      </c>
      <c r="J92" s="16">
        <v>673</v>
      </c>
      <c r="K92" s="16">
        <v>1251</v>
      </c>
      <c r="L92" s="16">
        <v>1834</v>
      </c>
      <c r="M92" s="16">
        <v>2186</v>
      </c>
      <c r="N92" s="16">
        <v>2309</v>
      </c>
      <c r="O92" s="16">
        <v>2256</v>
      </c>
      <c r="P92" s="16">
        <v>2540</v>
      </c>
      <c r="Q92" s="16">
        <v>2936</v>
      </c>
      <c r="R92" s="16">
        <v>3490</v>
      </c>
      <c r="S92" s="16">
        <v>3681</v>
      </c>
      <c r="T92" s="16">
        <v>2630</v>
      </c>
      <c r="U92" s="16">
        <v>2076</v>
      </c>
      <c r="V92" s="16">
        <v>1254</v>
      </c>
      <c r="W92" s="16">
        <v>425</v>
      </c>
      <c r="X92" s="16">
        <v>40</v>
      </c>
      <c r="Y92" s="16">
        <v>4</v>
      </c>
      <c r="Z92" s="16">
        <v>16155</v>
      </c>
      <c r="AA92" s="16">
        <v>13600</v>
      </c>
      <c r="AB92" s="16">
        <v>6429</v>
      </c>
      <c r="AC92" s="16">
        <v>1723</v>
      </c>
      <c r="AD92" s="16">
        <v>19636</v>
      </c>
      <c r="AE92" s="17">
        <v>60.92342</v>
      </c>
    </row>
    <row r="93" spans="1:31">
      <c r="A93" s="21" t="s">
        <v>240</v>
      </c>
      <c r="B93" s="21" t="s">
        <v>237</v>
      </c>
      <c r="C93" s="21" t="s">
        <v>265</v>
      </c>
      <c r="D93" s="21" t="s">
        <v>394</v>
      </c>
      <c r="E93" s="21" t="s">
        <v>215</v>
      </c>
      <c r="F93" s="21" t="s">
        <v>468</v>
      </c>
      <c r="G93" s="16">
        <v>1992</v>
      </c>
      <c r="H93" s="22" t="s">
        <v>268</v>
      </c>
      <c r="I93" s="22" t="s">
        <v>268</v>
      </c>
      <c r="J93" s="22" t="s">
        <v>268</v>
      </c>
      <c r="K93" s="22" t="s">
        <v>268</v>
      </c>
      <c r="L93" s="16">
        <v>4</v>
      </c>
      <c r="M93" s="16">
        <v>5</v>
      </c>
      <c r="N93" s="16">
        <v>16</v>
      </c>
      <c r="O93" s="16">
        <v>24</v>
      </c>
      <c r="P93" s="16">
        <v>44</v>
      </c>
      <c r="Q93" s="16">
        <v>84</v>
      </c>
      <c r="R93" s="16">
        <v>176</v>
      </c>
      <c r="S93" s="16">
        <v>254</v>
      </c>
      <c r="T93" s="16">
        <v>284</v>
      </c>
      <c r="U93" s="16">
        <v>319</v>
      </c>
      <c r="V93" s="16">
        <v>441</v>
      </c>
      <c r="W93" s="16">
        <v>264</v>
      </c>
      <c r="X93" s="16">
        <v>71</v>
      </c>
      <c r="Y93" s="16">
        <v>6</v>
      </c>
      <c r="Z93" s="16">
        <v>177</v>
      </c>
      <c r="AA93" s="16">
        <v>1815</v>
      </c>
      <c r="AB93" s="16">
        <v>1385</v>
      </c>
      <c r="AC93" s="16">
        <v>782</v>
      </c>
      <c r="AD93" s="16">
        <v>353</v>
      </c>
      <c r="AE93" s="17">
        <v>79.955820000000003</v>
      </c>
    </row>
    <row r="94" spans="1:31">
      <c r="A94" s="21" t="s">
        <v>240</v>
      </c>
      <c r="B94" s="21" t="s">
        <v>237</v>
      </c>
      <c r="C94" s="21" t="s">
        <v>265</v>
      </c>
      <c r="D94" s="21" t="s">
        <v>394</v>
      </c>
      <c r="E94" s="21" t="s">
        <v>215</v>
      </c>
      <c r="F94" s="21" t="s">
        <v>469</v>
      </c>
      <c r="G94" s="16">
        <v>2851</v>
      </c>
      <c r="H94" s="22" t="s">
        <v>268</v>
      </c>
      <c r="I94" s="16">
        <v>8</v>
      </c>
      <c r="J94" s="16">
        <v>34</v>
      </c>
      <c r="K94" s="16">
        <v>98</v>
      </c>
      <c r="L94" s="16">
        <v>156</v>
      </c>
      <c r="M94" s="16">
        <v>189</v>
      </c>
      <c r="N94" s="16">
        <v>314</v>
      </c>
      <c r="O94" s="16">
        <v>353</v>
      </c>
      <c r="P94" s="16">
        <v>363</v>
      </c>
      <c r="Q94" s="16">
        <v>384</v>
      </c>
      <c r="R94" s="16">
        <v>395</v>
      </c>
      <c r="S94" s="16">
        <v>320</v>
      </c>
      <c r="T94" s="16">
        <v>128</v>
      </c>
      <c r="U94" s="16">
        <v>76</v>
      </c>
      <c r="V94" s="16">
        <v>27</v>
      </c>
      <c r="W94" s="16">
        <v>5</v>
      </c>
      <c r="X94" s="16">
        <v>1</v>
      </c>
      <c r="Y94" s="22" t="s">
        <v>268</v>
      </c>
      <c r="Z94" s="16">
        <v>1899</v>
      </c>
      <c r="AA94" s="16">
        <v>952</v>
      </c>
      <c r="AB94" s="16">
        <v>237</v>
      </c>
      <c r="AC94" s="16">
        <v>33</v>
      </c>
      <c r="AD94" s="16">
        <v>2294</v>
      </c>
      <c r="AE94" s="17">
        <v>58.018770000000004</v>
      </c>
    </row>
    <row r="95" spans="1:31">
      <c r="A95" s="21" t="s">
        <v>240</v>
      </c>
      <c r="B95" s="21" t="s">
        <v>237</v>
      </c>
      <c r="C95" s="21" t="s">
        <v>265</v>
      </c>
      <c r="D95" s="21" t="s">
        <v>394</v>
      </c>
      <c r="E95" s="21" t="s">
        <v>215</v>
      </c>
      <c r="F95" s="21" t="s">
        <v>470</v>
      </c>
      <c r="G95" s="16">
        <v>882</v>
      </c>
      <c r="H95" s="16">
        <v>7</v>
      </c>
      <c r="I95" s="16">
        <v>66</v>
      </c>
      <c r="J95" s="16">
        <v>103</v>
      </c>
      <c r="K95" s="16">
        <v>78</v>
      </c>
      <c r="L95" s="16">
        <v>74</v>
      </c>
      <c r="M95" s="16">
        <v>77</v>
      </c>
      <c r="N95" s="16">
        <v>75</v>
      </c>
      <c r="O95" s="16">
        <v>61</v>
      </c>
      <c r="P95" s="16">
        <v>62</v>
      </c>
      <c r="Q95" s="16">
        <v>67</v>
      </c>
      <c r="R95" s="16">
        <v>61</v>
      </c>
      <c r="S95" s="16">
        <v>44</v>
      </c>
      <c r="T95" s="16">
        <v>36</v>
      </c>
      <c r="U95" s="16">
        <v>27</v>
      </c>
      <c r="V95" s="16">
        <v>30</v>
      </c>
      <c r="W95" s="16">
        <v>11</v>
      </c>
      <c r="X95" s="16">
        <v>3</v>
      </c>
      <c r="Y95" s="22" t="s">
        <v>268</v>
      </c>
      <c r="Z95" s="16">
        <v>670</v>
      </c>
      <c r="AA95" s="16">
        <v>212</v>
      </c>
      <c r="AB95" s="16">
        <v>107</v>
      </c>
      <c r="AC95" s="16">
        <v>44</v>
      </c>
      <c r="AD95" s="16">
        <v>724</v>
      </c>
      <c r="AE95" s="17">
        <v>49.679139999999997</v>
      </c>
    </row>
    <row r="96" spans="1:31">
      <c r="A96" s="21" t="s">
        <v>240</v>
      </c>
      <c r="B96" s="21" t="s">
        <v>237</v>
      </c>
      <c r="C96" s="21" t="s">
        <v>265</v>
      </c>
      <c r="D96" s="21" t="s">
        <v>394</v>
      </c>
      <c r="E96" s="21" t="s">
        <v>216</v>
      </c>
      <c r="F96" s="21" t="s">
        <v>214</v>
      </c>
      <c r="G96" s="16">
        <v>57964</v>
      </c>
      <c r="H96" s="16">
        <v>2791</v>
      </c>
      <c r="I96" s="16">
        <v>2367</v>
      </c>
      <c r="J96" s="16">
        <v>2530</v>
      </c>
      <c r="K96" s="16">
        <v>2911</v>
      </c>
      <c r="L96" s="16">
        <v>3264</v>
      </c>
      <c r="M96" s="16">
        <v>3510</v>
      </c>
      <c r="N96" s="16">
        <v>3909</v>
      </c>
      <c r="O96" s="16">
        <v>3774</v>
      </c>
      <c r="P96" s="16">
        <v>4024</v>
      </c>
      <c r="Q96" s="16">
        <v>4400</v>
      </c>
      <c r="R96" s="16">
        <v>5045</v>
      </c>
      <c r="S96" s="16">
        <v>5165</v>
      </c>
      <c r="T96" s="16">
        <v>4355</v>
      </c>
      <c r="U96" s="16">
        <v>3999</v>
      </c>
      <c r="V96" s="16">
        <v>3384</v>
      </c>
      <c r="W96" s="16">
        <v>1871</v>
      </c>
      <c r="X96" s="16">
        <v>583</v>
      </c>
      <c r="Y96" s="16">
        <v>82</v>
      </c>
      <c r="Z96" s="16">
        <v>33480</v>
      </c>
      <c r="AA96" s="16">
        <v>24484</v>
      </c>
      <c r="AB96" s="16">
        <v>14274</v>
      </c>
      <c r="AC96" s="16">
        <v>5920</v>
      </c>
      <c r="AD96" s="16">
        <v>35734</v>
      </c>
      <c r="AE96" s="17">
        <v>57.683869999999999</v>
      </c>
    </row>
    <row r="97" spans="1:31">
      <c r="A97" s="21" t="s">
        <v>240</v>
      </c>
      <c r="B97" s="21" t="s">
        <v>237</v>
      </c>
      <c r="C97" s="21" t="s">
        <v>265</v>
      </c>
      <c r="D97" s="21" t="s">
        <v>394</v>
      </c>
      <c r="E97" s="21" t="s">
        <v>216</v>
      </c>
      <c r="F97" s="21" t="s">
        <v>466</v>
      </c>
      <c r="G97" s="16">
        <v>11691</v>
      </c>
      <c r="H97" s="16">
        <v>2770</v>
      </c>
      <c r="I97" s="16">
        <v>2036</v>
      </c>
      <c r="J97" s="16">
        <v>1430</v>
      </c>
      <c r="K97" s="16">
        <v>944</v>
      </c>
      <c r="L97" s="16">
        <v>770</v>
      </c>
      <c r="M97" s="16">
        <v>642</v>
      </c>
      <c r="N97" s="16">
        <v>678</v>
      </c>
      <c r="O97" s="16">
        <v>539</v>
      </c>
      <c r="P97" s="16">
        <v>454</v>
      </c>
      <c r="Q97" s="16">
        <v>317</v>
      </c>
      <c r="R97" s="16">
        <v>297</v>
      </c>
      <c r="S97" s="16">
        <v>255</v>
      </c>
      <c r="T97" s="16">
        <v>208</v>
      </c>
      <c r="U97" s="16">
        <v>143</v>
      </c>
      <c r="V97" s="16">
        <v>118</v>
      </c>
      <c r="W97" s="16">
        <v>67</v>
      </c>
      <c r="X97" s="16">
        <v>22</v>
      </c>
      <c r="Y97" s="16">
        <v>1</v>
      </c>
      <c r="Z97" s="16">
        <v>10580</v>
      </c>
      <c r="AA97" s="16">
        <v>1111</v>
      </c>
      <c r="AB97" s="16">
        <v>559</v>
      </c>
      <c r="AC97" s="16">
        <v>208</v>
      </c>
      <c r="AD97" s="16">
        <v>8107</v>
      </c>
      <c r="AE97" s="17">
        <v>35.138530000000003</v>
      </c>
    </row>
    <row r="98" spans="1:31">
      <c r="A98" s="21" t="s">
        <v>240</v>
      </c>
      <c r="B98" s="21" t="s">
        <v>237</v>
      </c>
      <c r="C98" s="21" t="s">
        <v>265</v>
      </c>
      <c r="D98" s="21" t="s">
        <v>394</v>
      </c>
      <c r="E98" s="21" t="s">
        <v>216</v>
      </c>
      <c r="F98" s="21" t="s">
        <v>467</v>
      </c>
      <c r="G98" s="16">
        <v>30122</v>
      </c>
      <c r="H98" s="16">
        <v>14</v>
      </c>
      <c r="I98" s="16">
        <v>239</v>
      </c>
      <c r="J98" s="16">
        <v>893</v>
      </c>
      <c r="K98" s="16">
        <v>1673</v>
      </c>
      <c r="L98" s="16">
        <v>2063</v>
      </c>
      <c r="M98" s="16">
        <v>2299</v>
      </c>
      <c r="N98" s="16">
        <v>2581</v>
      </c>
      <c r="O98" s="16">
        <v>2574</v>
      </c>
      <c r="P98" s="16">
        <v>2781</v>
      </c>
      <c r="Q98" s="16">
        <v>3181</v>
      </c>
      <c r="R98" s="16">
        <v>3587</v>
      </c>
      <c r="S98" s="16">
        <v>3348</v>
      </c>
      <c r="T98" s="16">
        <v>2386</v>
      </c>
      <c r="U98" s="16">
        <v>1569</v>
      </c>
      <c r="V98" s="16">
        <v>731</v>
      </c>
      <c r="W98" s="16">
        <v>171</v>
      </c>
      <c r="X98" s="16">
        <v>32</v>
      </c>
      <c r="Y98" s="22" t="s">
        <v>268</v>
      </c>
      <c r="Z98" s="16">
        <v>18298</v>
      </c>
      <c r="AA98" s="16">
        <v>11824</v>
      </c>
      <c r="AB98" s="16">
        <v>4889</v>
      </c>
      <c r="AC98" s="16">
        <v>934</v>
      </c>
      <c r="AD98" s="16">
        <v>21871</v>
      </c>
      <c r="AE98" s="17">
        <v>58.358580000000003</v>
      </c>
    </row>
    <row r="99" spans="1:31">
      <c r="A99" s="21" t="s">
        <v>240</v>
      </c>
      <c r="B99" s="21" t="s">
        <v>237</v>
      </c>
      <c r="C99" s="21" t="s">
        <v>265</v>
      </c>
      <c r="D99" s="21" t="s">
        <v>394</v>
      </c>
      <c r="E99" s="21" t="s">
        <v>216</v>
      </c>
      <c r="F99" s="21" t="s">
        <v>468</v>
      </c>
      <c r="G99" s="16">
        <v>10154</v>
      </c>
      <c r="H99" s="22" t="s">
        <v>268</v>
      </c>
      <c r="I99" s="16">
        <v>1</v>
      </c>
      <c r="J99" s="16">
        <v>3</v>
      </c>
      <c r="K99" s="16">
        <v>11</v>
      </c>
      <c r="L99" s="16">
        <v>20</v>
      </c>
      <c r="M99" s="16">
        <v>31</v>
      </c>
      <c r="N99" s="16">
        <v>47</v>
      </c>
      <c r="O99" s="16">
        <v>67</v>
      </c>
      <c r="P99" s="16">
        <v>192</v>
      </c>
      <c r="Q99" s="16">
        <v>309</v>
      </c>
      <c r="R99" s="16">
        <v>583</v>
      </c>
      <c r="S99" s="16">
        <v>994</v>
      </c>
      <c r="T99" s="16">
        <v>1454</v>
      </c>
      <c r="U99" s="16">
        <v>2023</v>
      </c>
      <c r="V99" s="16">
        <v>2341</v>
      </c>
      <c r="W99" s="16">
        <v>1522</v>
      </c>
      <c r="X99" s="16">
        <v>481</v>
      </c>
      <c r="Y99" s="16">
        <v>75</v>
      </c>
      <c r="Z99" s="16">
        <v>681</v>
      </c>
      <c r="AA99" s="16">
        <v>9473</v>
      </c>
      <c r="AB99" s="16">
        <v>7896</v>
      </c>
      <c r="AC99" s="16">
        <v>4419</v>
      </c>
      <c r="AD99" s="16">
        <v>1264</v>
      </c>
      <c r="AE99" s="17">
        <v>81.753100000000003</v>
      </c>
    </row>
    <row r="100" spans="1:31">
      <c r="A100" s="21" t="s">
        <v>240</v>
      </c>
      <c r="B100" s="21" t="s">
        <v>237</v>
      </c>
      <c r="C100" s="21" t="s">
        <v>265</v>
      </c>
      <c r="D100" s="21" t="s">
        <v>394</v>
      </c>
      <c r="E100" s="21" t="s">
        <v>216</v>
      </c>
      <c r="F100" s="21" t="s">
        <v>469</v>
      </c>
      <c r="G100" s="16">
        <v>4996</v>
      </c>
      <c r="H100" s="16">
        <v>4</v>
      </c>
      <c r="I100" s="16">
        <v>31</v>
      </c>
      <c r="J100" s="16">
        <v>117</v>
      </c>
      <c r="K100" s="16">
        <v>212</v>
      </c>
      <c r="L100" s="16">
        <v>342</v>
      </c>
      <c r="M100" s="16">
        <v>461</v>
      </c>
      <c r="N100" s="16">
        <v>541</v>
      </c>
      <c r="O100" s="16">
        <v>550</v>
      </c>
      <c r="P100" s="16">
        <v>550</v>
      </c>
      <c r="Q100" s="16">
        <v>538</v>
      </c>
      <c r="R100" s="16">
        <v>538</v>
      </c>
      <c r="S100" s="16">
        <v>522</v>
      </c>
      <c r="T100" s="16">
        <v>253</v>
      </c>
      <c r="U100" s="16">
        <v>180</v>
      </c>
      <c r="V100" s="16">
        <v>100</v>
      </c>
      <c r="W100" s="16">
        <v>43</v>
      </c>
      <c r="X100" s="16">
        <v>12</v>
      </c>
      <c r="Y100" s="16">
        <v>2</v>
      </c>
      <c r="Z100" s="16">
        <v>3346</v>
      </c>
      <c r="AA100" s="16">
        <v>1650</v>
      </c>
      <c r="AB100" s="16">
        <v>590</v>
      </c>
      <c r="AC100" s="16">
        <v>157</v>
      </c>
      <c r="AD100" s="16">
        <v>3880</v>
      </c>
      <c r="AE100" s="17">
        <v>57.217570000000002</v>
      </c>
    </row>
    <row r="101" spans="1:31">
      <c r="A101" s="21" t="s">
        <v>240</v>
      </c>
      <c r="B101" s="21" t="s">
        <v>237</v>
      </c>
      <c r="C101" s="21" t="s">
        <v>265</v>
      </c>
      <c r="D101" s="21" t="s">
        <v>394</v>
      </c>
      <c r="E101" s="21" t="s">
        <v>216</v>
      </c>
      <c r="F101" s="21" t="s">
        <v>470</v>
      </c>
      <c r="G101" s="16">
        <v>1001</v>
      </c>
      <c r="H101" s="16">
        <v>3</v>
      </c>
      <c r="I101" s="16">
        <v>60</v>
      </c>
      <c r="J101" s="16">
        <v>87</v>
      </c>
      <c r="K101" s="16">
        <v>71</v>
      </c>
      <c r="L101" s="16">
        <v>69</v>
      </c>
      <c r="M101" s="16">
        <v>77</v>
      </c>
      <c r="N101" s="16">
        <v>62</v>
      </c>
      <c r="O101" s="16">
        <v>44</v>
      </c>
      <c r="P101" s="16">
        <v>47</v>
      </c>
      <c r="Q101" s="16">
        <v>55</v>
      </c>
      <c r="R101" s="16">
        <v>40</v>
      </c>
      <c r="S101" s="16">
        <v>46</v>
      </c>
      <c r="T101" s="16">
        <v>54</v>
      </c>
      <c r="U101" s="16">
        <v>84</v>
      </c>
      <c r="V101" s="16">
        <v>94</v>
      </c>
      <c r="W101" s="16">
        <v>68</v>
      </c>
      <c r="X101" s="16">
        <v>36</v>
      </c>
      <c r="Y101" s="16">
        <v>4</v>
      </c>
      <c r="Z101" s="16">
        <v>575</v>
      </c>
      <c r="AA101" s="16">
        <v>426</v>
      </c>
      <c r="AB101" s="16">
        <v>340</v>
      </c>
      <c r="AC101" s="16">
        <v>202</v>
      </c>
      <c r="AD101" s="16">
        <v>612</v>
      </c>
      <c r="AE101" s="17">
        <v>58.867629999999998</v>
      </c>
    </row>
    <row r="102" spans="1:31">
      <c r="A102" s="21" t="s">
        <v>240</v>
      </c>
      <c r="B102" s="21" t="s">
        <v>237</v>
      </c>
      <c r="C102" s="21" t="s">
        <v>265</v>
      </c>
      <c r="D102" s="21" t="s">
        <v>395</v>
      </c>
      <c r="E102" s="21" t="s">
        <v>214</v>
      </c>
      <c r="F102" s="21" t="s">
        <v>214</v>
      </c>
      <c r="G102" s="16">
        <v>105156</v>
      </c>
      <c r="H102" s="16">
        <v>5719</v>
      </c>
      <c r="I102" s="16">
        <v>3829</v>
      </c>
      <c r="J102" s="16">
        <v>4208</v>
      </c>
      <c r="K102" s="16">
        <v>5176</v>
      </c>
      <c r="L102" s="16">
        <v>6201</v>
      </c>
      <c r="M102" s="16">
        <v>6821</v>
      </c>
      <c r="N102" s="16">
        <v>7524</v>
      </c>
      <c r="O102" s="16">
        <v>7272</v>
      </c>
      <c r="P102" s="16">
        <v>7765</v>
      </c>
      <c r="Q102" s="16">
        <v>8545</v>
      </c>
      <c r="R102" s="16">
        <v>9697</v>
      </c>
      <c r="S102" s="16">
        <v>9793</v>
      </c>
      <c r="T102" s="16">
        <v>7556</v>
      </c>
      <c r="U102" s="16">
        <v>6528</v>
      </c>
      <c r="V102" s="16">
        <v>5154</v>
      </c>
      <c r="W102" s="16">
        <v>2579</v>
      </c>
      <c r="X102" s="16">
        <v>697</v>
      </c>
      <c r="Y102" s="16">
        <v>92</v>
      </c>
      <c r="Z102" s="16">
        <v>63060</v>
      </c>
      <c r="AA102" s="16">
        <v>42096</v>
      </c>
      <c r="AB102" s="16">
        <v>22606</v>
      </c>
      <c r="AC102" s="16">
        <v>8522</v>
      </c>
      <c r="AD102" s="16">
        <v>67038</v>
      </c>
      <c r="AE102" s="17">
        <v>56.726770000000002</v>
      </c>
    </row>
    <row r="103" spans="1:31">
      <c r="A103" s="21" t="s">
        <v>240</v>
      </c>
      <c r="B103" s="21" t="s">
        <v>237</v>
      </c>
      <c r="C103" s="21" t="s">
        <v>265</v>
      </c>
      <c r="D103" s="21" t="s">
        <v>395</v>
      </c>
      <c r="E103" s="21" t="s">
        <v>214</v>
      </c>
      <c r="F103" s="21" t="s">
        <v>466</v>
      </c>
      <c r="G103" s="16">
        <v>24340</v>
      </c>
      <c r="H103" s="16">
        <v>5683</v>
      </c>
      <c r="I103" s="16">
        <v>3324</v>
      </c>
      <c r="J103" s="16">
        <v>2509</v>
      </c>
      <c r="K103" s="16">
        <v>2006</v>
      </c>
      <c r="L103" s="16">
        <v>1774</v>
      </c>
      <c r="M103" s="16">
        <v>1583</v>
      </c>
      <c r="N103" s="16">
        <v>1670</v>
      </c>
      <c r="O103" s="16">
        <v>1401</v>
      </c>
      <c r="P103" s="16">
        <v>1214</v>
      </c>
      <c r="Q103" s="16">
        <v>1002</v>
      </c>
      <c r="R103" s="16">
        <v>840</v>
      </c>
      <c r="S103" s="16">
        <v>591</v>
      </c>
      <c r="T103" s="16">
        <v>336</v>
      </c>
      <c r="U103" s="16">
        <v>177</v>
      </c>
      <c r="V103" s="16">
        <v>137</v>
      </c>
      <c r="W103" s="16">
        <v>70</v>
      </c>
      <c r="X103" s="16">
        <v>22</v>
      </c>
      <c r="Y103" s="16">
        <v>1</v>
      </c>
      <c r="Z103" s="16">
        <v>22166</v>
      </c>
      <c r="AA103" s="16">
        <v>2174</v>
      </c>
      <c r="AB103" s="16">
        <v>743</v>
      </c>
      <c r="AC103" s="16">
        <v>230</v>
      </c>
      <c r="AD103" s="16">
        <v>17323</v>
      </c>
      <c r="AE103" s="17">
        <v>36.403939999999999</v>
      </c>
    </row>
    <row r="104" spans="1:31">
      <c r="A104" s="21" t="s">
        <v>240</v>
      </c>
      <c r="B104" s="21" t="s">
        <v>237</v>
      </c>
      <c r="C104" s="21" t="s">
        <v>265</v>
      </c>
      <c r="D104" s="21" t="s">
        <v>395</v>
      </c>
      <c r="E104" s="21" t="s">
        <v>214</v>
      </c>
      <c r="F104" s="21" t="s">
        <v>467</v>
      </c>
      <c r="G104" s="16">
        <v>59209</v>
      </c>
      <c r="H104" s="16">
        <v>23</v>
      </c>
      <c r="I104" s="16">
        <v>379</v>
      </c>
      <c r="J104" s="16">
        <v>1430</v>
      </c>
      <c r="K104" s="16">
        <v>2741</v>
      </c>
      <c r="L104" s="16">
        <v>3797</v>
      </c>
      <c r="M104" s="16">
        <v>4417</v>
      </c>
      <c r="N104" s="16">
        <v>4819</v>
      </c>
      <c r="O104" s="16">
        <v>4786</v>
      </c>
      <c r="P104" s="16">
        <v>5303</v>
      </c>
      <c r="Q104" s="16">
        <v>6111</v>
      </c>
      <c r="R104" s="16">
        <v>7067</v>
      </c>
      <c r="S104" s="16">
        <v>7024</v>
      </c>
      <c r="T104" s="16">
        <v>5012</v>
      </c>
      <c r="U104" s="16">
        <v>3643</v>
      </c>
      <c r="V104" s="16">
        <v>1985</v>
      </c>
      <c r="W104" s="16">
        <v>596</v>
      </c>
      <c r="X104" s="16">
        <v>72</v>
      </c>
      <c r="Y104" s="16">
        <v>4</v>
      </c>
      <c r="Z104" s="16">
        <v>33806</v>
      </c>
      <c r="AA104" s="16">
        <v>25403</v>
      </c>
      <c r="AB104" s="16">
        <v>11312</v>
      </c>
      <c r="AC104" s="16">
        <v>2657</v>
      </c>
      <c r="AD104" s="16">
        <v>40850</v>
      </c>
      <c r="AE104" s="17">
        <v>59.878839999999997</v>
      </c>
    </row>
    <row r="105" spans="1:31">
      <c r="A105" s="21" t="s">
        <v>240</v>
      </c>
      <c r="B105" s="21" t="s">
        <v>237</v>
      </c>
      <c r="C105" s="21" t="s">
        <v>265</v>
      </c>
      <c r="D105" s="21" t="s">
        <v>395</v>
      </c>
      <c r="E105" s="21" t="s">
        <v>214</v>
      </c>
      <c r="F105" s="21" t="s">
        <v>468</v>
      </c>
      <c r="G105" s="16">
        <v>12127</v>
      </c>
      <c r="H105" s="22" t="s">
        <v>268</v>
      </c>
      <c r="I105" s="22" t="s">
        <v>268</v>
      </c>
      <c r="J105" s="16">
        <v>2</v>
      </c>
      <c r="K105" s="16">
        <v>9</v>
      </c>
      <c r="L105" s="16">
        <v>21</v>
      </c>
      <c r="M105" s="16">
        <v>34</v>
      </c>
      <c r="N105" s="16">
        <v>61</v>
      </c>
      <c r="O105" s="16">
        <v>90</v>
      </c>
      <c r="P105" s="16">
        <v>234</v>
      </c>
      <c r="Q105" s="16">
        <v>393</v>
      </c>
      <c r="R105" s="16">
        <v>756</v>
      </c>
      <c r="S105" s="16">
        <v>1248</v>
      </c>
      <c r="T105" s="16">
        <v>1737</v>
      </c>
      <c r="U105" s="16">
        <v>2342</v>
      </c>
      <c r="V105" s="16">
        <v>2781</v>
      </c>
      <c r="W105" s="16">
        <v>1786</v>
      </c>
      <c r="X105" s="16">
        <v>552</v>
      </c>
      <c r="Y105" s="16">
        <v>81</v>
      </c>
      <c r="Z105" s="16">
        <v>844</v>
      </c>
      <c r="AA105" s="16">
        <v>11283</v>
      </c>
      <c r="AB105" s="16">
        <v>9279</v>
      </c>
      <c r="AC105" s="16">
        <v>5200</v>
      </c>
      <c r="AD105" s="16">
        <v>1600</v>
      </c>
      <c r="AE105" s="17">
        <v>81.507999999999996</v>
      </c>
    </row>
    <row r="106" spans="1:31">
      <c r="A106" s="21" t="s">
        <v>240</v>
      </c>
      <c r="B106" s="21" t="s">
        <v>237</v>
      </c>
      <c r="C106" s="21" t="s">
        <v>265</v>
      </c>
      <c r="D106" s="21" t="s">
        <v>395</v>
      </c>
      <c r="E106" s="21" t="s">
        <v>214</v>
      </c>
      <c r="F106" s="21" t="s">
        <v>469</v>
      </c>
      <c r="G106" s="16">
        <v>7765</v>
      </c>
      <c r="H106" s="16">
        <v>3</v>
      </c>
      <c r="I106" s="16">
        <v>37</v>
      </c>
      <c r="J106" s="16">
        <v>137</v>
      </c>
      <c r="K106" s="16">
        <v>297</v>
      </c>
      <c r="L106" s="16">
        <v>486</v>
      </c>
      <c r="M106" s="16">
        <v>642</v>
      </c>
      <c r="N106" s="16">
        <v>844</v>
      </c>
      <c r="O106" s="16">
        <v>892</v>
      </c>
      <c r="P106" s="16">
        <v>909</v>
      </c>
      <c r="Q106" s="16">
        <v>918</v>
      </c>
      <c r="R106" s="16">
        <v>933</v>
      </c>
      <c r="S106" s="16">
        <v>840</v>
      </c>
      <c r="T106" s="16">
        <v>381</v>
      </c>
      <c r="U106" s="16">
        <v>256</v>
      </c>
      <c r="V106" s="16">
        <v>127</v>
      </c>
      <c r="W106" s="16">
        <v>48</v>
      </c>
      <c r="X106" s="16">
        <v>13</v>
      </c>
      <c r="Y106" s="16">
        <v>2</v>
      </c>
      <c r="Z106" s="16">
        <v>5165</v>
      </c>
      <c r="AA106" s="16">
        <v>2600</v>
      </c>
      <c r="AB106" s="16">
        <v>827</v>
      </c>
      <c r="AC106" s="16">
        <v>190</v>
      </c>
      <c r="AD106" s="16">
        <v>6095</v>
      </c>
      <c r="AE106" s="17">
        <v>57.680039999999998</v>
      </c>
    </row>
    <row r="107" spans="1:31">
      <c r="A107" s="21" t="s">
        <v>240</v>
      </c>
      <c r="B107" s="21" t="s">
        <v>237</v>
      </c>
      <c r="C107" s="21" t="s">
        <v>265</v>
      </c>
      <c r="D107" s="21" t="s">
        <v>395</v>
      </c>
      <c r="E107" s="21" t="s">
        <v>214</v>
      </c>
      <c r="F107" s="21" t="s">
        <v>470</v>
      </c>
      <c r="G107" s="16">
        <v>1715</v>
      </c>
      <c r="H107" s="16">
        <v>10</v>
      </c>
      <c r="I107" s="16">
        <v>89</v>
      </c>
      <c r="J107" s="16">
        <v>130</v>
      </c>
      <c r="K107" s="16">
        <v>123</v>
      </c>
      <c r="L107" s="16">
        <v>123</v>
      </c>
      <c r="M107" s="16">
        <v>145</v>
      </c>
      <c r="N107" s="16">
        <v>130</v>
      </c>
      <c r="O107" s="16">
        <v>103</v>
      </c>
      <c r="P107" s="16">
        <v>105</v>
      </c>
      <c r="Q107" s="16">
        <v>121</v>
      </c>
      <c r="R107" s="16">
        <v>101</v>
      </c>
      <c r="S107" s="16">
        <v>90</v>
      </c>
      <c r="T107" s="16">
        <v>90</v>
      </c>
      <c r="U107" s="16">
        <v>110</v>
      </c>
      <c r="V107" s="16">
        <v>124</v>
      </c>
      <c r="W107" s="16">
        <v>79</v>
      </c>
      <c r="X107" s="16">
        <v>38</v>
      </c>
      <c r="Y107" s="16">
        <v>4</v>
      </c>
      <c r="Z107" s="16">
        <v>1079</v>
      </c>
      <c r="AA107" s="16">
        <v>636</v>
      </c>
      <c r="AB107" s="16">
        <v>445</v>
      </c>
      <c r="AC107" s="16">
        <v>245</v>
      </c>
      <c r="AD107" s="16">
        <v>1170</v>
      </c>
      <c r="AE107" s="17">
        <v>56.786299999999997</v>
      </c>
    </row>
    <row r="108" spans="1:31">
      <c r="A108" s="21" t="s">
        <v>240</v>
      </c>
      <c r="B108" s="21" t="s">
        <v>237</v>
      </c>
      <c r="C108" s="21" t="s">
        <v>265</v>
      </c>
      <c r="D108" s="21" t="s">
        <v>395</v>
      </c>
      <c r="E108" s="21" t="s">
        <v>215</v>
      </c>
      <c r="F108" s="21" t="s">
        <v>214</v>
      </c>
      <c r="G108" s="16">
        <v>48813</v>
      </c>
      <c r="H108" s="16">
        <v>2964</v>
      </c>
      <c r="I108" s="16">
        <v>1895</v>
      </c>
      <c r="J108" s="16">
        <v>2132</v>
      </c>
      <c r="K108" s="16">
        <v>2537</v>
      </c>
      <c r="L108" s="16">
        <v>3074</v>
      </c>
      <c r="M108" s="16">
        <v>3396</v>
      </c>
      <c r="N108" s="16">
        <v>3705</v>
      </c>
      <c r="O108" s="16">
        <v>3552</v>
      </c>
      <c r="P108" s="16">
        <v>3769</v>
      </c>
      <c r="Q108" s="16">
        <v>4152</v>
      </c>
      <c r="R108" s="16">
        <v>4662</v>
      </c>
      <c r="S108" s="16">
        <v>4632</v>
      </c>
      <c r="T108" s="16">
        <v>3208</v>
      </c>
      <c r="U108" s="16">
        <v>2531</v>
      </c>
      <c r="V108" s="16">
        <v>1771</v>
      </c>
      <c r="W108" s="16">
        <v>708</v>
      </c>
      <c r="X108" s="16">
        <v>115</v>
      </c>
      <c r="Y108" s="16">
        <v>10</v>
      </c>
      <c r="Z108" s="16">
        <v>31176</v>
      </c>
      <c r="AA108" s="16">
        <v>17637</v>
      </c>
      <c r="AB108" s="16">
        <v>8343</v>
      </c>
      <c r="AC108" s="16">
        <v>2604</v>
      </c>
      <c r="AD108" s="16">
        <v>32874</v>
      </c>
      <c r="AE108" s="17">
        <v>54.756039999999999</v>
      </c>
    </row>
    <row r="109" spans="1:31">
      <c r="A109" s="21" t="s">
        <v>240</v>
      </c>
      <c r="B109" s="21" t="s">
        <v>237</v>
      </c>
      <c r="C109" s="21" t="s">
        <v>265</v>
      </c>
      <c r="D109" s="21" t="s">
        <v>395</v>
      </c>
      <c r="E109" s="21" t="s">
        <v>215</v>
      </c>
      <c r="F109" s="21" t="s">
        <v>466</v>
      </c>
      <c r="G109" s="16">
        <v>13476</v>
      </c>
      <c r="H109" s="16">
        <v>2948</v>
      </c>
      <c r="I109" s="16">
        <v>1673</v>
      </c>
      <c r="J109" s="16">
        <v>1367</v>
      </c>
      <c r="K109" s="16">
        <v>1145</v>
      </c>
      <c r="L109" s="16">
        <v>1024</v>
      </c>
      <c r="M109" s="16">
        <v>946</v>
      </c>
      <c r="N109" s="16">
        <v>997</v>
      </c>
      <c r="O109" s="16">
        <v>863</v>
      </c>
      <c r="P109" s="16">
        <v>760</v>
      </c>
      <c r="Q109" s="16">
        <v>687</v>
      </c>
      <c r="R109" s="16">
        <v>544</v>
      </c>
      <c r="S109" s="16">
        <v>336</v>
      </c>
      <c r="T109" s="16">
        <v>130</v>
      </c>
      <c r="U109" s="16">
        <v>34</v>
      </c>
      <c r="V109" s="16">
        <v>19</v>
      </c>
      <c r="W109" s="16">
        <v>3</v>
      </c>
      <c r="X109" s="22" t="s">
        <v>268</v>
      </c>
      <c r="Y109" s="22" t="s">
        <v>268</v>
      </c>
      <c r="Z109" s="16">
        <v>12410</v>
      </c>
      <c r="AA109" s="16">
        <v>1066</v>
      </c>
      <c r="AB109" s="16">
        <v>186</v>
      </c>
      <c r="AC109" s="16">
        <v>22</v>
      </c>
      <c r="AD109" s="16">
        <v>10006</v>
      </c>
      <c r="AE109" s="17">
        <v>36.854039999999998</v>
      </c>
    </row>
    <row r="110" spans="1:31">
      <c r="A110" s="21" t="s">
        <v>240</v>
      </c>
      <c r="B110" s="21" t="s">
        <v>237</v>
      </c>
      <c r="C110" s="21" t="s">
        <v>265</v>
      </c>
      <c r="D110" s="21" t="s">
        <v>395</v>
      </c>
      <c r="E110" s="21" t="s">
        <v>215</v>
      </c>
      <c r="F110" s="21" t="s">
        <v>467</v>
      </c>
      <c r="G110" s="16">
        <v>29664</v>
      </c>
      <c r="H110" s="16">
        <v>9</v>
      </c>
      <c r="I110" s="16">
        <v>159</v>
      </c>
      <c r="J110" s="16">
        <v>652</v>
      </c>
      <c r="K110" s="16">
        <v>1222</v>
      </c>
      <c r="L110" s="16">
        <v>1819</v>
      </c>
      <c r="M110" s="16">
        <v>2179</v>
      </c>
      <c r="N110" s="16">
        <v>2306</v>
      </c>
      <c r="O110" s="16">
        <v>2251</v>
      </c>
      <c r="P110" s="16">
        <v>2540</v>
      </c>
      <c r="Q110" s="16">
        <v>2933</v>
      </c>
      <c r="R110" s="16">
        <v>3487</v>
      </c>
      <c r="S110" s="16">
        <v>3679</v>
      </c>
      <c r="T110" s="16">
        <v>2630</v>
      </c>
      <c r="U110" s="16">
        <v>2075</v>
      </c>
      <c r="V110" s="16">
        <v>1254</v>
      </c>
      <c r="W110" s="16">
        <v>425</v>
      </c>
      <c r="X110" s="16">
        <v>40</v>
      </c>
      <c r="Y110" s="16">
        <v>4</v>
      </c>
      <c r="Z110" s="16">
        <v>16070</v>
      </c>
      <c r="AA110" s="16">
        <v>13594</v>
      </c>
      <c r="AB110" s="16">
        <v>6428</v>
      </c>
      <c r="AC110" s="16">
        <v>1723</v>
      </c>
      <c r="AD110" s="16">
        <v>19548</v>
      </c>
      <c r="AE110" s="17">
        <v>60.99427</v>
      </c>
    </row>
    <row r="111" spans="1:31">
      <c r="A111" s="21" t="s">
        <v>240</v>
      </c>
      <c r="B111" s="21" t="s">
        <v>237</v>
      </c>
      <c r="C111" s="21" t="s">
        <v>265</v>
      </c>
      <c r="D111" s="21" t="s">
        <v>395</v>
      </c>
      <c r="E111" s="21" t="s">
        <v>215</v>
      </c>
      <c r="F111" s="21" t="s">
        <v>468</v>
      </c>
      <c r="G111" s="16">
        <v>1991</v>
      </c>
      <c r="H111" s="22" t="s">
        <v>268</v>
      </c>
      <c r="I111" s="22" t="s">
        <v>268</v>
      </c>
      <c r="J111" s="22" t="s">
        <v>268</v>
      </c>
      <c r="K111" s="22" t="s">
        <v>268</v>
      </c>
      <c r="L111" s="16">
        <v>4</v>
      </c>
      <c r="M111" s="16">
        <v>5</v>
      </c>
      <c r="N111" s="16">
        <v>16</v>
      </c>
      <c r="O111" s="16">
        <v>24</v>
      </c>
      <c r="P111" s="16">
        <v>44</v>
      </c>
      <c r="Q111" s="16">
        <v>84</v>
      </c>
      <c r="R111" s="16">
        <v>175</v>
      </c>
      <c r="S111" s="16">
        <v>254</v>
      </c>
      <c r="T111" s="16">
        <v>284</v>
      </c>
      <c r="U111" s="16">
        <v>319</v>
      </c>
      <c r="V111" s="16">
        <v>441</v>
      </c>
      <c r="W111" s="16">
        <v>264</v>
      </c>
      <c r="X111" s="16">
        <v>71</v>
      </c>
      <c r="Y111" s="16">
        <v>6</v>
      </c>
      <c r="Z111" s="16">
        <v>177</v>
      </c>
      <c r="AA111" s="16">
        <v>1814</v>
      </c>
      <c r="AB111" s="16">
        <v>1385</v>
      </c>
      <c r="AC111" s="16">
        <v>782</v>
      </c>
      <c r="AD111" s="16">
        <v>352</v>
      </c>
      <c r="AE111" s="17">
        <v>79.962580000000003</v>
      </c>
    </row>
    <row r="112" spans="1:31">
      <c r="A112" s="21" t="s">
        <v>240</v>
      </c>
      <c r="B112" s="21" t="s">
        <v>237</v>
      </c>
      <c r="C112" s="21" t="s">
        <v>265</v>
      </c>
      <c r="D112" s="21" t="s">
        <v>395</v>
      </c>
      <c r="E112" s="21" t="s">
        <v>215</v>
      </c>
      <c r="F112" s="21" t="s">
        <v>469</v>
      </c>
      <c r="G112" s="16">
        <v>2845</v>
      </c>
      <c r="H112" s="22" t="s">
        <v>268</v>
      </c>
      <c r="I112" s="16">
        <v>8</v>
      </c>
      <c r="J112" s="16">
        <v>33</v>
      </c>
      <c r="K112" s="16">
        <v>98</v>
      </c>
      <c r="L112" s="16">
        <v>156</v>
      </c>
      <c r="M112" s="16">
        <v>189</v>
      </c>
      <c r="N112" s="16">
        <v>313</v>
      </c>
      <c r="O112" s="16">
        <v>353</v>
      </c>
      <c r="P112" s="16">
        <v>363</v>
      </c>
      <c r="Q112" s="16">
        <v>381</v>
      </c>
      <c r="R112" s="16">
        <v>395</v>
      </c>
      <c r="S112" s="16">
        <v>319</v>
      </c>
      <c r="T112" s="16">
        <v>128</v>
      </c>
      <c r="U112" s="16">
        <v>76</v>
      </c>
      <c r="V112" s="16">
        <v>27</v>
      </c>
      <c r="W112" s="16">
        <v>5</v>
      </c>
      <c r="X112" s="16">
        <v>1</v>
      </c>
      <c r="Y112" s="22" t="s">
        <v>268</v>
      </c>
      <c r="Z112" s="16">
        <v>1894</v>
      </c>
      <c r="AA112" s="16">
        <v>951</v>
      </c>
      <c r="AB112" s="16">
        <v>237</v>
      </c>
      <c r="AC112" s="16">
        <v>33</v>
      </c>
      <c r="AD112" s="16">
        <v>2289</v>
      </c>
      <c r="AE112" s="17">
        <v>58.025129999999997</v>
      </c>
    </row>
    <row r="113" spans="1:31">
      <c r="A113" s="21" t="s">
        <v>240</v>
      </c>
      <c r="B113" s="21" t="s">
        <v>237</v>
      </c>
      <c r="C113" s="21" t="s">
        <v>265</v>
      </c>
      <c r="D113" s="21" t="s">
        <v>395</v>
      </c>
      <c r="E113" s="21" t="s">
        <v>215</v>
      </c>
      <c r="F113" s="21" t="s">
        <v>470</v>
      </c>
      <c r="G113" s="16">
        <v>837</v>
      </c>
      <c r="H113" s="16">
        <v>7</v>
      </c>
      <c r="I113" s="16">
        <v>55</v>
      </c>
      <c r="J113" s="16">
        <v>80</v>
      </c>
      <c r="K113" s="16">
        <v>72</v>
      </c>
      <c r="L113" s="16">
        <v>71</v>
      </c>
      <c r="M113" s="16">
        <v>77</v>
      </c>
      <c r="N113" s="16">
        <v>73</v>
      </c>
      <c r="O113" s="16">
        <v>61</v>
      </c>
      <c r="P113" s="16">
        <v>62</v>
      </c>
      <c r="Q113" s="16">
        <v>67</v>
      </c>
      <c r="R113" s="16">
        <v>61</v>
      </c>
      <c r="S113" s="16">
        <v>44</v>
      </c>
      <c r="T113" s="16">
        <v>36</v>
      </c>
      <c r="U113" s="16">
        <v>27</v>
      </c>
      <c r="V113" s="16">
        <v>30</v>
      </c>
      <c r="W113" s="16">
        <v>11</v>
      </c>
      <c r="X113" s="16">
        <v>3</v>
      </c>
      <c r="Y113" s="22" t="s">
        <v>268</v>
      </c>
      <c r="Z113" s="16">
        <v>625</v>
      </c>
      <c r="AA113" s="16">
        <v>212</v>
      </c>
      <c r="AB113" s="16">
        <v>107</v>
      </c>
      <c r="AC113" s="16">
        <v>44</v>
      </c>
      <c r="AD113" s="16">
        <v>679</v>
      </c>
      <c r="AE113" s="17">
        <v>50.82497</v>
      </c>
    </row>
    <row r="114" spans="1:31">
      <c r="A114" s="21" t="s">
        <v>240</v>
      </c>
      <c r="B114" s="21" t="s">
        <v>237</v>
      </c>
      <c r="C114" s="21" t="s">
        <v>265</v>
      </c>
      <c r="D114" s="21" t="s">
        <v>395</v>
      </c>
      <c r="E114" s="21" t="s">
        <v>216</v>
      </c>
      <c r="F114" s="21" t="s">
        <v>214</v>
      </c>
      <c r="G114" s="16">
        <v>56343</v>
      </c>
      <c r="H114" s="16">
        <v>2755</v>
      </c>
      <c r="I114" s="16">
        <v>1934</v>
      </c>
      <c r="J114" s="16">
        <v>2076</v>
      </c>
      <c r="K114" s="16">
        <v>2639</v>
      </c>
      <c r="L114" s="16">
        <v>3127</v>
      </c>
      <c r="M114" s="16">
        <v>3425</v>
      </c>
      <c r="N114" s="16">
        <v>3819</v>
      </c>
      <c r="O114" s="16">
        <v>3720</v>
      </c>
      <c r="P114" s="16">
        <v>3996</v>
      </c>
      <c r="Q114" s="16">
        <v>4393</v>
      </c>
      <c r="R114" s="16">
        <v>5035</v>
      </c>
      <c r="S114" s="16">
        <v>5161</v>
      </c>
      <c r="T114" s="16">
        <v>4348</v>
      </c>
      <c r="U114" s="16">
        <v>3997</v>
      </c>
      <c r="V114" s="16">
        <v>3383</v>
      </c>
      <c r="W114" s="16">
        <v>1871</v>
      </c>
      <c r="X114" s="16">
        <v>582</v>
      </c>
      <c r="Y114" s="16">
        <v>82</v>
      </c>
      <c r="Z114" s="16">
        <v>31884</v>
      </c>
      <c r="AA114" s="16">
        <v>24459</v>
      </c>
      <c r="AB114" s="16">
        <v>14263</v>
      </c>
      <c r="AC114" s="16">
        <v>5918</v>
      </c>
      <c r="AD114" s="16">
        <v>34164</v>
      </c>
      <c r="AE114" s="17">
        <v>58.43412</v>
      </c>
    </row>
    <row r="115" spans="1:31">
      <c r="A115" s="21" t="s">
        <v>240</v>
      </c>
      <c r="B115" s="21" t="s">
        <v>237</v>
      </c>
      <c r="C115" s="21" t="s">
        <v>265</v>
      </c>
      <c r="D115" s="21" t="s">
        <v>395</v>
      </c>
      <c r="E115" s="21" t="s">
        <v>216</v>
      </c>
      <c r="F115" s="21" t="s">
        <v>466</v>
      </c>
      <c r="G115" s="16">
        <v>10864</v>
      </c>
      <c r="H115" s="16">
        <v>2735</v>
      </c>
      <c r="I115" s="16">
        <v>1651</v>
      </c>
      <c r="J115" s="16">
        <v>1142</v>
      </c>
      <c r="K115" s="16">
        <v>861</v>
      </c>
      <c r="L115" s="16">
        <v>750</v>
      </c>
      <c r="M115" s="16">
        <v>637</v>
      </c>
      <c r="N115" s="16">
        <v>673</v>
      </c>
      <c r="O115" s="16">
        <v>538</v>
      </c>
      <c r="P115" s="16">
        <v>454</v>
      </c>
      <c r="Q115" s="16">
        <v>315</v>
      </c>
      <c r="R115" s="16">
        <v>296</v>
      </c>
      <c r="S115" s="16">
        <v>255</v>
      </c>
      <c r="T115" s="16">
        <v>206</v>
      </c>
      <c r="U115" s="16">
        <v>143</v>
      </c>
      <c r="V115" s="16">
        <v>118</v>
      </c>
      <c r="W115" s="16">
        <v>67</v>
      </c>
      <c r="X115" s="16">
        <v>22</v>
      </c>
      <c r="Y115" s="16">
        <v>1</v>
      </c>
      <c r="Z115" s="16">
        <v>9756</v>
      </c>
      <c r="AA115" s="16">
        <v>1108</v>
      </c>
      <c r="AB115" s="16">
        <v>557</v>
      </c>
      <c r="AC115" s="16">
        <v>208</v>
      </c>
      <c r="AD115" s="16">
        <v>7317</v>
      </c>
      <c r="AE115" s="17">
        <v>35.845640000000003</v>
      </c>
    </row>
    <row r="116" spans="1:31">
      <c r="A116" s="21" t="s">
        <v>240</v>
      </c>
      <c r="B116" s="21" t="s">
        <v>237</v>
      </c>
      <c r="C116" s="21" t="s">
        <v>265</v>
      </c>
      <c r="D116" s="21" t="s">
        <v>395</v>
      </c>
      <c r="E116" s="21" t="s">
        <v>216</v>
      </c>
      <c r="F116" s="21" t="s">
        <v>467</v>
      </c>
      <c r="G116" s="16">
        <v>29545</v>
      </c>
      <c r="H116" s="16">
        <v>14</v>
      </c>
      <c r="I116" s="16">
        <v>220</v>
      </c>
      <c r="J116" s="16">
        <v>778</v>
      </c>
      <c r="K116" s="16">
        <v>1519</v>
      </c>
      <c r="L116" s="16">
        <v>1978</v>
      </c>
      <c r="M116" s="16">
        <v>2238</v>
      </c>
      <c r="N116" s="16">
        <v>2513</v>
      </c>
      <c r="O116" s="16">
        <v>2535</v>
      </c>
      <c r="P116" s="16">
        <v>2763</v>
      </c>
      <c r="Q116" s="16">
        <v>3178</v>
      </c>
      <c r="R116" s="16">
        <v>3580</v>
      </c>
      <c r="S116" s="16">
        <v>3345</v>
      </c>
      <c r="T116" s="16">
        <v>2382</v>
      </c>
      <c r="U116" s="16">
        <v>1568</v>
      </c>
      <c r="V116" s="16">
        <v>731</v>
      </c>
      <c r="W116" s="16">
        <v>171</v>
      </c>
      <c r="X116" s="16">
        <v>32</v>
      </c>
      <c r="Y116" s="22" t="s">
        <v>268</v>
      </c>
      <c r="Z116" s="16">
        <v>17736</v>
      </c>
      <c r="AA116" s="16">
        <v>11809</v>
      </c>
      <c r="AB116" s="16">
        <v>4884</v>
      </c>
      <c r="AC116" s="16">
        <v>934</v>
      </c>
      <c r="AD116" s="16">
        <v>21302</v>
      </c>
      <c r="AE116" s="17">
        <v>58.758929999999999</v>
      </c>
    </row>
    <row r="117" spans="1:31">
      <c r="A117" s="21" t="s">
        <v>240</v>
      </c>
      <c r="B117" s="21" t="s">
        <v>237</v>
      </c>
      <c r="C117" s="21" t="s">
        <v>265</v>
      </c>
      <c r="D117" s="21" t="s">
        <v>395</v>
      </c>
      <c r="E117" s="21" t="s">
        <v>216</v>
      </c>
      <c r="F117" s="21" t="s">
        <v>468</v>
      </c>
      <c r="G117" s="16">
        <v>10136</v>
      </c>
      <c r="H117" s="22" t="s">
        <v>268</v>
      </c>
      <c r="I117" s="22" t="s">
        <v>268</v>
      </c>
      <c r="J117" s="16">
        <v>2</v>
      </c>
      <c r="K117" s="16">
        <v>9</v>
      </c>
      <c r="L117" s="16">
        <v>17</v>
      </c>
      <c r="M117" s="16">
        <v>29</v>
      </c>
      <c r="N117" s="16">
        <v>45</v>
      </c>
      <c r="O117" s="16">
        <v>66</v>
      </c>
      <c r="P117" s="16">
        <v>190</v>
      </c>
      <c r="Q117" s="16">
        <v>309</v>
      </c>
      <c r="R117" s="16">
        <v>581</v>
      </c>
      <c r="S117" s="16">
        <v>994</v>
      </c>
      <c r="T117" s="16">
        <v>1453</v>
      </c>
      <c r="U117" s="16">
        <v>2023</v>
      </c>
      <c r="V117" s="16">
        <v>2340</v>
      </c>
      <c r="W117" s="16">
        <v>1522</v>
      </c>
      <c r="X117" s="16">
        <v>481</v>
      </c>
      <c r="Y117" s="16">
        <v>75</v>
      </c>
      <c r="Z117" s="16">
        <v>667</v>
      </c>
      <c r="AA117" s="16">
        <v>9469</v>
      </c>
      <c r="AB117" s="16">
        <v>7894</v>
      </c>
      <c r="AC117" s="16">
        <v>4418</v>
      </c>
      <c r="AD117" s="16">
        <v>1248</v>
      </c>
      <c r="AE117" s="17">
        <v>81.81156</v>
      </c>
    </row>
    <row r="118" spans="1:31">
      <c r="A118" s="21" t="s">
        <v>240</v>
      </c>
      <c r="B118" s="21" t="s">
        <v>237</v>
      </c>
      <c r="C118" s="21" t="s">
        <v>265</v>
      </c>
      <c r="D118" s="21" t="s">
        <v>395</v>
      </c>
      <c r="E118" s="21" t="s">
        <v>216</v>
      </c>
      <c r="F118" s="21" t="s">
        <v>469</v>
      </c>
      <c r="G118" s="16">
        <v>4920</v>
      </c>
      <c r="H118" s="16">
        <v>3</v>
      </c>
      <c r="I118" s="16">
        <v>29</v>
      </c>
      <c r="J118" s="16">
        <v>104</v>
      </c>
      <c r="K118" s="16">
        <v>199</v>
      </c>
      <c r="L118" s="16">
        <v>330</v>
      </c>
      <c r="M118" s="16">
        <v>453</v>
      </c>
      <c r="N118" s="16">
        <v>531</v>
      </c>
      <c r="O118" s="16">
        <v>539</v>
      </c>
      <c r="P118" s="16">
        <v>546</v>
      </c>
      <c r="Q118" s="16">
        <v>537</v>
      </c>
      <c r="R118" s="16">
        <v>538</v>
      </c>
      <c r="S118" s="16">
        <v>521</v>
      </c>
      <c r="T118" s="16">
        <v>253</v>
      </c>
      <c r="U118" s="16">
        <v>180</v>
      </c>
      <c r="V118" s="16">
        <v>100</v>
      </c>
      <c r="W118" s="16">
        <v>43</v>
      </c>
      <c r="X118" s="16">
        <v>12</v>
      </c>
      <c r="Y118" s="16">
        <v>2</v>
      </c>
      <c r="Z118" s="16">
        <v>3271</v>
      </c>
      <c r="AA118" s="16">
        <v>1649</v>
      </c>
      <c r="AB118" s="16">
        <v>590</v>
      </c>
      <c r="AC118" s="16">
        <v>157</v>
      </c>
      <c r="AD118" s="16">
        <v>3806</v>
      </c>
      <c r="AE118" s="17">
        <v>57.480490000000003</v>
      </c>
    </row>
    <row r="119" spans="1:31">
      <c r="A119" s="21" t="s">
        <v>240</v>
      </c>
      <c r="B119" s="21" t="s">
        <v>237</v>
      </c>
      <c r="C119" s="21" t="s">
        <v>265</v>
      </c>
      <c r="D119" s="21" t="s">
        <v>395</v>
      </c>
      <c r="E119" s="21" t="s">
        <v>216</v>
      </c>
      <c r="F119" s="21" t="s">
        <v>470</v>
      </c>
      <c r="G119" s="16">
        <v>878</v>
      </c>
      <c r="H119" s="16">
        <v>3</v>
      </c>
      <c r="I119" s="16">
        <v>34</v>
      </c>
      <c r="J119" s="16">
        <v>50</v>
      </c>
      <c r="K119" s="16">
        <v>51</v>
      </c>
      <c r="L119" s="16">
        <v>52</v>
      </c>
      <c r="M119" s="16">
        <v>68</v>
      </c>
      <c r="N119" s="16">
        <v>57</v>
      </c>
      <c r="O119" s="16">
        <v>42</v>
      </c>
      <c r="P119" s="16">
        <v>43</v>
      </c>
      <c r="Q119" s="16">
        <v>54</v>
      </c>
      <c r="R119" s="16">
        <v>40</v>
      </c>
      <c r="S119" s="16">
        <v>46</v>
      </c>
      <c r="T119" s="16">
        <v>54</v>
      </c>
      <c r="U119" s="16">
        <v>83</v>
      </c>
      <c r="V119" s="16">
        <v>94</v>
      </c>
      <c r="W119" s="16">
        <v>68</v>
      </c>
      <c r="X119" s="16">
        <v>35</v>
      </c>
      <c r="Y119" s="16">
        <v>4</v>
      </c>
      <c r="Z119" s="16">
        <v>454</v>
      </c>
      <c r="AA119" s="16">
        <v>424</v>
      </c>
      <c r="AB119" s="16">
        <v>338</v>
      </c>
      <c r="AC119" s="16">
        <v>201</v>
      </c>
      <c r="AD119" s="16">
        <v>491</v>
      </c>
      <c r="AE119" s="17">
        <v>62.469250000000002</v>
      </c>
    </row>
  </sheetData>
  <phoneticPr fontId="1"/>
  <pageMargins left="0.70866141732283472" right="0.70866141732283472" top="0.74803149606299213" bottom="0.74803149606299213" header="0.31496062992125984" footer="0.31496062992125984"/>
  <pageSetup paperSize="9" scale="2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9</vt:i4>
      </vt:variant>
      <vt:variant>
        <vt:lpstr>名前付き一覧</vt:lpstr>
      </vt:variant>
      <vt:variant>
        <vt:i4>1</vt:i4>
      </vt:variant>
    </vt:vector>
  </HeadingPairs>
  <TitlesOfParts>
    <vt:vector size="90" baseType="lpstr">
      <vt:lpstr>目次</vt:lpstr>
      <vt:lpstr>1-1</vt:lpstr>
      <vt:lpstr>1-2</vt:lpstr>
      <vt:lpstr>2-5</vt:lpstr>
      <vt:lpstr>2-6</vt:lpstr>
      <vt:lpstr>2-7</vt:lpstr>
      <vt:lpstr>2-8</vt:lpstr>
      <vt:lpstr>3-3</vt:lpstr>
      <vt:lpstr>4-3</vt:lpstr>
      <vt:lpstr>4-4</vt:lpstr>
      <vt:lpstr>4-5</vt:lpstr>
      <vt:lpstr>4-6</vt:lpstr>
      <vt:lpstr>6-1</vt:lpstr>
      <vt:lpstr>6-2</vt:lpstr>
      <vt:lpstr>6-3</vt:lpstr>
      <vt:lpstr>6-4</vt:lpstr>
      <vt:lpstr>6-5</vt:lpstr>
      <vt:lpstr>6-6</vt:lpstr>
      <vt:lpstr>7-2-1</vt:lpstr>
      <vt:lpstr>7-2-2</vt:lpstr>
      <vt:lpstr>7-2-3</vt:lpstr>
      <vt:lpstr>8-1</vt:lpstr>
      <vt:lpstr>8-2</vt:lpstr>
      <vt:lpstr>8-3</vt:lpstr>
      <vt:lpstr>9-1</vt:lpstr>
      <vt:lpstr>9-2</vt:lpstr>
      <vt:lpstr>9-3</vt:lpstr>
      <vt:lpstr>9-4</vt:lpstr>
      <vt:lpstr>9-5</vt:lpstr>
      <vt:lpstr>9-6</vt:lpstr>
      <vt:lpstr>10</vt:lpstr>
      <vt:lpstr>12-3</vt:lpstr>
      <vt:lpstr>12-4</vt:lpstr>
      <vt:lpstr>14-2-1</vt:lpstr>
      <vt:lpstr>14-2-2</vt:lpstr>
      <vt:lpstr>14-2-3</vt:lpstr>
      <vt:lpstr>14-2-4</vt:lpstr>
      <vt:lpstr>14-2-5</vt:lpstr>
      <vt:lpstr>15-9</vt:lpstr>
      <vt:lpstr>15-10</vt:lpstr>
      <vt:lpstr>15-11</vt:lpstr>
      <vt:lpstr>15-12</vt:lpstr>
      <vt:lpstr>18-4</vt:lpstr>
      <vt:lpstr>18-5</vt:lpstr>
      <vt:lpstr>18-6</vt:lpstr>
      <vt:lpstr>18-7</vt:lpstr>
      <vt:lpstr>18-8</vt:lpstr>
      <vt:lpstr>18-9</vt:lpstr>
      <vt:lpstr>19-4</vt:lpstr>
      <vt:lpstr>19-5</vt:lpstr>
      <vt:lpstr>19-6</vt:lpstr>
      <vt:lpstr>19-7</vt:lpstr>
      <vt:lpstr>19-8</vt:lpstr>
      <vt:lpstr>19-9</vt:lpstr>
      <vt:lpstr>22-3</vt:lpstr>
      <vt:lpstr>22-4</vt:lpstr>
      <vt:lpstr>24-1-1</vt:lpstr>
      <vt:lpstr>24-1-2</vt:lpstr>
      <vt:lpstr>24-1-3</vt:lpstr>
      <vt:lpstr>24-2-1</vt:lpstr>
      <vt:lpstr>24-2-2</vt:lpstr>
      <vt:lpstr>24-2-3</vt:lpstr>
      <vt:lpstr>26-1</vt:lpstr>
      <vt:lpstr>26-2</vt:lpstr>
      <vt:lpstr>26-3</vt:lpstr>
      <vt:lpstr>27-4</vt:lpstr>
      <vt:lpstr>27-5</vt:lpstr>
      <vt:lpstr>27-6</vt:lpstr>
      <vt:lpstr>27-7</vt:lpstr>
      <vt:lpstr>27-8</vt:lpstr>
      <vt:lpstr>29-5</vt:lpstr>
      <vt:lpstr>29-6</vt:lpstr>
      <vt:lpstr>29-7</vt:lpstr>
      <vt:lpstr>29-8</vt:lpstr>
      <vt:lpstr>30-4</vt:lpstr>
      <vt:lpstr>30-5</vt:lpstr>
      <vt:lpstr>30-6</vt:lpstr>
      <vt:lpstr>31-5</vt:lpstr>
      <vt:lpstr>31-6</vt:lpstr>
      <vt:lpstr>31-7</vt:lpstr>
      <vt:lpstr>31-8</vt:lpstr>
      <vt:lpstr>32</vt:lpstr>
      <vt:lpstr>33-2</vt:lpstr>
      <vt:lpstr>36-1</vt:lpstr>
      <vt:lpstr>36-2</vt:lpstr>
      <vt:lpstr>39-1</vt:lpstr>
      <vt:lpstr>39-2</vt:lpstr>
      <vt:lpstr>44-1</vt:lpstr>
      <vt:lpstr>44-2</vt:lpstr>
      <vt:lpstr>目次!Print_Titles</vt:lpstr>
    </vt:vector>
  </TitlesOfParts>
  <Company>総務省統計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Printed>2021-12-14T02:23:09Z</cp:lastPrinted>
  <dcterms:created xsi:type="dcterms:W3CDTF">2021-11-12T05:41:12Z</dcterms:created>
  <dcterms:modified xsi:type="dcterms:W3CDTF">2021-12-24T04:29:52Z</dcterms:modified>
</cp:coreProperties>
</file>